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475174\Documents\Python_Projects\BRE_Paper_2016\unprocessed_data\temperature\"/>
    </mc:Choice>
  </mc:AlternateContent>
  <bookViews>
    <workbookView xWindow="2820" yWindow="0" windowWidth="22104" windowHeight="10356" activeTab="1"/>
  </bookViews>
  <sheets>
    <sheet name="LoggerA" sheetId="1" r:id="rId1"/>
    <sheet name="LoggerB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73">
  <si>
    <t>testing_time</t>
  </si>
  <si>
    <t>3028 &lt;T22-40&gt; (C)</t>
  </si>
  <si>
    <t>3029 &lt;T22-60&gt; (C)</t>
  </si>
  <si>
    <t>3030 &lt;T22-80&gt; (C)</t>
  </si>
  <si>
    <t>3031 &lt;T22-100&gt; (C)</t>
  </si>
  <si>
    <t>3032 &lt;T22-120&gt; (C)</t>
  </si>
  <si>
    <t>3033 &lt;T22-140&gt; (C)</t>
  </si>
  <si>
    <t>3034 &lt;T22-160&gt; (C)</t>
  </si>
  <si>
    <t>3035 &lt;T22-180&gt; (C)</t>
  </si>
  <si>
    <t>3036 &lt;T22-200&gt; (C)</t>
  </si>
  <si>
    <t>3037 &lt;T22-220&gt; (C)</t>
  </si>
  <si>
    <t>3038 &lt;T22-240&gt; (C)</t>
  </si>
  <si>
    <t>3039 &lt;T22-260&gt; (C)</t>
  </si>
  <si>
    <t>4023 &lt;T11-40&gt; (C)</t>
  </si>
  <si>
    <t>4024 &lt;T11-60&gt; (C)</t>
  </si>
  <si>
    <t>4025 &lt;T11-80&gt; (C)</t>
  </si>
  <si>
    <t>4026 &lt;T11-100&gt; (C)</t>
  </si>
  <si>
    <t>4027 &lt;T11-120&gt; (C)</t>
  </si>
  <si>
    <t>4028 &lt;T11-140&gt; (C)</t>
  </si>
  <si>
    <t>4029 &lt;T11-160&gt; (C)</t>
  </si>
  <si>
    <t>4030 &lt;T11-180&gt; (C)</t>
  </si>
  <si>
    <t>4031 &lt;T11-200&gt; (C)</t>
  </si>
  <si>
    <t>4032 &lt;T11-220&gt; (C)</t>
  </si>
  <si>
    <t>4033 &lt;T11-240&gt; (C)</t>
  </si>
  <si>
    <t>4034 &lt;T11-260&gt; (C)</t>
  </si>
  <si>
    <t>4023 &lt;TXX-40&gt; (C)</t>
  </si>
  <si>
    <t>4024 &lt;TXX-60&gt; (C)</t>
  </si>
  <si>
    <t>4025 &lt;TXX-80&gt; (C)</t>
  </si>
  <si>
    <t>4026 &lt;TXX-100&gt; (C)</t>
  </si>
  <si>
    <t>4027 &lt;TXX-120&gt; (C)</t>
  </si>
  <si>
    <t>4028 &lt;TXX-140&gt; (C)</t>
  </si>
  <si>
    <t>4029 &lt;TXX-160&gt; (C)</t>
  </si>
  <si>
    <t>4030 &lt;TXX-180&gt; (C)</t>
  </si>
  <si>
    <t>4031 &lt;TXX-200&gt; (C)</t>
  </si>
  <si>
    <t>4032 &lt;TXX-220&gt; (C)</t>
  </si>
  <si>
    <t>4033 &lt;TXX-240&gt; (C)</t>
  </si>
  <si>
    <t>4034 &lt;TXX-260&gt; (C)</t>
  </si>
  <si>
    <t>1028 &lt;T33-40&gt; (C)</t>
  </si>
  <si>
    <t>1029 &lt;T33-60&gt; (C)</t>
  </si>
  <si>
    <t>1030 &lt;T33-80&gt; (C)</t>
  </si>
  <si>
    <t>1031 &lt;T33-100&gt; (C)</t>
  </si>
  <si>
    <t>1032 &lt;T33-120&gt; (C)</t>
  </si>
  <si>
    <t>1033 &lt;T33-140&gt; (C)</t>
  </si>
  <si>
    <t>1034 &lt;T33-160&gt; (C)</t>
  </si>
  <si>
    <t>1035 &lt;T33-180&gt; (C)</t>
  </si>
  <si>
    <t>1036 &lt;T33-200&gt; (C)</t>
  </si>
  <si>
    <t>1037 &lt;T33-220&gt; (C)</t>
  </si>
  <si>
    <t>1038 &lt;T33-240&gt; (C)</t>
  </si>
  <si>
    <t>1039 &lt;T33-260&gt; (C)</t>
  </si>
  <si>
    <t>5001 &lt;T31-40&gt; (C)</t>
  </si>
  <si>
    <t>5002 &lt;T31-60&gt; (C)</t>
  </si>
  <si>
    <t>5003 &lt;T31-80&gt; (C)</t>
  </si>
  <si>
    <t>5004 &lt;T31-100&gt; (C)</t>
  </si>
  <si>
    <t>5005 &lt;T31-120&gt; (C)</t>
  </si>
  <si>
    <t>5006 &lt;T31-140&gt; (C)</t>
  </si>
  <si>
    <t>5007 &lt;T31-160&gt; (C)</t>
  </si>
  <si>
    <t>5008 &lt;T31-180&gt; (C)</t>
  </si>
  <si>
    <t>5009 &lt;T31-200&gt; (C)</t>
  </si>
  <si>
    <t>5010 &lt;T31-220&gt; (C)</t>
  </si>
  <si>
    <t>5011 &lt;T31-240&gt; (C)</t>
  </si>
  <si>
    <t>5012 &lt;T31-260&gt; (C)</t>
  </si>
  <si>
    <t>2028 &lt;T13-40&gt; (C)</t>
  </si>
  <si>
    <t>2029 &lt;T13-60&gt; (C)</t>
  </si>
  <si>
    <t>2030 &lt;T13-80&gt; (C)</t>
  </si>
  <si>
    <t>2031 &lt;T13-100&gt; (C)</t>
  </si>
  <si>
    <t>2032 &lt;T13-120&gt; (C)</t>
  </si>
  <si>
    <t>2033 &lt;T13-140&gt; (C)</t>
  </si>
  <si>
    <t>2034 &lt;T13-160&gt; (C)</t>
  </si>
  <si>
    <t>2035 &lt;T13-180&gt; (C)</t>
  </si>
  <si>
    <t>2036 &lt;T13-200&gt; (C)</t>
  </si>
  <si>
    <t>2037 &lt;T13-220&gt; (C)</t>
  </si>
  <si>
    <t>2038 &lt;T13-240&gt; (C)</t>
  </si>
  <si>
    <t>2039 &lt;T13-260&gt; (C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Calibri"/>
      <family val="2"/>
      <scheme val="minor"/>
    </font>
    <font>
      <sz val="10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0" fontId="1" fillId="0" borderId="0"/>
  </cellStyleXfs>
  <cellXfs count="7">
    <xf numFmtId="0" fontId="0" fillId="0" borderId="0" xfId="0"/>
    <xf numFmtId="11" fontId="0" fillId="0" borderId="0" xfId="0" applyNumberFormat="1"/>
    <xf numFmtId="0" fontId="1" fillId="0" borderId="0" xfId="1" applyFont="1" applyBorder="1"/>
    <xf numFmtId="0" fontId="1" fillId="0" borderId="0" xfId="1" applyFont="1" applyFill="1" applyBorder="1"/>
    <xf numFmtId="0" fontId="0" fillId="0" borderId="0" xfId="0" applyFill="1" applyBorder="1"/>
    <xf numFmtId="0" fontId="0" fillId="0" borderId="0" xfId="0" applyFill="1"/>
    <xf numFmtId="0" fontId="1" fillId="0" borderId="0" xfId="1"/>
  </cellXfs>
  <cellStyles count="2">
    <cellStyle name="Normal" xfId="0" builtinId="0"/>
    <cellStyle name="Normal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3679"/>
  <sheetViews>
    <sheetView topLeftCell="O1" zoomScale="80" zoomScaleNormal="80" workbookViewId="0">
      <selection activeCell="X19" sqref="X19"/>
    </sheetView>
  </sheetViews>
  <sheetFormatPr defaultColWidth="16.33203125" defaultRowHeight="14.4" x14ac:dyDescent="0.3"/>
  <sheetData>
    <row r="1" spans="1:25" x14ac:dyDescent="0.3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37</v>
      </c>
      <c r="O1" t="s">
        <v>38</v>
      </c>
      <c r="P1" t="s">
        <v>39</v>
      </c>
      <c r="Q1" t="s">
        <v>40</v>
      </c>
      <c r="R1" t="s">
        <v>41</v>
      </c>
      <c r="S1" t="s">
        <v>42</v>
      </c>
      <c r="T1" t="s">
        <v>43</v>
      </c>
      <c r="U1" t="s">
        <v>44</v>
      </c>
      <c r="V1" t="s">
        <v>45</v>
      </c>
      <c r="W1" t="s">
        <v>46</v>
      </c>
      <c r="X1" t="s">
        <v>47</v>
      </c>
      <c r="Y1" t="s">
        <v>48</v>
      </c>
    </row>
    <row r="2" spans="1:25" x14ac:dyDescent="0.3">
      <c r="A2">
        <v>-1.6666663981353243E-2</v>
      </c>
      <c r="B2">
        <v>18.992999999999999</v>
      </c>
      <c r="C2">
        <v>19.206</v>
      </c>
      <c r="D2">
        <v>19.702999999999999</v>
      </c>
      <c r="E2">
        <v>20.306000000000001</v>
      </c>
      <c r="F2">
        <v>20.413</v>
      </c>
      <c r="G2">
        <v>20.803000000000001</v>
      </c>
      <c r="H2">
        <v>20.768000000000001</v>
      </c>
      <c r="I2">
        <v>20.838999999999999</v>
      </c>
      <c r="J2">
        <v>21.744</v>
      </c>
      <c r="K2">
        <v>21.85</v>
      </c>
      <c r="L2">
        <v>22.099</v>
      </c>
      <c r="M2">
        <v>22.274000000000001</v>
      </c>
      <c r="N2">
        <v>19.010999999999999</v>
      </c>
      <c r="O2">
        <v>19.117000000000001</v>
      </c>
      <c r="P2">
        <v>0</v>
      </c>
      <c r="Q2">
        <v>0</v>
      </c>
      <c r="R2">
        <v>20.731999999999999</v>
      </c>
      <c r="S2">
        <v>0</v>
      </c>
      <c r="T2">
        <v>20.661000000000001</v>
      </c>
      <c r="U2">
        <v>20.838999999999999</v>
      </c>
      <c r="V2">
        <v>21.69</v>
      </c>
      <c r="W2">
        <v>21.46</v>
      </c>
      <c r="X2">
        <v>21.407</v>
      </c>
      <c r="Y2">
        <v>21.530999999999999</v>
      </c>
    </row>
    <row r="3" spans="1:25" x14ac:dyDescent="0.3">
      <c r="A3">
        <v>1.6666666666666666E-2</v>
      </c>
      <c r="B3">
        <v>19.027999999999999</v>
      </c>
      <c r="C3">
        <v>19.401</v>
      </c>
      <c r="D3">
        <v>19.774000000000001</v>
      </c>
      <c r="E3">
        <v>20.324000000000002</v>
      </c>
      <c r="F3">
        <v>20.608000000000001</v>
      </c>
      <c r="G3">
        <v>20.713999999999999</v>
      </c>
      <c r="H3">
        <v>20.838000000000001</v>
      </c>
      <c r="I3">
        <v>20.927</v>
      </c>
      <c r="J3">
        <v>21.600999999999999</v>
      </c>
      <c r="K3">
        <v>21.742999999999999</v>
      </c>
      <c r="L3">
        <v>22.186</v>
      </c>
      <c r="M3">
        <v>22.204000000000001</v>
      </c>
      <c r="N3">
        <v>18.975000000000001</v>
      </c>
      <c r="O3">
        <v>19.010000000000002</v>
      </c>
      <c r="P3">
        <v>0</v>
      </c>
      <c r="Q3">
        <v>0</v>
      </c>
      <c r="R3">
        <v>20.75</v>
      </c>
      <c r="S3">
        <v>0</v>
      </c>
      <c r="T3">
        <v>20.713999999999999</v>
      </c>
      <c r="U3">
        <v>20.98</v>
      </c>
      <c r="V3">
        <v>21.69</v>
      </c>
      <c r="W3">
        <v>21.442</v>
      </c>
      <c r="X3">
        <v>21.637</v>
      </c>
      <c r="Y3">
        <v>21.547999999999998</v>
      </c>
    </row>
    <row r="4" spans="1:25" x14ac:dyDescent="0.3">
      <c r="A4">
        <v>3.33333372293661E-2</v>
      </c>
      <c r="B4">
        <v>19.152000000000001</v>
      </c>
      <c r="C4">
        <v>19.524999999999999</v>
      </c>
      <c r="D4">
        <v>19.844000000000001</v>
      </c>
      <c r="E4">
        <v>20.466000000000001</v>
      </c>
      <c r="F4">
        <v>20.643000000000001</v>
      </c>
      <c r="G4">
        <v>20.838000000000001</v>
      </c>
      <c r="H4">
        <v>21.033000000000001</v>
      </c>
      <c r="I4">
        <v>20.908999999999999</v>
      </c>
      <c r="J4">
        <v>21.69</v>
      </c>
      <c r="K4">
        <v>21.814</v>
      </c>
      <c r="L4">
        <v>22.097999999999999</v>
      </c>
      <c r="M4">
        <v>22.239000000000001</v>
      </c>
      <c r="N4">
        <v>18.869</v>
      </c>
      <c r="O4">
        <v>19.099</v>
      </c>
      <c r="P4">
        <v>0</v>
      </c>
      <c r="Q4">
        <v>0</v>
      </c>
      <c r="R4">
        <v>20.908999999999999</v>
      </c>
      <c r="S4">
        <v>0</v>
      </c>
      <c r="T4">
        <v>20.678999999999998</v>
      </c>
      <c r="U4">
        <v>21.103999999999999</v>
      </c>
      <c r="V4">
        <v>21.742999999999999</v>
      </c>
      <c r="W4">
        <v>21.459</v>
      </c>
      <c r="X4">
        <v>21.600999999999999</v>
      </c>
      <c r="Y4">
        <v>21.600999999999999</v>
      </c>
    </row>
    <row r="5" spans="1:25" x14ac:dyDescent="0.3">
      <c r="A5">
        <v>6.666666787738601E-2</v>
      </c>
      <c r="B5">
        <v>19.207999999999998</v>
      </c>
      <c r="C5">
        <v>19.491</v>
      </c>
      <c r="D5">
        <v>19.952999999999999</v>
      </c>
      <c r="E5">
        <v>20.361000000000001</v>
      </c>
      <c r="F5">
        <v>20.538</v>
      </c>
      <c r="G5">
        <v>20.591999999999999</v>
      </c>
      <c r="H5">
        <v>20.786999999999999</v>
      </c>
      <c r="I5">
        <v>20.734000000000002</v>
      </c>
      <c r="J5">
        <v>21.478999999999999</v>
      </c>
      <c r="K5">
        <v>21.673999999999999</v>
      </c>
      <c r="L5">
        <v>22.029</v>
      </c>
      <c r="M5">
        <v>22.292999999999999</v>
      </c>
      <c r="N5">
        <v>19.225000000000001</v>
      </c>
      <c r="O5">
        <v>19.295999999999999</v>
      </c>
      <c r="P5">
        <v>0</v>
      </c>
      <c r="Q5">
        <v>0</v>
      </c>
      <c r="R5">
        <v>21.071000000000002</v>
      </c>
      <c r="S5">
        <v>0</v>
      </c>
      <c r="T5">
        <v>20.876000000000001</v>
      </c>
      <c r="U5">
        <v>21.213000000000001</v>
      </c>
      <c r="V5">
        <v>21.797999999999998</v>
      </c>
      <c r="W5">
        <v>21.337</v>
      </c>
      <c r="X5">
        <v>21.460999999999999</v>
      </c>
      <c r="Y5">
        <v>21.55</v>
      </c>
    </row>
    <row r="6" spans="1:25" x14ac:dyDescent="0.3">
      <c r="A6">
        <v>9.999999852540592E-2</v>
      </c>
      <c r="B6">
        <v>19.152000000000001</v>
      </c>
      <c r="C6">
        <v>19.382999999999999</v>
      </c>
      <c r="D6">
        <v>19.809000000000001</v>
      </c>
      <c r="E6">
        <v>20.376999999999999</v>
      </c>
      <c r="F6">
        <v>20.483000000000001</v>
      </c>
      <c r="G6">
        <v>20.75</v>
      </c>
      <c r="H6">
        <v>20.927</v>
      </c>
      <c r="I6">
        <v>20.927</v>
      </c>
      <c r="J6">
        <v>21.69</v>
      </c>
      <c r="K6">
        <v>21.937999999999999</v>
      </c>
      <c r="L6">
        <v>22.186</v>
      </c>
      <c r="M6">
        <v>22.678000000000001</v>
      </c>
      <c r="N6">
        <v>19.241</v>
      </c>
      <c r="O6">
        <v>19.347999999999999</v>
      </c>
      <c r="P6">
        <v>0</v>
      </c>
      <c r="Q6">
        <v>0</v>
      </c>
      <c r="R6">
        <v>20.962</v>
      </c>
      <c r="S6">
        <v>0</v>
      </c>
      <c r="T6">
        <v>20.661000000000001</v>
      </c>
      <c r="U6">
        <v>20.98</v>
      </c>
      <c r="V6">
        <v>21.619</v>
      </c>
      <c r="W6">
        <v>21.282</v>
      </c>
      <c r="X6">
        <v>21.477</v>
      </c>
      <c r="Y6">
        <v>21.619</v>
      </c>
    </row>
    <row r="7" spans="1:25" x14ac:dyDescent="0.3">
      <c r="A7">
        <v>0.11666666908810536</v>
      </c>
      <c r="B7">
        <v>19.277000000000001</v>
      </c>
      <c r="C7">
        <v>19.437000000000001</v>
      </c>
      <c r="D7">
        <v>20.076000000000001</v>
      </c>
      <c r="E7">
        <v>20.573</v>
      </c>
      <c r="F7">
        <v>20.643000000000001</v>
      </c>
      <c r="G7">
        <v>20.998000000000001</v>
      </c>
      <c r="H7">
        <v>20.998000000000001</v>
      </c>
      <c r="I7">
        <v>21.033999999999999</v>
      </c>
      <c r="J7">
        <v>21.939</v>
      </c>
      <c r="K7">
        <v>21.992000000000001</v>
      </c>
      <c r="L7">
        <v>22.274000000000001</v>
      </c>
      <c r="M7">
        <v>22.975999999999999</v>
      </c>
      <c r="N7">
        <v>19.259</v>
      </c>
      <c r="O7">
        <v>19.366</v>
      </c>
      <c r="P7">
        <v>0</v>
      </c>
      <c r="Q7">
        <v>0</v>
      </c>
      <c r="R7">
        <v>20.91</v>
      </c>
      <c r="S7">
        <v>0</v>
      </c>
      <c r="T7">
        <v>20.856000000000002</v>
      </c>
      <c r="U7">
        <v>21.123000000000001</v>
      </c>
      <c r="V7">
        <v>21.85</v>
      </c>
      <c r="W7">
        <v>21.602</v>
      </c>
      <c r="X7">
        <v>21.62</v>
      </c>
      <c r="Y7">
        <v>21.957000000000001</v>
      </c>
    </row>
    <row r="8" spans="1:25" x14ac:dyDescent="0.3">
      <c r="A8">
        <v>0.14999999973612527</v>
      </c>
      <c r="B8">
        <v>19.524999999999999</v>
      </c>
      <c r="C8">
        <v>19.756</v>
      </c>
      <c r="D8">
        <v>20.359000000000002</v>
      </c>
      <c r="E8">
        <v>20.713999999999999</v>
      </c>
      <c r="F8">
        <v>20.766999999999999</v>
      </c>
      <c r="G8">
        <v>20.962</v>
      </c>
      <c r="H8">
        <v>20.838000000000001</v>
      </c>
      <c r="I8">
        <v>20.873999999999999</v>
      </c>
      <c r="J8">
        <v>21.672000000000001</v>
      </c>
      <c r="K8">
        <v>21.69</v>
      </c>
      <c r="L8">
        <v>22.116</v>
      </c>
      <c r="M8">
        <v>22.641999999999999</v>
      </c>
      <c r="N8">
        <v>19.364999999999998</v>
      </c>
      <c r="O8">
        <v>19.382999999999999</v>
      </c>
      <c r="P8">
        <v>0</v>
      </c>
      <c r="Q8">
        <v>0</v>
      </c>
      <c r="R8">
        <v>21.14</v>
      </c>
      <c r="S8">
        <v>0</v>
      </c>
      <c r="T8">
        <v>21.122</v>
      </c>
      <c r="U8">
        <v>21.547999999999998</v>
      </c>
      <c r="V8">
        <v>22.097999999999999</v>
      </c>
      <c r="W8">
        <v>21.956</v>
      </c>
      <c r="X8">
        <v>22.151</v>
      </c>
      <c r="Y8">
        <v>22.327000000000002</v>
      </c>
    </row>
    <row r="9" spans="1:25" x14ac:dyDescent="0.3">
      <c r="A9">
        <v>0.1666666702988247</v>
      </c>
      <c r="B9">
        <v>19.616</v>
      </c>
      <c r="C9">
        <v>19.632999999999999</v>
      </c>
      <c r="D9">
        <v>20.396000000000001</v>
      </c>
      <c r="E9">
        <v>20.698</v>
      </c>
      <c r="F9">
        <v>20.556000000000001</v>
      </c>
      <c r="G9">
        <v>20.786999999999999</v>
      </c>
      <c r="H9">
        <v>21</v>
      </c>
      <c r="I9">
        <v>21</v>
      </c>
      <c r="J9">
        <v>21.905000000000001</v>
      </c>
      <c r="K9">
        <v>22.065000000000001</v>
      </c>
      <c r="L9">
        <v>22.363</v>
      </c>
      <c r="M9">
        <v>23.434000000000001</v>
      </c>
      <c r="N9">
        <v>19.509</v>
      </c>
      <c r="O9">
        <v>19.704000000000001</v>
      </c>
      <c r="P9">
        <v>0</v>
      </c>
      <c r="Q9">
        <v>0</v>
      </c>
      <c r="R9">
        <v>21.337</v>
      </c>
      <c r="S9">
        <v>0</v>
      </c>
      <c r="T9">
        <v>21.177</v>
      </c>
      <c r="U9">
        <v>21.443000000000001</v>
      </c>
      <c r="V9">
        <v>22.504000000000001</v>
      </c>
      <c r="W9">
        <v>22.766999999999999</v>
      </c>
      <c r="X9">
        <v>22.451000000000001</v>
      </c>
      <c r="Y9">
        <v>22.434000000000001</v>
      </c>
    </row>
    <row r="10" spans="1:25" x14ac:dyDescent="0.3">
      <c r="A10">
        <v>0.20000000094684461</v>
      </c>
      <c r="B10">
        <v>19.597999999999999</v>
      </c>
      <c r="C10">
        <v>19.579999999999998</v>
      </c>
      <c r="D10">
        <v>20.68</v>
      </c>
      <c r="E10">
        <v>20.805</v>
      </c>
      <c r="F10">
        <v>20.663</v>
      </c>
      <c r="G10">
        <v>21.141999999999999</v>
      </c>
      <c r="H10">
        <v>21.195</v>
      </c>
      <c r="I10">
        <v>21.177</v>
      </c>
      <c r="J10">
        <v>22.327999999999999</v>
      </c>
      <c r="K10">
        <v>22.346</v>
      </c>
      <c r="L10">
        <v>22.469000000000001</v>
      </c>
      <c r="M10">
        <v>23.661999999999999</v>
      </c>
      <c r="N10">
        <v>19.632999999999999</v>
      </c>
      <c r="O10">
        <v>19.562000000000001</v>
      </c>
      <c r="P10">
        <v>0</v>
      </c>
      <c r="Q10">
        <v>0</v>
      </c>
      <c r="R10">
        <v>21.355</v>
      </c>
      <c r="S10">
        <v>0</v>
      </c>
      <c r="T10">
        <v>21.673999999999999</v>
      </c>
      <c r="U10">
        <v>22.222999999999999</v>
      </c>
      <c r="V10">
        <v>23.329000000000001</v>
      </c>
      <c r="W10">
        <v>23.521999999999998</v>
      </c>
      <c r="X10">
        <v>22.978000000000002</v>
      </c>
      <c r="Y10">
        <v>22.872</v>
      </c>
    </row>
    <row r="11" spans="1:25" x14ac:dyDescent="0.3">
      <c r="A11">
        <v>0.23333333159486452</v>
      </c>
      <c r="B11">
        <v>19.809000000000001</v>
      </c>
      <c r="C11">
        <v>19.88</v>
      </c>
      <c r="D11">
        <v>20.998000000000001</v>
      </c>
      <c r="E11">
        <v>20.927</v>
      </c>
      <c r="F11">
        <v>20.945</v>
      </c>
      <c r="G11">
        <v>21.282</v>
      </c>
      <c r="H11">
        <v>21.335000000000001</v>
      </c>
      <c r="I11">
        <v>21.335000000000001</v>
      </c>
      <c r="J11">
        <v>22.327000000000002</v>
      </c>
      <c r="K11">
        <v>22.169</v>
      </c>
      <c r="L11">
        <v>22.361999999999998</v>
      </c>
      <c r="M11">
        <v>23.923999999999999</v>
      </c>
      <c r="N11">
        <v>19.577999999999999</v>
      </c>
      <c r="O11">
        <v>19.632000000000001</v>
      </c>
      <c r="P11">
        <v>0</v>
      </c>
      <c r="Q11">
        <v>0</v>
      </c>
      <c r="R11">
        <v>21.547999999999998</v>
      </c>
      <c r="S11">
        <v>0</v>
      </c>
      <c r="T11">
        <v>21.814</v>
      </c>
      <c r="U11">
        <v>22.484000000000002</v>
      </c>
      <c r="V11">
        <v>23.959</v>
      </c>
      <c r="W11">
        <v>24.31</v>
      </c>
      <c r="X11">
        <v>23.731000000000002</v>
      </c>
      <c r="Y11">
        <v>23.59</v>
      </c>
    </row>
    <row r="12" spans="1:25" x14ac:dyDescent="0.3">
      <c r="A12">
        <v>0.25000000215756396</v>
      </c>
      <c r="B12">
        <v>20.238</v>
      </c>
      <c r="C12">
        <v>20.238</v>
      </c>
      <c r="D12">
        <v>21.338000000000001</v>
      </c>
      <c r="E12">
        <v>21.213999999999999</v>
      </c>
      <c r="F12">
        <v>21.018999999999998</v>
      </c>
      <c r="G12">
        <v>21.498000000000001</v>
      </c>
      <c r="H12">
        <v>21.64</v>
      </c>
      <c r="I12">
        <v>21.568999999999999</v>
      </c>
      <c r="J12">
        <v>22.681000000000001</v>
      </c>
      <c r="K12">
        <v>22.786000000000001</v>
      </c>
      <c r="L12">
        <v>22.716000000000001</v>
      </c>
      <c r="M12">
        <v>24.646000000000001</v>
      </c>
      <c r="N12">
        <v>19.829999999999998</v>
      </c>
      <c r="O12">
        <v>19.847999999999999</v>
      </c>
      <c r="P12">
        <v>0</v>
      </c>
      <c r="Q12">
        <v>0</v>
      </c>
      <c r="R12">
        <v>21.817</v>
      </c>
      <c r="S12">
        <v>0</v>
      </c>
      <c r="T12">
        <v>22.119</v>
      </c>
      <c r="U12">
        <v>22.698</v>
      </c>
      <c r="V12">
        <v>24.155000000000001</v>
      </c>
      <c r="W12">
        <v>25.384</v>
      </c>
      <c r="X12">
        <v>24.382999999999999</v>
      </c>
      <c r="Y12">
        <v>24.225000000000001</v>
      </c>
    </row>
    <row r="13" spans="1:25" x14ac:dyDescent="0.3">
      <c r="A13">
        <v>0.28333333280558387</v>
      </c>
      <c r="B13">
        <v>20.396999999999998</v>
      </c>
      <c r="C13">
        <v>20.236999999999998</v>
      </c>
      <c r="D13">
        <v>21.817</v>
      </c>
      <c r="E13">
        <v>21.373000000000001</v>
      </c>
      <c r="F13">
        <v>21.053999999999998</v>
      </c>
      <c r="G13">
        <v>21.905000000000001</v>
      </c>
      <c r="H13">
        <v>22.259</v>
      </c>
      <c r="I13">
        <v>21.780999999999999</v>
      </c>
      <c r="J13">
        <v>23.119</v>
      </c>
      <c r="K13">
        <v>23.277000000000001</v>
      </c>
      <c r="L13">
        <v>23.259</v>
      </c>
      <c r="M13">
        <v>25.452999999999999</v>
      </c>
      <c r="N13">
        <v>20.007000000000001</v>
      </c>
      <c r="O13">
        <v>19.989000000000001</v>
      </c>
      <c r="P13">
        <v>0</v>
      </c>
      <c r="Q13">
        <v>0</v>
      </c>
      <c r="R13">
        <v>21.994</v>
      </c>
      <c r="S13">
        <v>0</v>
      </c>
      <c r="T13">
        <v>22.417000000000002</v>
      </c>
      <c r="U13">
        <v>23.224</v>
      </c>
      <c r="V13">
        <v>25.102</v>
      </c>
      <c r="W13">
        <v>26.347999999999999</v>
      </c>
      <c r="X13">
        <v>25.084</v>
      </c>
      <c r="Y13">
        <v>25.137</v>
      </c>
    </row>
    <row r="14" spans="1:25" x14ac:dyDescent="0.3">
      <c r="A14">
        <v>0.30000000336828331</v>
      </c>
      <c r="B14">
        <v>20.536999999999999</v>
      </c>
      <c r="C14">
        <v>20.501000000000001</v>
      </c>
      <c r="D14">
        <v>21.974</v>
      </c>
      <c r="E14">
        <v>21.282</v>
      </c>
      <c r="F14">
        <v>21.158000000000001</v>
      </c>
      <c r="G14">
        <v>22.291</v>
      </c>
      <c r="H14">
        <v>22.957999999999998</v>
      </c>
      <c r="I14">
        <v>22.186</v>
      </c>
      <c r="J14">
        <v>23.484999999999999</v>
      </c>
      <c r="K14">
        <v>23.731000000000002</v>
      </c>
      <c r="L14">
        <v>23.940999999999999</v>
      </c>
      <c r="M14">
        <v>26.995000000000001</v>
      </c>
      <c r="N14">
        <v>20.181999999999999</v>
      </c>
      <c r="O14">
        <v>20.288</v>
      </c>
      <c r="P14">
        <v>0</v>
      </c>
      <c r="Q14">
        <v>0</v>
      </c>
      <c r="R14">
        <v>22.274000000000001</v>
      </c>
      <c r="S14">
        <v>0</v>
      </c>
      <c r="T14">
        <v>22.975999999999999</v>
      </c>
      <c r="U14">
        <v>24.52</v>
      </c>
      <c r="V14">
        <v>26.521000000000001</v>
      </c>
      <c r="W14">
        <v>27.556999999999999</v>
      </c>
      <c r="X14">
        <v>25.995000000000001</v>
      </c>
      <c r="Y14">
        <v>25.907</v>
      </c>
    </row>
    <row r="15" spans="1:25" x14ac:dyDescent="0.3">
      <c r="A15">
        <v>0.33333333401630322</v>
      </c>
      <c r="B15">
        <v>20.841000000000001</v>
      </c>
      <c r="C15">
        <v>20.54</v>
      </c>
      <c r="D15">
        <v>22.154</v>
      </c>
      <c r="E15">
        <v>21.48</v>
      </c>
      <c r="F15">
        <v>21.178999999999998</v>
      </c>
      <c r="G15">
        <v>22.628</v>
      </c>
      <c r="H15">
        <v>23.978999999999999</v>
      </c>
      <c r="I15">
        <v>22.681000000000001</v>
      </c>
      <c r="J15">
        <v>24.12</v>
      </c>
      <c r="K15">
        <v>24.417999999999999</v>
      </c>
      <c r="L15">
        <v>24.629000000000001</v>
      </c>
      <c r="M15">
        <v>27.63</v>
      </c>
      <c r="N15">
        <v>20.574999999999999</v>
      </c>
      <c r="O15">
        <v>20.628</v>
      </c>
      <c r="P15">
        <v>0</v>
      </c>
      <c r="Q15">
        <v>0</v>
      </c>
      <c r="R15">
        <v>22.821000000000002</v>
      </c>
      <c r="S15">
        <v>0</v>
      </c>
      <c r="T15">
        <v>24.382999999999999</v>
      </c>
      <c r="U15">
        <v>26.331</v>
      </c>
      <c r="V15">
        <v>27.771000000000001</v>
      </c>
      <c r="W15">
        <v>28.771000000000001</v>
      </c>
      <c r="X15">
        <v>27.332000000000001</v>
      </c>
      <c r="Y15">
        <v>26.507000000000001</v>
      </c>
    </row>
    <row r="16" spans="1:25" x14ac:dyDescent="0.3">
      <c r="A16">
        <v>0.36666666466432313</v>
      </c>
      <c r="B16">
        <v>21.087</v>
      </c>
      <c r="C16">
        <v>20.785</v>
      </c>
      <c r="D16">
        <v>22.713000000000001</v>
      </c>
      <c r="E16">
        <v>21.655000000000001</v>
      </c>
      <c r="F16">
        <v>21.14</v>
      </c>
      <c r="G16">
        <v>22.800999999999998</v>
      </c>
      <c r="H16">
        <v>24.31</v>
      </c>
      <c r="I16">
        <v>22.888999999999999</v>
      </c>
      <c r="J16">
        <v>24.696000000000002</v>
      </c>
      <c r="K16">
        <v>24.802</v>
      </c>
      <c r="L16">
        <v>25.416</v>
      </c>
      <c r="M16">
        <v>29.26</v>
      </c>
      <c r="N16">
        <v>20.608000000000001</v>
      </c>
      <c r="O16">
        <v>20.608000000000001</v>
      </c>
      <c r="P16">
        <v>0</v>
      </c>
      <c r="Q16">
        <v>0</v>
      </c>
      <c r="R16">
        <v>23.538</v>
      </c>
      <c r="S16">
        <v>0</v>
      </c>
      <c r="T16">
        <v>25.978000000000002</v>
      </c>
      <c r="U16">
        <v>27.785</v>
      </c>
      <c r="V16">
        <v>29.751000000000001</v>
      </c>
      <c r="W16">
        <v>30.225000000000001</v>
      </c>
      <c r="X16">
        <v>28.558</v>
      </c>
      <c r="Y16">
        <v>28.119</v>
      </c>
    </row>
    <row r="17" spans="1:25" x14ac:dyDescent="0.3">
      <c r="A17">
        <v>0.38333333522702256</v>
      </c>
      <c r="B17">
        <v>21.173999999999999</v>
      </c>
      <c r="C17">
        <v>20.765999999999998</v>
      </c>
      <c r="D17">
        <v>22.922000000000001</v>
      </c>
      <c r="E17">
        <v>21.689</v>
      </c>
      <c r="F17">
        <v>21.387</v>
      </c>
      <c r="G17">
        <v>23.132999999999999</v>
      </c>
      <c r="H17">
        <v>25.327000000000002</v>
      </c>
      <c r="I17">
        <v>24.132999999999999</v>
      </c>
      <c r="J17">
        <v>25.484000000000002</v>
      </c>
      <c r="K17">
        <v>25.957999999999998</v>
      </c>
      <c r="L17">
        <v>26.59</v>
      </c>
      <c r="M17">
        <v>30.452000000000002</v>
      </c>
      <c r="N17">
        <v>20.695</v>
      </c>
      <c r="O17">
        <v>20.695</v>
      </c>
      <c r="P17">
        <v>0</v>
      </c>
      <c r="Q17">
        <v>0</v>
      </c>
      <c r="R17">
        <v>24.344000000000001</v>
      </c>
      <c r="S17">
        <v>0</v>
      </c>
      <c r="T17">
        <v>27.363</v>
      </c>
      <c r="U17">
        <v>29.504000000000001</v>
      </c>
      <c r="V17">
        <v>31.276</v>
      </c>
      <c r="W17">
        <v>31.154</v>
      </c>
      <c r="X17">
        <v>29.907</v>
      </c>
      <c r="Y17">
        <v>29.03</v>
      </c>
    </row>
    <row r="18" spans="1:25" x14ac:dyDescent="0.3">
      <c r="A18">
        <v>0.41666666587504247</v>
      </c>
      <c r="B18">
        <v>21.780999999999999</v>
      </c>
      <c r="C18">
        <v>21.213000000000001</v>
      </c>
      <c r="D18">
        <v>23.486999999999998</v>
      </c>
      <c r="E18">
        <v>22.329000000000001</v>
      </c>
      <c r="F18">
        <v>21.834</v>
      </c>
      <c r="G18">
        <v>24.856000000000002</v>
      </c>
      <c r="H18">
        <v>27.295999999999999</v>
      </c>
      <c r="I18">
        <v>25.452999999999999</v>
      </c>
      <c r="J18">
        <v>26.331</v>
      </c>
      <c r="K18">
        <v>27.05</v>
      </c>
      <c r="L18">
        <v>27.524000000000001</v>
      </c>
      <c r="M18">
        <v>31.981999999999999</v>
      </c>
      <c r="N18">
        <v>20.841000000000001</v>
      </c>
      <c r="O18">
        <v>20.77</v>
      </c>
      <c r="P18">
        <v>0</v>
      </c>
      <c r="Q18">
        <v>0</v>
      </c>
      <c r="R18">
        <v>25.102</v>
      </c>
      <c r="S18">
        <v>0</v>
      </c>
      <c r="T18">
        <v>29.56</v>
      </c>
      <c r="U18">
        <v>31.263000000000002</v>
      </c>
      <c r="V18">
        <v>32.911999999999999</v>
      </c>
      <c r="W18">
        <v>32.947000000000003</v>
      </c>
      <c r="X18">
        <v>31.087</v>
      </c>
      <c r="Y18">
        <v>31.016999999999999</v>
      </c>
    </row>
    <row r="19" spans="1:25" x14ac:dyDescent="0.3">
      <c r="A19">
        <v>0.44999999652306238</v>
      </c>
      <c r="B19">
        <v>22.222000000000001</v>
      </c>
      <c r="C19">
        <v>21.530999999999999</v>
      </c>
      <c r="D19">
        <v>24.1</v>
      </c>
      <c r="E19">
        <v>22.52</v>
      </c>
      <c r="F19">
        <v>22.52</v>
      </c>
      <c r="G19">
        <v>26.452000000000002</v>
      </c>
      <c r="H19">
        <v>29.119</v>
      </c>
      <c r="I19">
        <v>26.065000000000001</v>
      </c>
      <c r="J19">
        <v>27.486999999999998</v>
      </c>
      <c r="K19">
        <v>27.768000000000001</v>
      </c>
      <c r="L19">
        <v>28.488</v>
      </c>
      <c r="M19">
        <v>33.384</v>
      </c>
      <c r="N19">
        <v>20.963000000000001</v>
      </c>
      <c r="O19">
        <v>20.821000000000002</v>
      </c>
      <c r="P19">
        <v>0</v>
      </c>
      <c r="Q19">
        <v>0</v>
      </c>
      <c r="R19">
        <v>26.187999999999999</v>
      </c>
      <c r="S19">
        <v>0</v>
      </c>
      <c r="T19">
        <v>32.155999999999999</v>
      </c>
      <c r="U19">
        <v>33.506999999999998</v>
      </c>
      <c r="V19">
        <v>35.085999999999999</v>
      </c>
      <c r="W19">
        <v>34.366999999999997</v>
      </c>
      <c r="X19">
        <v>32.331000000000003</v>
      </c>
      <c r="Y19">
        <v>32.314</v>
      </c>
    </row>
    <row r="20" spans="1:25" x14ac:dyDescent="0.3">
      <c r="A20">
        <v>0.46666666708576182</v>
      </c>
      <c r="B20">
        <v>22.713000000000001</v>
      </c>
      <c r="C20">
        <v>21.885000000000002</v>
      </c>
      <c r="D20">
        <v>24.661000000000001</v>
      </c>
      <c r="E20">
        <v>22.975999999999999</v>
      </c>
      <c r="F20">
        <v>22.888000000000002</v>
      </c>
      <c r="G20">
        <v>27.257999999999999</v>
      </c>
      <c r="H20">
        <v>30.628</v>
      </c>
      <c r="I20">
        <v>27.591999999999999</v>
      </c>
      <c r="J20">
        <v>28.504999999999999</v>
      </c>
      <c r="K20">
        <v>28.574999999999999</v>
      </c>
      <c r="L20">
        <v>30.19</v>
      </c>
      <c r="M20">
        <v>35.085999999999999</v>
      </c>
      <c r="N20">
        <v>21.175000000000001</v>
      </c>
      <c r="O20">
        <v>21.087</v>
      </c>
      <c r="P20">
        <v>0</v>
      </c>
      <c r="Q20">
        <v>0</v>
      </c>
      <c r="R20">
        <v>27.013000000000002</v>
      </c>
      <c r="S20">
        <v>0</v>
      </c>
      <c r="T20">
        <v>34.472000000000001</v>
      </c>
      <c r="U20">
        <v>35.848999999999997</v>
      </c>
      <c r="V20">
        <v>37.029000000000003</v>
      </c>
      <c r="W20">
        <v>35.051000000000002</v>
      </c>
      <c r="X20">
        <v>34.067999999999998</v>
      </c>
      <c r="Y20">
        <v>33.612000000000002</v>
      </c>
    </row>
    <row r="21" spans="1:25" x14ac:dyDescent="0.3">
      <c r="A21">
        <v>0.49999999773378173</v>
      </c>
      <c r="B21">
        <v>23.119</v>
      </c>
      <c r="C21">
        <v>22.100999999999999</v>
      </c>
      <c r="D21">
        <v>25.452999999999999</v>
      </c>
      <c r="E21">
        <v>23.574999999999999</v>
      </c>
      <c r="F21">
        <v>23.997</v>
      </c>
      <c r="G21">
        <v>28.928999999999998</v>
      </c>
      <c r="H21">
        <v>32.298000000000002</v>
      </c>
      <c r="I21">
        <v>28.823</v>
      </c>
      <c r="J21">
        <v>29.824000000000002</v>
      </c>
      <c r="K21">
        <v>30.192</v>
      </c>
      <c r="L21">
        <v>32.07</v>
      </c>
      <c r="M21">
        <v>37.118000000000002</v>
      </c>
      <c r="N21">
        <v>21.835000000000001</v>
      </c>
      <c r="O21">
        <v>21.585999999999999</v>
      </c>
      <c r="P21">
        <v>0</v>
      </c>
      <c r="Q21">
        <v>0</v>
      </c>
      <c r="R21">
        <v>27.946000000000002</v>
      </c>
      <c r="S21">
        <v>0</v>
      </c>
      <c r="T21">
        <v>36.875999999999998</v>
      </c>
      <c r="U21">
        <v>37.933999999999997</v>
      </c>
      <c r="V21">
        <v>38.819000000000003</v>
      </c>
      <c r="W21">
        <v>36.823999999999998</v>
      </c>
      <c r="X21">
        <v>35.28</v>
      </c>
      <c r="Y21">
        <v>34.58</v>
      </c>
    </row>
    <row r="22" spans="1:25" x14ac:dyDescent="0.3">
      <c r="A22">
        <v>0.51666666829648122</v>
      </c>
      <c r="B22">
        <v>23.765999999999998</v>
      </c>
      <c r="C22">
        <v>22.818000000000001</v>
      </c>
      <c r="D22">
        <v>26.591999999999999</v>
      </c>
      <c r="E22">
        <v>24.643999999999998</v>
      </c>
      <c r="F22">
        <v>26.399000000000001</v>
      </c>
      <c r="G22">
        <v>30.891999999999999</v>
      </c>
      <c r="H22">
        <v>34.366999999999997</v>
      </c>
      <c r="I22">
        <v>30.207999999999998</v>
      </c>
      <c r="J22">
        <v>30.98</v>
      </c>
      <c r="K22">
        <v>31.207999999999998</v>
      </c>
      <c r="L22">
        <v>34.139000000000003</v>
      </c>
      <c r="M22">
        <v>39.51</v>
      </c>
      <c r="N22">
        <v>21.85</v>
      </c>
      <c r="O22">
        <v>21.584</v>
      </c>
      <c r="P22">
        <v>0</v>
      </c>
      <c r="Q22">
        <v>0</v>
      </c>
      <c r="R22">
        <v>29.067</v>
      </c>
      <c r="S22">
        <v>0</v>
      </c>
      <c r="T22">
        <v>39.094000000000001</v>
      </c>
      <c r="U22">
        <v>40.186999999999998</v>
      </c>
      <c r="V22">
        <v>40.43</v>
      </c>
      <c r="W22">
        <v>38.729999999999997</v>
      </c>
      <c r="X22">
        <v>37.307000000000002</v>
      </c>
      <c r="Y22">
        <v>37.375999999999998</v>
      </c>
    </row>
    <row r="23" spans="1:25" x14ac:dyDescent="0.3">
      <c r="A23">
        <v>0.54999999894450113</v>
      </c>
      <c r="B23">
        <v>24.803999999999998</v>
      </c>
      <c r="C23">
        <v>23.61</v>
      </c>
      <c r="D23">
        <v>28.225999999999999</v>
      </c>
      <c r="E23">
        <v>26.401</v>
      </c>
      <c r="F23">
        <v>28.295999999999999</v>
      </c>
      <c r="G23">
        <v>32.631999999999998</v>
      </c>
      <c r="H23">
        <v>36.701999999999998</v>
      </c>
      <c r="I23">
        <v>32.087000000000003</v>
      </c>
      <c r="J23">
        <v>32.386000000000003</v>
      </c>
      <c r="K23">
        <v>32.719000000000001</v>
      </c>
      <c r="L23">
        <v>35.869</v>
      </c>
      <c r="M23">
        <v>41.247</v>
      </c>
      <c r="N23">
        <v>21.975999999999999</v>
      </c>
      <c r="O23">
        <v>22.574999999999999</v>
      </c>
      <c r="P23">
        <v>0</v>
      </c>
      <c r="Q23">
        <v>0</v>
      </c>
      <c r="R23">
        <v>30.613</v>
      </c>
      <c r="S23">
        <v>0</v>
      </c>
      <c r="T23">
        <v>42.305</v>
      </c>
      <c r="U23">
        <v>42.911999999999999</v>
      </c>
      <c r="V23">
        <v>42.582999999999998</v>
      </c>
      <c r="W23">
        <v>41.247</v>
      </c>
      <c r="X23">
        <v>39.512</v>
      </c>
      <c r="Y23">
        <v>39.755000000000003</v>
      </c>
    </row>
    <row r="24" spans="1:25" x14ac:dyDescent="0.3">
      <c r="A24">
        <v>0.58333334006990001</v>
      </c>
      <c r="B24">
        <v>25.803999999999998</v>
      </c>
      <c r="C24">
        <v>24.574999999999999</v>
      </c>
      <c r="D24">
        <v>30.227</v>
      </c>
      <c r="E24">
        <v>28.366</v>
      </c>
      <c r="F24">
        <v>30.35</v>
      </c>
      <c r="G24">
        <v>35.435000000000002</v>
      </c>
      <c r="H24">
        <v>39.338999999999999</v>
      </c>
      <c r="I24">
        <v>33.246000000000002</v>
      </c>
      <c r="J24">
        <v>34.316000000000003</v>
      </c>
      <c r="K24">
        <v>34.194000000000003</v>
      </c>
      <c r="L24">
        <v>37.621000000000002</v>
      </c>
      <c r="M24">
        <v>42.027999999999999</v>
      </c>
      <c r="N24">
        <v>22.294</v>
      </c>
      <c r="O24">
        <v>23.47</v>
      </c>
      <c r="P24">
        <v>0</v>
      </c>
      <c r="Q24">
        <v>0</v>
      </c>
      <c r="R24">
        <v>31.965</v>
      </c>
      <c r="S24">
        <v>0</v>
      </c>
      <c r="T24">
        <v>45.393000000000001</v>
      </c>
      <c r="U24">
        <v>46.155999999999999</v>
      </c>
      <c r="V24">
        <v>45.531999999999996</v>
      </c>
      <c r="W24">
        <v>44.057000000000002</v>
      </c>
      <c r="X24">
        <v>41.923000000000002</v>
      </c>
      <c r="Y24">
        <v>40.725999999999999</v>
      </c>
    </row>
    <row r="25" spans="1:25" x14ac:dyDescent="0.3">
      <c r="A25">
        <v>0.60000000015522048</v>
      </c>
      <c r="B25">
        <v>26.943000000000001</v>
      </c>
      <c r="C25">
        <v>26.257999999999999</v>
      </c>
      <c r="D25">
        <v>32.401000000000003</v>
      </c>
      <c r="E25">
        <v>30.873999999999999</v>
      </c>
      <c r="F25">
        <v>32.840000000000003</v>
      </c>
      <c r="G25">
        <v>37.706000000000003</v>
      </c>
      <c r="H25">
        <v>42.250999999999998</v>
      </c>
      <c r="I25">
        <v>34.911000000000001</v>
      </c>
      <c r="J25">
        <v>35.814999999999998</v>
      </c>
      <c r="K25">
        <v>35.468000000000004</v>
      </c>
      <c r="L25">
        <v>39.18</v>
      </c>
      <c r="M25">
        <v>43.118000000000002</v>
      </c>
      <c r="N25">
        <v>22.695</v>
      </c>
      <c r="O25">
        <v>24.994</v>
      </c>
      <c r="P25">
        <v>0</v>
      </c>
      <c r="Q25">
        <v>0</v>
      </c>
      <c r="R25">
        <v>33.927999999999997</v>
      </c>
      <c r="S25">
        <v>0</v>
      </c>
      <c r="T25">
        <v>48.661999999999999</v>
      </c>
      <c r="U25">
        <v>49.023000000000003</v>
      </c>
      <c r="V25">
        <v>48.404000000000003</v>
      </c>
      <c r="W25">
        <v>46.085000000000001</v>
      </c>
      <c r="X25">
        <v>44.817999999999998</v>
      </c>
      <c r="Y25">
        <v>42.494</v>
      </c>
    </row>
    <row r="26" spans="1:25" x14ac:dyDescent="0.3">
      <c r="A26">
        <v>0.63333333080324039</v>
      </c>
      <c r="B26">
        <v>28.015999999999998</v>
      </c>
      <c r="C26">
        <v>27.646999999999998</v>
      </c>
      <c r="D26">
        <v>34.948999999999998</v>
      </c>
      <c r="E26">
        <v>33.896000000000001</v>
      </c>
      <c r="F26">
        <v>35.314</v>
      </c>
      <c r="G26">
        <v>40.171999999999997</v>
      </c>
      <c r="H26">
        <v>45.497999999999998</v>
      </c>
      <c r="I26">
        <v>36.286000000000001</v>
      </c>
      <c r="J26">
        <v>37.482999999999997</v>
      </c>
      <c r="K26">
        <v>37.118000000000002</v>
      </c>
      <c r="L26">
        <v>41.386000000000003</v>
      </c>
      <c r="M26">
        <v>46.209000000000003</v>
      </c>
      <c r="N26">
        <v>24.013999999999999</v>
      </c>
      <c r="O26">
        <v>26.84</v>
      </c>
      <c r="P26">
        <v>0</v>
      </c>
      <c r="Q26">
        <v>0</v>
      </c>
      <c r="R26">
        <v>35.956000000000003</v>
      </c>
      <c r="S26">
        <v>0</v>
      </c>
      <c r="T26">
        <v>51.398000000000003</v>
      </c>
      <c r="U26">
        <v>52.600999999999999</v>
      </c>
      <c r="V26">
        <v>51.741999999999997</v>
      </c>
      <c r="W26">
        <v>47.822000000000003</v>
      </c>
      <c r="X26">
        <v>47.805</v>
      </c>
      <c r="Y26">
        <v>45.271999999999998</v>
      </c>
    </row>
    <row r="27" spans="1:25" x14ac:dyDescent="0.3">
      <c r="A27">
        <v>0.65000000136593983</v>
      </c>
      <c r="B27">
        <v>29.155999999999999</v>
      </c>
      <c r="C27">
        <v>29.295999999999999</v>
      </c>
      <c r="D27">
        <v>37.725000000000001</v>
      </c>
      <c r="E27">
        <v>36.649000000000001</v>
      </c>
      <c r="F27">
        <v>37.950000000000003</v>
      </c>
      <c r="G27">
        <v>43.554000000000002</v>
      </c>
      <c r="H27">
        <v>49.197000000000003</v>
      </c>
      <c r="I27">
        <v>38.124000000000002</v>
      </c>
      <c r="J27">
        <v>39.46</v>
      </c>
      <c r="K27">
        <v>38.61</v>
      </c>
      <c r="L27">
        <v>43.137</v>
      </c>
      <c r="M27">
        <v>48.164999999999999</v>
      </c>
      <c r="N27">
        <v>25.259</v>
      </c>
      <c r="O27">
        <v>28.716999999999999</v>
      </c>
      <c r="P27">
        <v>0</v>
      </c>
      <c r="Q27">
        <v>0</v>
      </c>
      <c r="R27">
        <v>38.054000000000002</v>
      </c>
      <c r="S27">
        <v>0</v>
      </c>
      <c r="T27">
        <v>54.043999999999997</v>
      </c>
      <c r="U27">
        <v>55.384999999999998</v>
      </c>
      <c r="V27">
        <v>54.335999999999999</v>
      </c>
      <c r="W27">
        <v>50.158999999999999</v>
      </c>
      <c r="X27">
        <v>51.002000000000002</v>
      </c>
      <c r="Y27">
        <v>47.716999999999999</v>
      </c>
    </row>
    <row r="28" spans="1:25" x14ac:dyDescent="0.3">
      <c r="A28">
        <v>0.68333333201395974</v>
      </c>
      <c r="B28">
        <v>31.207999999999998</v>
      </c>
      <c r="C28">
        <v>32.173000000000002</v>
      </c>
      <c r="D28">
        <v>41.158000000000001</v>
      </c>
      <c r="E28">
        <v>38.764000000000003</v>
      </c>
      <c r="F28">
        <v>41.122999999999998</v>
      </c>
      <c r="G28">
        <v>46.883000000000003</v>
      </c>
      <c r="H28">
        <v>52.357999999999997</v>
      </c>
      <c r="I28">
        <v>40.707000000000001</v>
      </c>
      <c r="J28">
        <v>42.008000000000003</v>
      </c>
      <c r="K28">
        <v>40.116999999999997</v>
      </c>
      <c r="L28">
        <v>44.905000000000001</v>
      </c>
      <c r="M28">
        <v>51.463999999999999</v>
      </c>
      <c r="N28">
        <v>26.713999999999999</v>
      </c>
      <c r="O28">
        <v>31.032</v>
      </c>
      <c r="P28">
        <v>0</v>
      </c>
      <c r="Q28">
        <v>0</v>
      </c>
      <c r="R28">
        <v>40.655000000000001</v>
      </c>
      <c r="S28">
        <v>0</v>
      </c>
      <c r="T28">
        <v>56.052999999999997</v>
      </c>
      <c r="U28">
        <v>57.91</v>
      </c>
      <c r="V28">
        <v>57.962000000000003</v>
      </c>
      <c r="W28">
        <v>52.890999999999998</v>
      </c>
      <c r="X28">
        <v>54.008000000000003</v>
      </c>
      <c r="Y28">
        <v>49.075000000000003</v>
      </c>
    </row>
    <row r="29" spans="1:25" x14ac:dyDescent="0.3">
      <c r="A29">
        <v>0.71666667313935861</v>
      </c>
      <c r="B29">
        <v>33.773000000000003</v>
      </c>
      <c r="C29">
        <v>34.405000000000001</v>
      </c>
      <c r="D29">
        <v>45.445999999999998</v>
      </c>
      <c r="E29">
        <v>42.287999999999997</v>
      </c>
      <c r="F29">
        <v>45.271999999999998</v>
      </c>
      <c r="G29">
        <v>51.122999999999998</v>
      </c>
      <c r="H29">
        <v>56.640999999999998</v>
      </c>
      <c r="I29">
        <v>43.484999999999999</v>
      </c>
      <c r="J29">
        <v>44.63</v>
      </c>
      <c r="K29">
        <v>42.323</v>
      </c>
      <c r="L29">
        <v>47.146000000000001</v>
      </c>
      <c r="M29">
        <v>55.369</v>
      </c>
      <c r="N29">
        <v>29.648</v>
      </c>
      <c r="O29">
        <v>34.088999999999999</v>
      </c>
      <c r="P29">
        <v>0</v>
      </c>
      <c r="Q29">
        <v>0</v>
      </c>
      <c r="R29">
        <v>44.11</v>
      </c>
      <c r="S29">
        <v>0</v>
      </c>
      <c r="T29">
        <v>58.823999999999998</v>
      </c>
      <c r="U29">
        <v>60.816000000000003</v>
      </c>
      <c r="V29">
        <v>61.021000000000001</v>
      </c>
      <c r="W29">
        <v>55.901000000000003</v>
      </c>
      <c r="X29">
        <v>58.274000000000001</v>
      </c>
      <c r="Y29">
        <v>52.600999999999999</v>
      </c>
    </row>
    <row r="30" spans="1:25" x14ac:dyDescent="0.3">
      <c r="A30">
        <v>0.73333333322467908</v>
      </c>
      <c r="B30">
        <v>37.204999999999998</v>
      </c>
      <c r="C30">
        <v>37.152999999999999</v>
      </c>
      <c r="D30">
        <v>50.332000000000001</v>
      </c>
      <c r="E30">
        <v>46.122</v>
      </c>
      <c r="F30">
        <v>48.664000000000001</v>
      </c>
      <c r="G30">
        <v>54.542999999999999</v>
      </c>
      <c r="H30">
        <v>59.889000000000003</v>
      </c>
      <c r="I30">
        <v>44.179000000000002</v>
      </c>
      <c r="J30">
        <v>46.902000000000001</v>
      </c>
      <c r="K30">
        <v>46.103999999999999</v>
      </c>
      <c r="L30">
        <v>49.73</v>
      </c>
      <c r="M30">
        <v>58.960999999999999</v>
      </c>
      <c r="N30">
        <v>32.14</v>
      </c>
      <c r="O30">
        <v>37.585999999999999</v>
      </c>
      <c r="P30">
        <v>0</v>
      </c>
      <c r="Q30">
        <v>0</v>
      </c>
      <c r="R30">
        <v>46.798000000000002</v>
      </c>
      <c r="S30">
        <v>0</v>
      </c>
      <c r="T30">
        <v>63.055999999999997</v>
      </c>
      <c r="U30">
        <v>64.305000000000007</v>
      </c>
      <c r="V30">
        <v>64.510000000000005</v>
      </c>
      <c r="W30">
        <v>60.917999999999999</v>
      </c>
      <c r="X30">
        <v>62.15</v>
      </c>
      <c r="Y30">
        <v>56.228000000000002</v>
      </c>
    </row>
    <row r="31" spans="1:25" x14ac:dyDescent="0.3">
      <c r="A31">
        <v>0.76666666387269899</v>
      </c>
      <c r="B31">
        <v>41.244999999999997</v>
      </c>
      <c r="C31">
        <v>40.863</v>
      </c>
      <c r="D31">
        <v>54.918999999999997</v>
      </c>
      <c r="E31">
        <v>49.606999999999999</v>
      </c>
      <c r="F31">
        <v>52.494999999999997</v>
      </c>
      <c r="G31">
        <v>57.445999999999998</v>
      </c>
      <c r="H31">
        <v>63.618000000000002</v>
      </c>
      <c r="I31">
        <v>47.021999999999998</v>
      </c>
      <c r="J31">
        <v>49.195</v>
      </c>
      <c r="K31">
        <v>48.456000000000003</v>
      </c>
      <c r="L31">
        <v>53.87</v>
      </c>
      <c r="M31">
        <v>66.319999999999993</v>
      </c>
      <c r="N31">
        <v>34.945999999999998</v>
      </c>
      <c r="O31">
        <v>41.851999999999997</v>
      </c>
      <c r="P31">
        <v>0</v>
      </c>
      <c r="Q31">
        <v>0</v>
      </c>
      <c r="R31">
        <v>50.655999999999999</v>
      </c>
      <c r="S31">
        <v>0</v>
      </c>
      <c r="T31">
        <v>66.03</v>
      </c>
      <c r="U31">
        <v>67.123999999999995</v>
      </c>
      <c r="V31">
        <v>68.492000000000004</v>
      </c>
      <c r="W31">
        <v>65.602000000000004</v>
      </c>
      <c r="X31">
        <v>65.346000000000004</v>
      </c>
      <c r="Y31">
        <v>59.851999999999997</v>
      </c>
    </row>
    <row r="32" spans="1:25" x14ac:dyDescent="0.3">
      <c r="A32">
        <v>0.78333333443539843</v>
      </c>
      <c r="B32">
        <v>46.92</v>
      </c>
      <c r="C32">
        <v>45.323999999999998</v>
      </c>
      <c r="D32">
        <v>60.524999999999999</v>
      </c>
      <c r="E32">
        <v>54.405999999999999</v>
      </c>
      <c r="F32">
        <v>57.225000000000001</v>
      </c>
      <c r="G32">
        <v>61.996000000000002</v>
      </c>
      <c r="H32">
        <v>67.879000000000005</v>
      </c>
      <c r="I32">
        <v>48.716000000000001</v>
      </c>
      <c r="J32">
        <v>51.534999999999997</v>
      </c>
      <c r="K32">
        <v>50.332000000000001</v>
      </c>
      <c r="L32">
        <v>57.052999999999997</v>
      </c>
      <c r="M32">
        <v>70.924000000000007</v>
      </c>
      <c r="N32">
        <v>39.442999999999998</v>
      </c>
      <c r="O32">
        <v>45.271999999999998</v>
      </c>
      <c r="P32">
        <v>0</v>
      </c>
      <c r="Q32">
        <v>0</v>
      </c>
      <c r="R32">
        <v>55.008000000000003</v>
      </c>
      <c r="S32">
        <v>0</v>
      </c>
      <c r="T32">
        <v>69.88</v>
      </c>
      <c r="U32">
        <v>70.820999999999998</v>
      </c>
      <c r="V32">
        <v>71.283000000000001</v>
      </c>
      <c r="W32">
        <v>70.341999999999999</v>
      </c>
      <c r="X32">
        <v>69.281999999999996</v>
      </c>
      <c r="Y32">
        <v>62.561</v>
      </c>
    </row>
    <row r="33" spans="1:25" x14ac:dyDescent="0.3">
      <c r="A33">
        <v>0.81666666508341834</v>
      </c>
      <c r="B33">
        <v>51.600999999999999</v>
      </c>
      <c r="C33">
        <v>49.555999999999997</v>
      </c>
      <c r="D33">
        <v>66.063999999999993</v>
      </c>
      <c r="E33">
        <v>59.68</v>
      </c>
      <c r="F33">
        <v>62.13</v>
      </c>
      <c r="G33">
        <v>66.680000000000007</v>
      </c>
      <c r="H33">
        <v>71.947000000000003</v>
      </c>
      <c r="I33">
        <v>51.652999999999999</v>
      </c>
      <c r="J33">
        <v>54.558</v>
      </c>
      <c r="K33">
        <v>51.945</v>
      </c>
      <c r="L33">
        <v>59.509</v>
      </c>
      <c r="M33">
        <v>74.716999999999999</v>
      </c>
      <c r="N33">
        <v>42.128999999999998</v>
      </c>
      <c r="O33">
        <v>47.905999999999999</v>
      </c>
      <c r="P33">
        <v>0</v>
      </c>
      <c r="Q33">
        <v>0</v>
      </c>
      <c r="R33">
        <v>58.752000000000002</v>
      </c>
      <c r="S33">
        <v>0</v>
      </c>
      <c r="T33">
        <v>73.195999999999998</v>
      </c>
      <c r="U33">
        <v>75.314999999999998</v>
      </c>
      <c r="V33">
        <v>77.28</v>
      </c>
      <c r="W33">
        <v>75.245999999999995</v>
      </c>
      <c r="X33">
        <v>73.588999999999999</v>
      </c>
      <c r="Y33">
        <v>67.176000000000002</v>
      </c>
    </row>
    <row r="34" spans="1:25" x14ac:dyDescent="0.3">
      <c r="A34">
        <v>0.85000000620881722</v>
      </c>
      <c r="B34">
        <v>58.807000000000002</v>
      </c>
      <c r="C34">
        <v>53.427</v>
      </c>
      <c r="D34">
        <v>72.975999999999999</v>
      </c>
      <c r="E34">
        <v>65.554000000000002</v>
      </c>
      <c r="F34">
        <v>67.588999999999999</v>
      </c>
      <c r="G34">
        <v>71.778999999999996</v>
      </c>
      <c r="H34">
        <v>76.564999999999998</v>
      </c>
      <c r="I34">
        <v>54.578000000000003</v>
      </c>
      <c r="J34">
        <v>57.518000000000001</v>
      </c>
      <c r="K34">
        <v>54.921999999999997</v>
      </c>
      <c r="L34">
        <v>62.646000000000001</v>
      </c>
      <c r="M34">
        <v>77.316999999999993</v>
      </c>
      <c r="N34">
        <v>45.481000000000002</v>
      </c>
      <c r="O34">
        <v>51.896999999999998</v>
      </c>
      <c r="P34">
        <v>0</v>
      </c>
      <c r="Q34">
        <v>0</v>
      </c>
      <c r="R34">
        <v>62.064999999999998</v>
      </c>
      <c r="S34">
        <v>0</v>
      </c>
      <c r="T34">
        <v>77.061000000000007</v>
      </c>
      <c r="U34">
        <v>78.787000000000006</v>
      </c>
      <c r="V34">
        <v>82.427000000000007</v>
      </c>
      <c r="W34">
        <v>81.162999999999997</v>
      </c>
      <c r="X34">
        <v>78.018000000000001</v>
      </c>
      <c r="Y34">
        <v>71.847999999999999</v>
      </c>
    </row>
    <row r="35" spans="1:25" x14ac:dyDescent="0.3">
      <c r="A35">
        <v>0.86666666629413769</v>
      </c>
      <c r="B35">
        <v>65.878</v>
      </c>
      <c r="C35">
        <v>58.031999999999996</v>
      </c>
      <c r="D35">
        <v>80.221999999999994</v>
      </c>
      <c r="E35">
        <v>70.786000000000001</v>
      </c>
      <c r="F35">
        <v>72.701999999999998</v>
      </c>
      <c r="G35">
        <v>77.043000000000006</v>
      </c>
      <c r="H35">
        <v>81.605999999999995</v>
      </c>
      <c r="I35">
        <v>58.651000000000003</v>
      </c>
      <c r="J35">
        <v>60.713000000000001</v>
      </c>
      <c r="K35">
        <v>57.895000000000003</v>
      </c>
      <c r="L35">
        <v>68.477999999999994</v>
      </c>
      <c r="M35">
        <v>87.302000000000007</v>
      </c>
      <c r="N35">
        <v>49.643999999999998</v>
      </c>
      <c r="O35">
        <v>54.646000000000001</v>
      </c>
      <c r="P35">
        <v>0</v>
      </c>
      <c r="Q35">
        <v>0</v>
      </c>
      <c r="R35">
        <v>65.057000000000002</v>
      </c>
      <c r="S35">
        <v>0</v>
      </c>
      <c r="T35">
        <v>81.299000000000007</v>
      </c>
      <c r="U35">
        <v>83.23</v>
      </c>
      <c r="V35">
        <v>88.176000000000002</v>
      </c>
      <c r="W35">
        <v>87.867000000000004</v>
      </c>
      <c r="X35">
        <v>83.007999999999996</v>
      </c>
      <c r="Y35">
        <v>78.290999999999997</v>
      </c>
    </row>
    <row r="36" spans="1:25" x14ac:dyDescent="0.3">
      <c r="A36">
        <v>0.8999999969421576</v>
      </c>
      <c r="B36">
        <v>73.709999999999994</v>
      </c>
      <c r="C36">
        <v>63.774000000000001</v>
      </c>
      <c r="D36">
        <v>87.695999999999998</v>
      </c>
      <c r="E36">
        <v>76.581000000000003</v>
      </c>
      <c r="F36">
        <v>77.965999999999994</v>
      </c>
      <c r="G36">
        <v>82.956000000000003</v>
      </c>
      <c r="H36">
        <v>88.278000000000006</v>
      </c>
      <c r="I36">
        <v>63.09</v>
      </c>
      <c r="J36">
        <v>64.903000000000006</v>
      </c>
      <c r="K36">
        <v>63.825000000000003</v>
      </c>
      <c r="L36">
        <v>76.257000000000005</v>
      </c>
      <c r="M36">
        <v>94.465999999999994</v>
      </c>
      <c r="N36">
        <v>53.802999999999997</v>
      </c>
      <c r="O36">
        <v>56.948999999999998</v>
      </c>
      <c r="P36">
        <v>0</v>
      </c>
      <c r="Q36">
        <v>0</v>
      </c>
      <c r="R36">
        <v>69.418000000000006</v>
      </c>
      <c r="S36">
        <v>0</v>
      </c>
      <c r="T36">
        <v>86.77</v>
      </c>
      <c r="U36">
        <v>89.563999999999993</v>
      </c>
      <c r="V36">
        <v>94.209000000000003</v>
      </c>
      <c r="W36">
        <v>95.477000000000004</v>
      </c>
      <c r="X36">
        <v>89.546999999999997</v>
      </c>
      <c r="Y36">
        <v>84.409000000000006</v>
      </c>
    </row>
    <row r="37" spans="1:25" x14ac:dyDescent="0.3">
      <c r="A37">
        <v>0.91666666750485704</v>
      </c>
      <c r="B37">
        <v>85.846000000000004</v>
      </c>
      <c r="C37">
        <v>80.394000000000005</v>
      </c>
      <c r="D37">
        <v>111.877</v>
      </c>
      <c r="E37">
        <v>93.712999999999994</v>
      </c>
      <c r="F37">
        <v>89.462999999999994</v>
      </c>
      <c r="G37">
        <v>91.090999999999994</v>
      </c>
      <c r="H37">
        <v>94.176000000000002</v>
      </c>
      <c r="I37">
        <v>65.417000000000002</v>
      </c>
      <c r="J37">
        <v>69.744</v>
      </c>
      <c r="K37">
        <v>73.849000000000004</v>
      </c>
      <c r="L37">
        <v>84.751999999999995</v>
      </c>
      <c r="M37">
        <v>104.218</v>
      </c>
      <c r="N37">
        <v>60.475000000000001</v>
      </c>
      <c r="O37">
        <v>59.872999999999998</v>
      </c>
      <c r="P37">
        <v>0</v>
      </c>
      <c r="Q37">
        <v>0</v>
      </c>
      <c r="R37">
        <v>72.926000000000002</v>
      </c>
      <c r="S37">
        <v>0</v>
      </c>
      <c r="T37">
        <v>90.971000000000004</v>
      </c>
      <c r="U37">
        <v>91.914000000000001</v>
      </c>
      <c r="V37">
        <v>98.944000000000003</v>
      </c>
      <c r="W37">
        <v>101.616</v>
      </c>
      <c r="X37">
        <v>93.438999999999993</v>
      </c>
      <c r="Y37">
        <v>88.296999999999997</v>
      </c>
    </row>
    <row r="38" spans="1:25" x14ac:dyDescent="0.3">
      <c r="A38">
        <v>0.94999999815287695</v>
      </c>
      <c r="B38">
        <v>99.510999999999996</v>
      </c>
      <c r="C38">
        <v>108.974</v>
      </c>
      <c r="D38">
        <v>130.32400000000001</v>
      </c>
      <c r="E38">
        <v>112.553</v>
      </c>
      <c r="F38">
        <v>106.182</v>
      </c>
      <c r="G38">
        <v>104.699</v>
      </c>
      <c r="H38">
        <v>105.544</v>
      </c>
      <c r="I38">
        <v>73.453999999999994</v>
      </c>
      <c r="J38">
        <v>77.59</v>
      </c>
      <c r="K38">
        <v>81.144000000000005</v>
      </c>
      <c r="L38">
        <v>94.637</v>
      </c>
      <c r="M38">
        <v>113.646</v>
      </c>
      <c r="N38">
        <v>65.929000000000002</v>
      </c>
      <c r="O38">
        <v>63.244</v>
      </c>
      <c r="P38">
        <v>0</v>
      </c>
      <c r="Q38">
        <v>0</v>
      </c>
      <c r="R38">
        <v>76.616</v>
      </c>
      <c r="S38">
        <v>0</v>
      </c>
      <c r="T38">
        <v>93.025999999999996</v>
      </c>
      <c r="U38">
        <v>96.367999999999995</v>
      </c>
      <c r="V38">
        <v>105.372</v>
      </c>
      <c r="W38">
        <v>108.164</v>
      </c>
      <c r="X38">
        <v>99.563000000000002</v>
      </c>
      <c r="Y38">
        <v>97.551000000000002</v>
      </c>
    </row>
    <row r="39" spans="1:25" x14ac:dyDescent="0.3">
      <c r="A39">
        <v>0.98333333927827582</v>
      </c>
      <c r="B39">
        <v>115.938</v>
      </c>
      <c r="C39">
        <v>123.80200000000001</v>
      </c>
      <c r="D39">
        <v>153.15199999999999</v>
      </c>
      <c r="E39">
        <v>128.68100000000001</v>
      </c>
      <c r="F39">
        <v>123.108</v>
      </c>
      <c r="G39">
        <v>120.46899999999999</v>
      </c>
      <c r="H39">
        <v>121.806</v>
      </c>
      <c r="I39">
        <v>88.262</v>
      </c>
      <c r="J39">
        <v>90.507000000000005</v>
      </c>
      <c r="K39">
        <v>92.289000000000001</v>
      </c>
      <c r="L39">
        <v>105.73399999999999</v>
      </c>
      <c r="M39">
        <v>122.813</v>
      </c>
      <c r="N39">
        <v>71.709999999999994</v>
      </c>
      <c r="O39">
        <v>66.254000000000005</v>
      </c>
      <c r="P39">
        <v>0</v>
      </c>
      <c r="Q39">
        <v>0</v>
      </c>
      <c r="R39">
        <v>80.153999999999996</v>
      </c>
      <c r="S39">
        <v>0</v>
      </c>
      <c r="T39">
        <v>98.822000000000003</v>
      </c>
      <c r="U39">
        <v>102.68300000000001</v>
      </c>
      <c r="V39">
        <v>111.84099999999999</v>
      </c>
      <c r="W39">
        <v>115.035</v>
      </c>
      <c r="X39">
        <v>104.66500000000001</v>
      </c>
      <c r="Y39">
        <v>104.389</v>
      </c>
    </row>
    <row r="40" spans="1:25" x14ac:dyDescent="0.3">
      <c r="A40">
        <v>0.99999999936359629</v>
      </c>
      <c r="B40">
        <v>130.131</v>
      </c>
      <c r="C40">
        <v>150.477</v>
      </c>
      <c r="D40">
        <v>174.876</v>
      </c>
      <c r="E40">
        <v>139.399</v>
      </c>
      <c r="F40">
        <v>135.709</v>
      </c>
      <c r="G40">
        <v>136.09399999999999</v>
      </c>
      <c r="H40">
        <v>137.60300000000001</v>
      </c>
      <c r="I40">
        <v>101.80200000000001</v>
      </c>
      <c r="J40">
        <v>101.30200000000001</v>
      </c>
      <c r="K40">
        <v>102.991</v>
      </c>
      <c r="L40">
        <v>115.693</v>
      </c>
      <c r="M40">
        <v>132.369</v>
      </c>
      <c r="N40">
        <v>77.382999999999996</v>
      </c>
      <c r="O40">
        <v>69.793000000000006</v>
      </c>
      <c r="P40">
        <v>0</v>
      </c>
      <c r="Q40">
        <v>0</v>
      </c>
      <c r="R40">
        <v>85.878</v>
      </c>
      <c r="S40">
        <v>0</v>
      </c>
      <c r="T40">
        <v>103.21599999999999</v>
      </c>
      <c r="U40">
        <v>106.473</v>
      </c>
      <c r="V40">
        <v>115.798</v>
      </c>
      <c r="W40">
        <v>117.655</v>
      </c>
      <c r="X40">
        <v>106.008</v>
      </c>
      <c r="Y40">
        <v>105.611</v>
      </c>
    </row>
    <row r="41" spans="1:25" x14ac:dyDescent="0.3">
      <c r="A41">
        <v>1.0333333300116161</v>
      </c>
      <c r="B41">
        <v>142.69499999999999</v>
      </c>
      <c r="C41">
        <v>167.06299999999999</v>
      </c>
      <c r="D41">
        <v>184.89400000000001</v>
      </c>
      <c r="E41">
        <v>146.63800000000001</v>
      </c>
      <c r="F41">
        <v>148.76900000000001</v>
      </c>
      <c r="G41">
        <v>152.321</v>
      </c>
      <c r="H41">
        <v>153.38300000000001</v>
      </c>
      <c r="I41">
        <v>114.377</v>
      </c>
      <c r="J41">
        <v>112.901</v>
      </c>
      <c r="K41">
        <v>114.256</v>
      </c>
      <c r="L41">
        <v>123.66500000000001</v>
      </c>
      <c r="M41">
        <v>140.56399999999999</v>
      </c>
      <c r="N41">
        <v>81.471000000000004</v>
      </c>
      <c r="O41">
        <v>73.933999999999997</v>
      </c>
      <c r="P41">
        <v>0</v>
      </c>
      <c r="Q41">
        <v>0</v>
      </c>
      <c r="R41">
        <v>91.947999999999993</v>
      </c>
      <c r="S41">
        <v>0</v>
      </c>
      <c r="T41">
        <v>109.32</v>
      </c>
      <c r="U41">
        <v>111.877</v>
      </c>
      <c r="V41">
        <v>120.488</v>
      </c>
      <c r="W41">
        <v>123.491</v>
      </c>
      <c r="X41">
        <v>108.803</v>
      </c>
      <c r="Y41">
        <v>106.18300000000001</v>
      </c>
    </row>
    <row r="42" spans="1:25" x14ac:dyDescent="0.3">
      <c r="A42">
        <v>1.0500000005743155</v>
      </c>
      <c r="B42">
        <v>152.179</v>
      </c>
      <c r="C42">
        <v>176.47800000000001</v>
      </c>
      <c r="D42">
        <v>191.066</v>
      </c>
      <c r="E42">
        <v>151.18799999999999</v>
      </c>
      <c r="F42">
        <v>154.94</v>
      </c>
      <c r="G42">
        <v>155.471</v>
      </c>
      <c r="H42">
        <v>158.44499999999999</v>
      </c>
      <c r="I42">
        <v>119.203</v>
      </c>
      <c r="J42">
        <v>121.14700000000001</v>
      </c>
      <c r="K42">
        <v>122.432</v>
      </c>
      <c r="L42">
        <v>134.29499999999999</v>
      </c>
      <c r="M42">
        <v>149.43700000000001</v>
      </c>
      <c r="N42">
        <v>83.709000000000003</v>
      </c>
      <c r="O42">
        <v>75.778999999999996</v>
      </c>
      <c r="P42">
        <v>0</v>
      </c>
      <c r="Q42">
        <v>0</v>
      </c>
      <c r="R42">
        <v>96.763999999999996</v>
      </c>
      <c r="S42">
        <v>0</v>
      </c>
      <c r="T42">
        <v>115.488</v>
      </c>
      <c r="U42">
        <v>117.883</v>
      </c>
      <c r="V42">
        <v>125.009</v>
      </c>
      <c r="W42">
        <v>125.95399999999999</v>
      </c>
      <c r="X42">
        <v>112.241</v>
      </c>
      <c r="Y42">
        <v>106.26900000000001</v>
      </c>
    </row>
    <row r="43" spans="1:25" x14ac:dyDescent="0.3">
      <c r="A43">
        <v>1.0833333312223354</v>
      </c>
      <c r="B43">
        <v>159.613</v>
      </c>
      <c r="C43">
        <v>177.27799999999999</v>
      </c>
      <c r="D43">
        <v>190.727</v>
      </c>
      <c r="E43">
        <v>151.98400000000001</v>
      </c>
      <c r="F43">
        <v>155.94800000000001</v>
      </c>
      <c r="G43">
        <v>156.37299999999999</v>
      </c>
      <c r="H43">
        <v>159.31200000000001</v>
      </c>
      <c r="I43">
        <v>120.48699999999999</v>
      </c>
      <c r="J43">
        <v>123.07299999999999</v>
      </c>
      <c r="K43">
        <v>121.21599999999999</v>
      </c>
      <c r="L43">
        <v>137.887</v>
      </c>
      <c r="M43">
        <v>155.13399999999999</v>
      </c>
      <c r="N43">
        <v>87.97</v>
      </c>
      <c r="O43">
        <v>82.546000000000006</v>
      </c>
      <c r="P43">
        <v>0</v>
      </c>
      <c r="Q43">
        <v>0</v>
      </c>
      <c r="R43">
        <v>104.33799999999999</v>
      </c>
      <c r="S43">
        <v>0</v>
      </c>
      <c r="T43">
        <v>121.059</v>
      </c>
      <c r="U43">
        <v>124.117</v>
      </c>
      <c r="V43">
        <v>131.846</v>
      </c>
      <c r="W43">
        <v>132.33600000000001</v>
      </c>
      <c r="X43">
        <v>118.369</v>
      </c>
      <c r="Y43">
        <v>110.25</v>
      </c>
    </row>
    <row r="44" spans="1:25" x14ac:dyDescent="0.3">
      <c r="A44">
        <v>1.1166666723477343</v>
      </c>
      <c r="B44">
        <v>172.392</v>
      </c>
      <c r="C44">
        <v>198.82</v>
      </c>
      <c r="D44">
        <v>210.73400000000001</v>
      </c>
      <c r="E44">
        <v>167.649</v>
      </c>
      <c r="F44">
        <v>165.66</v>
      </c>
      <c r="G44">
        <v>162.69399999999999</v>
      </c>
      <c r="H44">
        <v>163.422</v>
      </c>
      <c r="I44">
        <v>123.10899999999999</v>
      </c>
      <c r="J44">
        <v>125.395</v>
      </c>
      <c r="K44">
        <v>123.456</v>
      </c>
      <c r="L44">
        <v>141.00399999999999</v>
      </c>
      <c r="M44">
        <v>160.88800000000001</v>
      </c>
      <c r="N44">
        <v>93.799000000000007</v>
      </c>
      <c r="O44">
        <v>85.281999999999996</v>
      </c>
      <c r="P44">
        <v>0</v>
      </c>
      <c r="Q44">
        <v>0</v>
      </c>
      <c r="R44">
        <v>110.044</v>
      </c>
      <c r="S44">
        <v>0</v>
      </c>
      <c r="T44">
        <v>127.441</v>
      </c>
      <c r="U44">
        <v>129.55699999999999</v>
      </c>
      <c r="V44">
        <v>137.27199999999999</v>
      </c>
      <c r="W44">
        <v>136.99</v>
      </c>
      <c r="X44">
        <v>122.45</v>
      </c>
      <c r="Y44">
        <v>110.90600000000001</v>
      </c>
    </row>
    <row r="45" spans="1:25" x14ac:dyDescent="0.3">
      <c r="A45">
        <v>1.1333333324330548</v>
      </c>
      <c r="B45">
        <v>190.67400000000001</v>
      </c>
      <c r="C45">
        <v>215.71600000000001</v>
      </c>
      <c r="D45">
        <v>223.31800000000001</v>
      </c>
      <c r="E45">
        <v>178.91399999999999</v>
      </c>
      <c r="F45">
        <v>177.11699999999999</v>
      </c>
      <c r="G45">
        <v>169.637</v>
      </c>
      <c r="H45">
        <v>172.19499999999999</v>
      </c>
      <c r="I45">
        <v>133.227</v>
      </c>
      <c r="J45">
        <v>136.84800000000001</v>
      </c>
      <c r="K45">
        <v>134.994</v>
      </c>
      <c r="L45">
        <v>151.82400000000001</v>
      </c>
      <c r="M45">
        <v>169.12200000000001</v>
      </c>
      <c r="N45">
        <v>100.218</v>
      </c>
      <c r="O45">
        <v>89.015000000000001</v>
      </c>
      <c r="P45">
        <v>0</v>
      </c>
      <c r="Q45">
        <v>0</v>
      </c>
      <c r="R45">
        <v>113.872</v>
      </c>
      <c r="S45">
        <v>0</v>
      </c>
      <c r="T45">
        <v>133.61199999999999</v>
      </c>
      <c r="U45">
        <v>135.571</v>
      </c>
      <c r="V45">
        <v>143.696</v>
      </c>
      <c r="W45">
        <v>143.99600000000001</v>
      </c>
      <c r="X45">
        <v>128.453</v>
      </c>
      <c r="Y45">
        <v>120.399</v>
      </c>
    </row>
    <row r="46" spans="1:25" x14ac:dyDescent="0.3">
      <c r="A46">
        <v>1.1666666630810747</v>
      </c>
      <c r="B46">
        <v>200.65</v>
      </c>
      <c r="C46">
        <v>228.11</v>
      </c>
      <c r="D46">
        <v>238.404</v>
      </c>
      <c r="E46">
        <v>193.57300000000001</v>
      </c>
      <c r="F46">
        <v>192.399</v>
      </c>
      <c r="G46">
        <v>190.37200000000001</v>
      </c>
      <c r="H46">
        <v>191.56299999999999</v>
      </c>
      <c r="I46">
        <v>148.31</v>
      </c>
      <c r="J46">
        <v>148.64400000000001</v>
      </c>
      <c r="K46">
        <v>145.898</v>
      </c>
      <c r="L46">
        <v>162.374</v>
      </c>
      <c r="M46">
        <v>177.97200000000001</v>
      </c>
      <c r="N46">
        <v>109.319</v>
      </c>
      <c r="O46">
        <v>96.522999999999996</v>
      </c>
      <c r="P46">
        <v>0</v>
      </c>
      <c r="Q46">
        <v>0</v>
      </c>
      <c r="R46">
        <v>119.792</v>
      </c>
      <c r="S46">
        <v>0</v>
      </c>
      <c r="T46">
        <v>142.095</v>
      </c>
      <c r="U46">
        <v>143.75</v>
      </c>
      <c r="V46">
        <v>151.27500000000001</v>
      </c>
      <c r="W46">
        <v>150.072</v>
      </c>
      <c r="X46">
        <v>134.749</v>
      </c>
      <c r="Y46">
        <v>131.042</v>
      </c>
    </row>
    <row r="47" spans="1:25" x14ac:dyDescent="0.3">
      <c r="A47">
        <v>1.2000000042064736</v>
      </c>
      <c r="B47">
        <v>205.01900000000001</v>
      </c>
      <c r="C47">
        <v>230.90799999999999</v>
      </c>
      <c r="D47">
        <v>242.655</v>
      </c>
      <c r="E47">
        <v>201.96700000000001</v>
      </c>
      <c r="F47">
        <v>197.91200000000001</v>
      </c>
      <c r="G47">
        <v>197.52099999999999</v>
      </c>
      <c r="H47">
        <v>195.61799999999999</v>
      </c>
      <c r="I47">
        <v>151.20500000000001</v>
      </c>
      <c r="J47">
        <v>155.09899999999999</v>
      </c>
      <c r="K47">
        <v>152.65700000000001</v>
      </c>
      <c r="L47">
        <v>170.70400000000001</v>
      </c>
      <c r="M47">
        <v>185.53299999999999</v>
      </c>
      <c r="N47">
        <v>114.376</v>
      </c>
      <c r="O47">
        <v>103.09699999999999</v>
      </c>
      <c r="P47">
        <v>0</v>
      </c>
      <c r="Q47">
        <v>0</v>
      </c>
      <c r="R47">
        <v>127.422</v>
      </c>
      <c r="S47">
        <v>0</v>
      </c>
      <c r="T47">
        <v>148.99700000000001</v>
      </c>
      <c r="U47">
        <v>149.43700000000001</v>
      </c>
      <c r="V47">
        <v>155.91300000000001</v>
      </c>
      <c r="W47">
        <v>154.94</v>
      </c>
      <c r="X47">
        <v>138.08099999999999</v>
      </c>
      <c r="Y47">
        <v>137.74700000000001</v>
      </c>
    </row>
    <row r="48" spans="1:25" x14ac:dyDescent="0.3">
      <c r="A48">
        <v>1.216666664291794</v>
      </c>
      <c r="B48">
        <v>208.99199999999999</v>
      </c>
      <c r="C48">
        <v>233.59800000000001</v>
      </c>
      <c r="D48">
        <v>246.8</v>
      </c>
      <c r="E48">
        <v>205.762</v>
      </c>
      <c r="F48">
        <v>204.857</v>
      </c>
      <c r="G48">
        <v>204.28899999999999</v>
      </c>
      <c r="H48">
        <v>202.39099999999999</v>
      </c>
      <c r="I48">
        <v>157.964</v>
      </c>
      <c r="J48">
        <v>159.54</v>
      </c>
      <c r="K48">
        <v>152.84899999999999</v>
      </c>
      <c r="L48">
        <v>172.47800000000001</v>
      </c>
      <c r="M48">
        <v>188.46700000000001</v>
      </c>
      <c r="N48">
        <v>115.971</v>
      </c>
      <c r="O48">
        <v>110.66200000000001</v>
      </c>
      <c r="P48">
        <v>0</v>
      </c>
      <c r="Q48">
        <v>0</v>
      </c>
      <c r="R48">
        <v>133.803</v>
      </c>
      <c r="S48">
        <v>0</v>
      </c>
      <c r="T48">
        <v>153.73400000000001</v>
      </c>
      <c r="U48">
        <v>155.13200000000001</v>
      </c>
      <c r="V48">
        <v>162.47800000000001</v>
      </c>
      <c r="W48">
        <v>162.797</v>
      </c>
      <c r="X48">
        <v>142.86799999999999</v>
      </c>
      <c r="Y48">
        <v>142.322</v>
      </c>
    </row>
    <row r="49" spans="1:25" x14ac:dyDescent="0.3">
      <c r="A49">
        <v>1.2500000054171929</v>
      </c>
      <c r="B49">
        <v>220.173</v>
      </c>
      <c r="C49">
        <v>242.28800000000001</v>
      </c>
      <c r="D49">
        <v>254.554</v>
      </c>
      <c r="E49">
        <v>214.35300000000001</v>
      </c>
      <c r="F49">
        <v>211.60300000000001</v>
      </c>
      <c r="G49">
        <v>213.92699999999999</v>
      </c>
      <c r="H49">
        <v>210.893</v>
      </c>
      <c r="I49">
        <v>163.45699999999999</v>
      </c>
      <c r="J49">
        <v>164.75299999999999</v>
      </c>
      <c r="K49">
        <v>155.702</v>
      </c>
      <c r="L49">
        <v>175.98</v>
      </c>
      <c r="M49">
        <v>191.93700000000001</v>
      </c>
      <c r="N49">
        <v>117.432</v>
      </c>
      <c r="O49">
        <v>114.759</v>
      </c>
      <c r="P49">
        <v>0</v>
      </c>
      <c r="Q49">
        <v>0</v>
      </c>
      <c r="R49">
        <v>139.24299999999999</v>
      </c>
      <c r="S49">
        <v>0</v>
      </c>
      <c r="T49">
        <v>160.357</v>
      </c>
      <c r="U49">
        <v>160.76400000000001</v>
      </c>
      <c r="V49">
        <v>168.59</v>
      </c>
      <c r="W49">
        <v>169.33600000000001</v>
      </c>
      <c r="X49">
        <v>147.64099999999999</v>
      </c>
      <c r="Y49">
        <v>144.47200000000001</v>
      </c>
    </row>
    <row r="50" spans="1:25" x14ac:dyDescent="0.3">
      <c r="A50">
        <v>1.2666666655025134</v>
      </c>
      <c r="B50">
        <v>223</v>
      </c>
      <c r="C50">
        <v>246.62700000000001</v>
      </c>
      <c r="D50">
        <v>258.26</v>
      </c>
      <c r="E50">
        <v>216.22900000000001</v>
      </c>
      <c r="F50">
        <v>215.73400000000001</v>
      </c>
      <c r="G50">
        <v>219.87100000000001</v>
      </c>
      <c r="H50">
        <v>213.18100000000001</v>
      </c>
      <c r="I50">
        <v>167.94900000000001</v>
      </c>
      <c r="J50">
        <v>171.626</v>
      </c>
      <c r="K50">
        <v>161.18700000000001</v>
      </c>
      <c r="L50">
        <v>182.52600000000001</v>
      </c>
      <c r="M50">
        <v>195.68799999999999</v>
      </c>
      <c r="N50">
        <v>123.90600000000001</v>
      </c>
      <c r="O50">
        <v>119.896</v>
      </c>
      <c r="P50">
        <v>0</v>
      </c>
      <c r="Q50">
        <v>0</v>
      </c>
      <c r="R50">
        <v>144.40100000000001</v>
      </c>
      <c r="S50">
        <v>0</v>
      </c>
      <c r="T50">
        <v>164.095</v>
      </c>
      <c r="U50">
        <v>165.001</v>
      </c>
      <c r="V50">
        <v>172.63900000000001</v>
      </c>
      <c r="W50">
        <v>169.15700000000001</v>
      </c>
      <c r="X50">
        <v>152.018</v>
      </c>
      <c r="Y50">
        <v>147.62299999999999</v>
      </c>
    </row>
    <row r="51" spans="1:25" x14ac:dyDescent="0.3">
      <c r="A51">
        <v>1.3000000066279123</v>
      </c>
      <c r="B51">
        <v>222.011</v>
      </c>
      <c r="C51">
        <v>243.51300000000001</v>
      </c>
      <c r="D51">
        <v>257.86099999999999</v>
      </c>
      <c r="E51">
        <v>217.48500000000001</v>
      </c>
      <c r="F51">
        <v>219.99600000000001</v>
      </c>
      <c r="G51">
        <v>222.84200000000001</v>
      </c>
      <c r="H51">
        <v>218.935</v>
      </c>
      <c r="I51">
        <v>173.93700000000001</v>
      </c>
      <c r="J51">
        <v>176.63800000000001</v>
      </c>
      <c r="K51">
        <v>165.197</v>
      </c>
      <c r="L51">
        <v>186.459</v>
      </c>
      <c r="M51">
        <v>198.74799999999999</v>
      </c>
      <c r="N51">
        <v>130.93799999999999</v>
      </c>
      <c r="O51">
        <v>125.93600000000001</v>
      </c>
      <c r="P51">
        <v>0</v>
      </c>
      <c r="Q51">
        <v>0</v>
      </c>
      <c r="R51">
        <v>151.77199999999999</v>
      </c>
      <c r="S51">
        <v>0</v>
      </c>
      <c r="T51">
        <v>167.595</v>
      </c>
      <c r="U51">
        <v>170.828</v>
      </c>
      <c r="V51">
        <v>177.38499999999999</v>
      </c>
      <c r="W51">
        <v>174.57599999999999</v>
      </c>
      <c r="X51">
        <v>158.05600000000001</v>
      </c>
      <c r="Y51">
        <v>150.02000000000001</v>
      </c>
    </row>
    <row r="52" spans="1:25" x14ac:dyDescent="0.3">
      <c r="A52">
        <v>1.3333333372759322</v>
      </c>
      <c r="B52">
        <v>226.87200000000001</v>
      </c>
      <c r="C52">
        <v>257.65199999999999</v>
      </c>
      <c r="D52">
        <v>268.71300000000002</v>
      </c>
      <c r="E52">
        <v>224.46799999999999</v>
      </c>
      <c r="F52">
        <v>223.089</v>
      </c>
      <c r="G52">
        <v>230.18700000000001</v>
      </c>
      <c r="H52">
        <v>225.31700000000001</v>
      </c>
      <c r="I52">
        <v>182.15299999999999</v>
      </c>
      <c r="J52">
        <v>185</v>
      </c>
      <c r="K52">
        <v>174.98400000000001</v>
      </c>
      <c r="L52">
        <v>193.25299999999999</v>
      </c>
      <c r="M52">
        <v>203.79499999999999</v>
      </c>
      <c r="N52">
        <v>138.363</v>
      </c>
      <c r="O52">
        <v>132.61600000000001</v>
      </c>
      <c r="P52">
        <v>0</v>
      </c>
      <c r="Q52">
        <v>0</v>
      </c>
      <c r="R52">
        <v>159.06399999999999</v>
      </c>
      <c r="S52">
        <v>0</v>
      </c>
      <c r="T52">
        <v>171.45</v>
      </c>
      <c r="U52">
        <v>175.215</v>
      </c>
      <c r="V52">
        <v>181.24600000000001</v>
      </c>
      <c r="W52">
        <v>176.28200000000001</v>
      </c>
      <c r="X52">
        <v>163.101</v>
      </c>
      <c r="Y52">
        <v>153.29400000000001</v>
      </c>
    </row>
    <row r="53" spans="1:25" x14ac:dyDescent="0.3">
      <c r="A53">
        <v>1.3499999973612526</v>
      </c>
      <c r="B53">
        <v>229.745</v>
      </c>
      <c r="C53">
        <v>258.86799999999999</v>
      </c>
      <c r="D53">
        <v>275.86099999999999</v>
      </c>
      <c r="E53">
        <v>234.35499999999999</v>
      </c>
      <c r="F53">
        <v>229.833</v>
      </c>
      <c r="G53">
        <v>233.66900000000001</v>
      </c>
      <c r="H53">
        <v>226.251</v>
      </c>
      <c r="I53">
        <v>184.179</v>
      </c>
      <c r="J53">
        <v>188.929</v>
      </c>
      <c r="K53">
        <v>178.16499999999999</v>
      </c>
      <c r="L53">
        <v>195.40199999999999</v>
      </c>
      <c r="M53">
        <v>205.851</v>
      </c>
      <c r="N53">
        <v>144.11799999999999</v>
      </c>
      <c r="O53">
        <v>138.114</v>
      </c>
      <c r="P53">
        <v>0</v>
      </c>
      <c r="Q53">
        <v>0</v>
      </c>
      <c r="R53">
        <v>165.56800000000001</v>
      </c>
      <c r="S53">
        <v>0</v>
      </c>
      <c r="T53">
        <v>176.44</v>
      </c>
      <c r="U53">
        <v>180.38900000000001</v>
      </c>
      <c r="V53">
        <v>185.905</v>
      </c>
      <c r="W53">
        <v>179.767</v>
      </c>
      <c r="X53">
        <v>168.499</v>
      </c>
      <c r="Y53">
        <v>154.584</v>
      </c>
    </row>
    <row r="54" spans="1:25" x14ac:dyDescent="0.3">
      <c r="A54">
        <v>1.3833333384866515</v>
      </c>
      <c r="B54">
        <v>228.339</v>
      </c>
      <c r="C54">
        <v>265.48399999999998</v>
      </c>
      <c r="D54">
        <v>289.28399999999999</v>
      </c>
      <c r="E54">
        <v>245.99700000000001</v>
      </c>
      <c r="F54">
        <v>236.41499999999999</v>
      </c>
      <c r="G54">
        <v>237.59399999999999</v>
      </c>
      <c r="H54">
        <v>227.703</v>
      </c>
      <c r="I54">
        <v>185.87100000000001</v>
      </c>
      <c r="J54">
        <v>191.31399999999999</v>
      </c>
      <c r="K54">
        <v>184.59</v>
      </c>
      <c r="L54">
        <v>201.69900000000001</v>
      </c>
      <c r="M54">
        <v>210.46600000000001</v>
      </c>
      <c r="N54">
        <v>147.887</v>
      </c>
      <c r="O54">
        <v>142.869</v>
      </c>
      <c r="P54">
        <v>0</v>
      </c>
      <c r="Q54">
        <v>0</v>
      </c>
      <c r="R54">
        <v>171.804</v>
      </c>
      <c r="S54">
        <v>0</v>
      </c>
      <c r="T54">
        <v>179.25200000000001</v>
      </c>
      <c r="U54">
        <v>184.91</v>
      </c>
      <c r="V54">
        <v>189.78399999999999</v>
      </c>
      <c r="W54">
        <v>182.899</v>
      </c>
      <c r="X54">
        <v>173.083</v>
      </c>
      <c r="Y54">
        <v>155.18700000000001</v>
      </c>
    </row>
    <row r="55" spans="1:25" x14ac:dyDescent="0.3">
      <c r="A55">
        <v>1.399999998571972</v>
      </c>
      <c r="B55">
        <v>233.28399999999999</v>
      </c>
      <c r="C55">
        <v>267.18900000000002</v>
      </c>
      <c r="D55">
        <v>290.97300000000001</v>
      </c>
      <c r="E55">
        <v>250.44300000000001</v>
      </c>
      <c r="F55">
        <v>240.393</v>
      </c>
      <c r="G55">
        <v>242.51499999999999</v>
      </c>
      <c r="H55">
        <v>237.08500000000001</v>
      </c>
      <c r="I55">
        <v>198.01900000000001</v>
      </c>
      <c r="J55">
        <v>198.339</v>
      </c>
      <c r="K55">
        <v>190.31899999999999</v>
      </c>
      <c r="L55">
        <v>206.084</v>
      </c>
      <c r="M55">
        <v>213.803</v>
      </c>
      <c r="N55">
        <v>150.798</v>
      </c>
      <c r="O55">
        <v>146.321</v>
      </c>
      <c r="P55">
        <v>0</v>
      </c>
      <c r="Q55">
        <v>0</v>
      </c>
      <c r="R55">
        <v>176.691</v>
      </c>
      <c r="S55">
        <v>0</v>
      </c>
      <c r="T55">
        <v>180.94300000000001</v>
      </c>
      <c r="U55">
        <v>189.25200000000001</v>
      </c>
      <c r="V55">
        <v>194.196</v>
      </c>
      <c r="W55">
        <v>183.452</v>
      </c>
      <c r="X55">
        <v>176.869</v>
      </c>
      <c r="Y55">
        <v>157.08199999999999</v>
      </c>
    </row>
    <row r="56" spans="1:25" x14ac:dyDescent="0.3">
      <c r="A56">
        <v>1.4333333396973709</v>
      </c>
      <c r="B56">
        <v>234.34</v>
      </c>
      <c r="C56">
        <v>270.68599999999998</v>
      </c>
      <c r="D56">
        <v>293.87799999999999</v>
      </c>
      <c r="E56">
        <v>249.095</v>
      </c>
      <c r="F56">
        <v>239.70699999999999</v>
      </c>
      <c r="G56">
        <v>241.60499999999999</v>
      </c>
      <c r="H56">
        <v>235.81800000000001</v>
      </c>
      <c r="I56">
        <v>200.54400000000001</v>
      </c>
      <c r="J56">
        <v>203.47499999999999</v>
      </c>
      <c r="K56">
        <v>192.488</v>
      </c>
      <c r="L56">
        <v>208.65700000000001</v>
      </c>
      <c r="M56">
        <v>217.50299999999999</v>
      </c>
      <c r="N56">
        <v>155.24100000000001</v>
      </c>
      <c r="O56">
        <v>151.98400000000001</v>
      </c>
      <c r="P56">
        <v>0</v>
      </c>
      <c r="Q56">
        <v>0</v>
      </c>
      <c r="R56">
        <v>181.619</v>
      </c>
      <c r="S56">
        <v>0</v>
      </c>
      <c r="T56">
        <v>182.971</v>
      </c>
      <c r="U56">
        <v>193.46600000000001</v>
      </c>
      <c r="V56">
        <v>198.05500000000001</v>
      </c>
      <c r="W56">
        <v>187.18799999999999</v>
      </c>
      <c r="X56">
        <v>182.52699999999999</v>
      </c>
      <c r="Y56">
        <v>163.101</v>
      </c>
    </row>
    <row r="57" spans="1:25" x14ac:dyDescent="0.3">
      <c r="A57">
        <v>1.4666666703453908</v>
      </c>
      <c r="B57">
        <v>232.84399999999999</v>
      </c>
      <c r="C57">
        <v>268.40100000000001</v>
      </c>
      <c r="D57">
        <v>286.839</v>
      </c>
      <c r="E57">
        <v>249.46299999999999</v>
      </c>
      <c r="F57">
        <v>240.55099999999999</v>
      </c>
      <c r="G57">
        <v>244.983</v>
      </c>
      <c r="H57">
        <v>236.96199999999999</v>
      </c>
      <c r="I57">
        <v>204.54</v>
      </c>
      <c r="J57">
        <v>205.56899999999999</v>
      </c>
      <c r="K57">
        <v>194.62200000000001</v>
      </c>
      <c r="L57">
        <v>209.792</v>
      </c>
      <c r="M57">
        <v>218.68700000000001</v>
      </c>
      <c r="N57">
        <v>157.73699999999999</v>
      </c>
      <c r="O57">
        <v>155.79</v>
      </c>
      <c r="P57">
        <v>0</v>
      </c>
      <c r="Q57">
        <v>0</v>
      </c>
      <c r="R57">
        <v>186.334</v>
      </c>
      <c r="S57">
        <v>0</v>
      </c>
      <c r="T57">
        <v>188.327</v>
      </c>
      <c r="U57">
        <v>196.756</v>
      </c>
      <c r="V57">
        <v>200.75800000000001</v>
      </c>
      <c r="W57">
        <v>191.56399999999999</v>
      </c>
      <c r="X57">
        <v>186.476</v>
      </c>
      <c r="Y57">
        <v>167.56</v>
      </c>
    </row>
    <row r="58" spans="1:25" x14ac:dyDescent="0.3">
      <c r="A58">
        <v>1.4833333304307112</v>
      </c>
      <c r="B58">
        <v>229.149</v>
      </c>
      <c r="C58">
        <v>263.93599999999998</v>
      </c>
      <c r="D58">
        <v>280.10300000000001</v>
      </c>
      <c r="E58">
        <v>243.88</v>
      </c>
      <c r="F58">
        <v>236.06399999999999</v>
      </c>
      <c r="G58">
        <v>242.74199999999999</v>
      </c>
      <c r="H58">
        <v>235.941</v>
      </c>
      <c r="I58">
        <v>205.05500000000001</v>
      </c>
      <c r="J58">
        <v>207.84100000000001</v>
      </c>
      <c r="K58">
        <v>195.86699999999999</v>
      </c>
      <c r="L58">
        <v>213.12799999999999</v>
      </c>
      <c r="M58">
        <v>218.56299999999999</v>
      </c>
      <c r="N58">
        <v>161.15299999999999</v>
      </c>
      <c r="O58">
        <v>160.46299999999999</v>
      </c>
      <c r="P58">
        <v>0</v>
      </c>
      <c r="Q58">
        <v>0</v>
      </c>
      <c r="R58">
        <v>189.892</v>
      </c>
      <c r="S58">
        <v>0</v>
      </c>
      <c r="T58">
        <v>191.297</v>
      </c>
      <c r="U58">
        <v>200.13499999999999</v>
      </c>
      <c r="V58">
        <v>203.529</v>
      </c>
      <c r="W58">
        <v>194.88900000000001</v>
      </c>
      <c r="X58">
        <v>187.59700000000001</v>
      </c>
      <c r="Y58">
        <v>168.18100000000001</v>
      </c>
    </row>
    <row r="59" spans="1:25" x14ac:dyDescent="0.3">
      <c r="A59">
        <v>1.5166666715561101</v>
      </c>
      <c r="B59">
        <v>225.10499999999999</v>
      </c>
      <c r="C59">
        <v>257.983</v>
      </c>
      <c r="D59">
        <v>272.17500000000001</v>
      </c>
      <c r="E59">
        <v>237.89400000000001</v>
      </c>
      <c r="F59">
        <v>232.351</v>
      </c>
      <c r="G59">
        <v>240.16399999999999</v>
      </c>
      <c r="H59">
        <v>234.21700000000001</v>
      </c>
      <c r="I59">
        <v>203.63499999999999</v>
      </c>
      <c r="J59">
        <v>208.65700000000001</v>
      </c>
      <c r="K59">
        <v>196.24100000000001</v>
      </c>
      <c r="L59">
        <v>214.42400000000001</v>
      </c>
      <c r="M59">
        <v>218.19200000000001</v>
      </c>
      <c r="N59">
        <v>164.77099999999999</v>
      </c>
      <c r="O59">
        <v>162.42699999999999</v>
      </c>
      <c r="P59">
        <v>0</v>
      </c>
      <c r="Q59">
        <v>0</v>
      </c>
      <c r="R59">
        <v>191.86600000000001</v>
      </c>
      <c r="S59">
        <v>0</v>
      </c>
      <c r="T59">
        <v>193.55500000000001</v>
      </c>
      <c r="U59">
        <v>203.05</v>
      </c>
      <c r="V59">
        <v>206.35</v>
      </c>
      <c r="W59">
        <v>197.73400000000001</v>
      </c>
      <c r="X59">
        <v>189.803</v>
      </c>
      <c r="Y59">
        <v>167.00899999999999</v>
      </c>
    </row>
    <row r="60" spans="1:25" x14ac:dyDescent="0.3">
      <c r="A60">
        <v>1.5333333316414306</v>
      </c>
      <c r="B60">
        <v>226.005</v>
      </c>
      <c r="C60">
        <v>253.34700000000001</v>
      </c>
      <c r="D60">
        <v>266.73700000000002</v>
      </c>
      <c r="E60">
        <v>233.30099999999999</v>
      </c>
      <c r="F60">
        <v>230.41499999999999</v>
      </c>
      <c r="G60">
        <v>238.333</v>
      </c>
      <c r="H60">
        <v>232.80799999999999</v>
      </c>
      <c r="I60">
        <v>202.00200000000001</v>
      </c>
      <c r="J60">
        <v>209.56100000000001</v>
      </c>
      <c r="K60">
        <v>198.78299999999999</v>
      </c>
      <c r="L60">
        <v>215.964</v>
      </c>
      <c r="M60">
        <v>216.88300000000001</v>
      </c>
      <c r="N60">
        <v>167.80699999999999</v>
      </c>
      <c r="O60">
        <v>164.53899999999999</v>
      </c>
      <c r="P60">
        <v>0</v>
      </c>
      <c r="Q60">
        <v>0</v>
      </c>
      <c r="R60">
        <v>194.76400000000001</v>
      </c>
      <c r="S60">
        <v>0</v>
      </c>
      <c r="T60">
        <v>194.33699999999999</v>
      </c>
      <c r="U60">
        <v>205.62200000000001</v>
      </c>
      <c r="V60">
        <v>209.011</v>
      </c>
      <c r="W60">
        <v>200.50800000000001</v>
      </c>
      <c r="X60">
        <v>192.505</v>
      </c>
      <c r="Y60">
        <v>171.43100000000001</v>
      </c>
    </row>
    <row r="61" spans="1:25" x14ac:dyDescent="0.3">
      <c r="A61">
        <v>1.5666666727668295</v>
      </c>
      <c r="B61">
        <v>223.97499999999999</v>
      </c>
      <c r="C61">
        <v>252.65</v>
      </c>
      <c r="D61">
        <v>262.37099999999998</v>
      </c>
      <c r="E61">
        <v>229.90799999999999</v>
      </c>
      <c r="F61">
        <v>228.72900000000001</v>
      </c>
      <c r="G61">
        <v>236.524</v>
      </c>
      <c r="H61">
        <v>231.06899999999999</v>
      </c>
      <c r="I61">
        <v>201.18700000000001</v>
      </c>
      <c r="J61">
        <v>209.511</v>
      </c>
      <c r="K61">
        <v>197.80799999999999</v>
      </c>
      <c r="L61">
        <v>216.232</v>
      </c>
      <c r="M61">
        <v>218.071</v>
      </c>
      <c r="N61">
        <v>171.66499999999999</v>
      </c>
      <c r="O61">
        <v>167.63300000000001</v>
      </c>
      <c r="P61">
        <v>0</v>
      </c>
      <c r="Q61">
        <v>0</v>
      </c>
      <c r="R61">
        <v>197.345</v>
      </c>
      <c r="S61">
        <v>0</v>
      </c>
      <c r="T61">
        <v>197.488</v>
      </c>
      <c r="U61">
        <v>208.05600000000001</v>
      </c>
      <c r="V61">
        <v>211.374</v>
      </c>
      <c r="W61">
        <v>201.88</v>
      </c>
      <c r="X61">
        <v>194.571</v>
      </c>
      <c r="Y61">
        <v>170.75899999999999</v>
      </c>
    </row>
    <row r="62" spans="1:25" x14ac:dyDescent="0.3">
      <c r="A62">
        <v>1.6000000034148494</v>
      </c>
      <c r="B62">
        <v>215.59299999999999</v>
      </c>
      <c r="C62">
        <v>248.41300000000001</v>
      </c>
      <c r="D62">
        <v>258.714</v>
      </c>
      <c r="E62">
        <v>225.476</v>
      </c>
      <c r="F62">
        <v>226.643</v>
      </c>
      <c r="G62">
        <v>234.322</v>
      </c>
      <c r="H62">
        <v>230.57400000000001</v>
      </c>
      <c r="I62">
        <v>199.584</v>
      </c>
      <c r="J62">
        <v>209.952</v>
      </c>
      <c r="K62">
        <v>198.179</v>
      </c>
      <c r="L62">
        <v>216.566</v>
      </c>
      <c r="M62">
        <v>217.34299999999999</v>
      </c>
      <c r="N62">
        <v>172.054</v>
      </c>
      <c r="O62">
        <v>169.53100000000001</v>
      </c>
      <c r="P62">
        <v>0</v>
      </c>
      <c r="Q62">
        <v>0</v>
      </c>
      <c r="R62">
        <v>200.77500000000001</v>
      </c>
      <c r="S62">
        <v>0</v>
      </c>
      <c r="T62">
        <v>198.67699999999999</v>
      </c>
      <c r="U62">
        <v>210.55500000000001</v>
      </c>
      <c r="V62">
        <v>213.714</v>
      </c>
      <c r="W62">
        <v>205.46299999999999</v>
      </c>
      <c r="X62">
        <v>196.52500000000001</v>
      </c>
      <c r="Y62">
        <v>174.15</v>
      </c>
    </row>
    <row r="63" spans="1:25" x14ac:dyDescent="0.3">
      <c r="A63">
        <v>1.6166666635001699</v>
      </c>
      <c r="B63">
        <v>210.78700000000001</v>
      </c>
      <c r="C63">
        <v>248.011</v>
      </c>
      <c r="D63">
        <v>256.26</v>
      </c>
      <c r="E63">
        <v>222.45400000000001</v>
      </c>
      <c r="F63">
        <v>224.929</v>
      </c>
      <c r="G63">
        <v>233.00299999999999</v>
      </c>
      <c r="H63">
        <v>229.00899999999999</v>
      </c>
      <c r="I63">
        <v>198.00200000000001</v>
      </c>
      <c r="J63">
        <v>210.095</v>
      </c>
      <c r="K63">
        <v>199.56700000000001</v>
      </c>
      <c r="L63">
        <v>219.39500000000001</v>
      </c>
      <c r="M63">
        <v>216.16</v>
      </c>
      <c r="N63">
        <v>174.488</v>
      </c>
      <c r="O63">
        <v>170.68700000000001</v>
      </c>
      <c r="P63">
        <v>0</v>
      </c>
      <c r="Q63">
        <v>0</v>
      </c>
      <c r="R63">
        <v>204.82499999999999</v>
      </c>
      <c r="S63">
        <v>0</v>
      </c>
      <c r="T63">
        <v>202.483</v>
      </c>
      <c r="U63">
        <v>213.34200000000001</v>
      </c>
      <c r="V63">
        <v>216.637</v>
      </c>
      <c r="W63">
        <v>209.33199999999999</v>
      </c>
      <c r="X63">
        <v>199.691</v>
      </c>
      <c r="Y63">
        <v>176.42500000000001</v>
      </c>
    </row>
    <row r="64" spans="1:25" x14ac:dyDescent="0.3">
      <c r="A64">
        <v>1.6500000046255687</v>
      </c>
      <c r="B64">
        <v>215.858</v>
      </c>
      <c r="C64">
        <v>245.559</v>
      </c>
      <c r="D64">
        <v>253.06700000000001</v>
      </c>
      <c r="E64">
        <v>220.065</v>
      </c>
      <c r="F64">
        <v>225.28</v>
      </c>
      <c r="G64">
        <v>231.066</v>
      </c>
      <c r="H64">
        <v>226.2</v>
      </c>
      <c r="I64">
        <v>199.583</v>
      </c>
      <c r="J64">
        <v>208.67400000000001</v>
      </c>
      <c r="K64">
        <v>197.52</v>
      </c>
      <c r="L64">
        <v>219.14599999999999</v>
      </c>
      <c r="M64">
        <v>213.74799999999999</v>
      </c>
      <c r="N64">
        <v>174.87700000000001</v>
      </c>
      <c r="O64">
        <v>173.43799999999999</v>
      </c>
      <c r="P64">
        <v>0</v>
      </c>
      <c r="Q64">
        <v>0</v>
      </c>
      <c r="R64">
        <v>208.28299999999999</v>
      </c>
      <c r="S64">
        <v>0</v>
      </c>
      <c r="T64">
        <v>203.56299999999999</v>
      </c>
      <c r="U64">
        <v>215.80500000000001</v>
      </c>
      <c r="V64">
        <v>218.72200000000001</v>
      </c>
      <c r="W64">
        <v>211.672</v>
      </c>
      <c r="X64">
        <v>202.64099999999999</v>
      </c>
      <c r="Y64">
        <v>175.78299999999999</v>
      </c>
    </row>
    <row r="65" spans="1:25" x14ac:dyDescent="0.3">
      <c r="A65">
        <v>1.6833333352735886</v>
      </c>
      <c r="B65">
        <v>219.97900000000001</v>
      </c>
      <c r="C65">
        <v>248.029</v>
      </c>
      <c r="D65">
        <v>251.126</v>
      </c>
      <c r="E65">
        <v>218.56399999999999</v>
      </c>
      <c r="F65">
        <v>224.73400000000001</v>
      </c>
      <c r="G65">
        <v>228.34</v>
      </c>
      <c r="H65">
        <v>225.88300000000001</v>
      </c>
      <c r="I65">
        <v>199.37100000000001</v>
      </c>
      <c r="J65">
        <v>209.846</v>
      </c>
      <c r="K65">
        <v>198.19800000000001</v>
      </c>
      <c r="L65">
        <v>220.279</v>
      </c>
      <c r="M65">
        <v>212.15299999999999</v>
      </c>
      <c r="N65">
        <v>178.4</v>
      </c>
      <c r="O65">
        <v>177.43899999999999</v>
      </c>
      <c r="P65">
        <v>0</v>
      </c>
      <c r="Q65">
        <v>0</v>
      </c>
      <c r="R65">
        <v>213.18199999999999</v>
      </c>
      <c r="S65">
        <v>0</v>
      </c>
      <c r="T65">
        <v>211.76300000000001</v>
      </c>
      <c r="U65">
        <v>220.65</v>
      </c>
      <c r="V65">
        <v>223.00200000000001</v>
      </c>
      <c r="W65">
        <v>213.96299999999999</v>
      </c>
      <c r="X65">
        <v>204.47</v>
      </c>
      <c r="Y65">
        <v>177.315</v>
      </c>
    </row>
    <row r="66" spans="1:25" x14ac:dyDescent="0.3">
      <c r="A66">
        <v>1.7000000058362881</v>
      </c>
      <c r="B66">
        <v>225.70500000000001</v>
      </c>
      <c r="C66">
        <v>256.17099999999999</v>
      </c>
      <c r="D66">
        <v>253.90700000000001</v>
      </c>
      <c r="E66">
        <v>218.315</v>
      </c>
      <c r="F66">
        <v>223.84800000000001</v>
      </c>
      <c r="G66">
        <v>226.14699999999999</v>
      </c>
      <c r="H66">
        <v>225.70500000000001</v>
      </c>
      <c r="I66">
        <v>198.88900000000001</v>
      </c>
      <c r="J66">
        <v>210.18199999999999</v>
      </c>
      <c r="K66">
        <v>198.054</v>
      </c>
      <c r="L66">
        <v>220.012</v>
      </c>
      <c r="M66">
        <v>210.821</v>
      </c>
      <c r="N66">
        <v>182.88200000000001</v>
      </c>
      <c r="O66">
        <v>181.779</v>
      </c>
      <c r="P66">
        <v>0</v>
      </c>
      <c r="Q66">
        <v>0</v>
      </c>
      <c r="R66">
        <v>217.46600000000001</v>
      </c>
      <c r="S66">
        <v>0</v>
      </c>
      <c r="T66">
        <v>214.13900000000001</v>
      </c>
      <c r="U66">
        <v>223.76</v>
      </c>
      <c r="V66">
        <v>226.05799999999999</v>
      </c>
      <c r="W66">
        <v>217.53700000000001</v>
      </c>
      <c r="X66">
        <v>206.34899999999999</v>
      </c>
      <c r="Y66">
        <v>176.28100000000001</v>
      </c>
    </row>
    <row r="67" spans="1:25" x14ac:dyDescent="0.3">
      <c r="A67">
        <v>1.733333336484308</v>
      </c>
      <c r="B67">
        <v>222.41800000000001</v>
      </c>
      <c r="C67">
        <v>267.58800000000002</v>
      </c>
      <c r="D67">
        <v>257.42599999999999</v>
      </c>
      <c r="E67">
        <v>218.953</v>
      </c>
      <c r="F67">
        <v>224.02699999999999</v>
      </c>
      <c r="G67">
        <v>225.12299999999999</v>
      </c>
      <c r="H67">
        <v>225.19399999999999</v>
      </c>
      <c r="I67">
        <v>197.077</v>
      </c>
      <c r="J67">
        <v>208.62200000000001</v>
      </c>
      <c r="K67">
        <v>198.251</v>
      </c>
      <c r="L67">
        <v>219.28899999999999</v>
      </c>
      <c r="M67">
        <v>209.971</v>
      </c>
      <c r="N67">
        <v>186.709</v>
      </c>
      <c r="O67">
        <v>186.584</v>
      </c>
      <c r="P67">
        <v>0</v>
      </c>
      <c r="Q67">
        <v>0</v>
      </c>
      <c r="R67">
        <v>221.393</v>
      </c>
      <c r="S67">
        <v>0</v>
      </c>
      <c r="T67">
        <v>219.696</v>
      </c>
      <c r="U67">
        <v>226.83799999999999</v>
      </c>
      <c r="V67">
        <v>229.678</v>
      </c>
      <c r="W67">
        <v>220.102</v>
      </c>
      <c r="X67">
        <v>208.83500000000001</v>
      </c>
      <c r="Y67">
        <v>179.09399999999999</v>
      </c>
    </row>
    <row r="68" spans="1:25" x14ac:dyDescent="0.3">
      <c r="A68">
        <v>1.7499999965696285</v>
      </c>
      <c r="B68">
        <v>224.78899999999999</v>
      </c>
      <c r="C68">
        <v>278.99900000000002</v>
      </c>
      <c r="D68">
        <v>257.846</v>
      </c>
      <c r="E68">
        <v>217.68199999999999</v>
      </c>
      <c r="F68">
        <v>224.31100000000001</v>
      </c>
      <c r="G68">
        <v>223.869</v>
      </c>
      <c r="H68">
        <v>223.72800000000001</v>
      </c>
      <c r="I68">
        <v>195.65600000000001</v>
      </c>
      <c r="J68">
        <v>208.428</v>
      </c>
      <c r="K68">
        <v>198.34100000000001</v>
      </c>
      <c r="L68">
        <v>221.94200000000001</v>
      </c>
      <c r="M68">
        <v>210.84200000000001</v>
      </c>
      <c r="N68">
        <v>188.881</v>
      </c>
      <c r="O68">
        <v>190.53399999999999</v>
      </c>
      <c r="P68">
        <v>0</v>
      </c>
      <c r="Q68">
        <v>0</v>
      </c>
      <c r="R68">
        <v>227.37</v>
      </c>
      <c r="S68">
        <v>0</v>
      </c>
      <c r="T68">
        <v>220.298</v>
      </c>
      <c r="U68">
        <v>229.90799999999999</v>
      </c>
      <c r="V68">
        <v>232.01900000000001</v>
      </c>
      <c r="W68">
        <v>218.46</v>
      </c>
      <c r="X68">
        <v>211.51599999999999</v>
      </c>
      <c r="Y68">
        <v>183.11600000000001</v>
      </c>
    </row>
    <row r="69" spans="1:25" x14ac:dyDescent="0.3">
      <c r="A69">
        <v>1.7833333376950273</v>
      </c>
      <c r="B69">
        <v>215.61099999999999</v>
      </c>
      <c r="C69">
        <v>270.13200000000001</v>
      </c>
      <c r="D69">
        <v>257.02499999999998</v>
      </c>
      <c r="E69">
        <v>217.626</v>
      </c>
      <c r="F69">
        <v>225.14</v>
      </c>
      <c r="G69">
        <v>224.15</v>
      </c>
      <c r="H69">
        <v>223.655</v>
      </c>
      <c r="I69">
        <v>197.53899999999999</v>
      </c>
      <c r="J69">
        <v>208.178</v>
      </c>
      <c r="K69">
        <v>199.495</v>
      </c>
      <c r="L69">
        <v>222.417</v>
      </c>
      <c r="M69">
        <v>209.36600000000001</v>
      </c>
      <c r="N69">
        <v>193.16399999999999</v>
      </c>
      <c r="O69">
        <v>195.92099999999999</v>
      </c>
      <c r="P69">
        <v>0</v>
      </c>
      <c r="Q69">
        <v>0</v>
      </c>
      <c r="R69">
        <v>232.52699999999999</v>
      </c>
      <c r="S69">
        <v>0</v>
      </c>
      <c r="T69">
        <v>224.61</v>
      </c>
      <c r="U69">
        <v>235.184</v>
      </c>
      <c r="V69">
        <v>236.57400000000001</v>
      </c>
      <c r="W69">
        <v>219.78299999999999</v>
      </c>
      <c r="X69">
        <v>214.53</v>
      </c>
      <c r="Y69">
        <v>186.74299999999999</v>
      </c>
    </row>
    <row r="70" spans="1:25" x14ac:dyDescent="0.3">
      <c r="A70">
        <v>1.8166666683430472</v>
      </c>
      <c r="B70">
        <v>220.422</v>
      </c>
      <c r="C70">
        <v>270.58499999999998</v>
      </c>
      <c r="D70">
        <v>256.78399999999999</v>
      </c>
      <c r="E70">
        <v>218.28299999999999</v>
      </c>
      <c r="F70">
        <v>227.61699999999999</v>
      </c>
      <c r="G70">
        <v>224.68299999999999</v>
      </c>
      <c r="H70">
        <v>223.64</v>
      </c>
      <c r="I70">
        <v>200.298</v>
      </c>
      <c r="J70">
        <v>211.87100000000001</v>
      </c>
      <c r="K70">
        <v>203.726</v>
      </c>
      <c r="L70">
        <v>225.673</v>
      </c>
      <c r="M70">
        <v>208.57</v>
      </c>
      <c r="N70">
        <v>198.804</v>
      </c>
      <c r="O70">
        <v>200.04900000000001</v>
      </c>
      <c r="P70">
        <v>0</v>
      </c>
      <c r="Q70">
        <v>0</v>
      </c>
      <c r="R70">
        <v>240.078</v>
      </c>
      <c r="S70">
        <v>0</v>
      </c>
      <c r="T70">
        <v>232.67</v>
      </c>
      <c r="U70">
        <v>241.8</v>
      </c>
      <c r="V70">
        <v>242.83199999999999</v>
      </c>
      <c r="W70">
        <v>223.215</v>
      </c>
      <c r="X70">
        <v>223.18</v>
      </c>
      <c r="Y70">
        <v>195.46</v>
      </c>
    </row>
    <row r="71" spans="1:25" x14ac:dyDescent="0.3">
      <c r="A71">
        <v>1.8333333389057467</v>
      </c>
      <c r="B71">
        <v>219.23500000000001</v>
      </c>
      <c r="C71">
        <v>271.72500000000002</v>
      </c>
      <c r="D71">
        <v>255.84200000000001</v>
      </c>
      <c r="E71">
        <v>219.11099999999999</v>
      </c>
      <c r="F71">
        <v>229.04300000000001</v>
      </c>
      <c r="G71">
        <v>223.584</v>
      </c>
      <c r="H71">
        <v>224.203</v>
      </c>
      <c r="I71">
        <v>199.548</v>
      </c>
      <c r="J71">
        <v>215.20400000000001</v>
      </c>
      <c r="K71">
        <v>209.63300000000001</v>
      </c>
      <c r="L71">
        <v>229.85300000000001</v>
      </c>
      <c r="M71">
        <v>208.35499999999999</v>
      </c>
      <c r="N71">
        <v>199.94</v>
      </c>
      <c r="O71">
        <v>204.00800000000001</v>
      </c>
      <c r="P71">
        <v>0</v>
      </c>
      <c r="Q71">
        <v>0</v>
      </c>
      <c r="R71">
        <v>248.11500000000001</v>
      </c>
      <c r="S71">
        <v>0</v>
      </c>
      <c r="T71">
        <v>239.53100000000001</v>
      </c>
      <c r="U71">
        <v>249.41</v>
      </c>
      <c r="V71">
        <v>250.846</v>
      </c>
      <c r="W71">
        <v>228.99</v>
      </c>
      <c r="X71">
        <v>232.63300000000001</v>
      </c>
      <c r="Y71">
        <v>207.078</v>
      </c>
    </row>
    <row r="72" spans="1:25" x14ac:dyDescent="0.3">
      <c r="A72">
        <v>1.8666666695537666</v>
      </c>
      <c r="B72">
        <v>218.68899999999999</v>
      </c>
      <c r="C72">
        <v>270.10000000000002</v>
      </c>
      <c r="D72">
        <v>256.64499999999998</v>
      </c>
      <c r="E72">
        <v>220.01499999999999</v>
      </c>
      <c r="F72">
        <v>230.84</v>
      </c>
      <c r="G72">
        <v>225.001</v>
      </c>
      <c r="H72">
        <v>224.78899999999999</v>
      </c>
      <c r="I72">
        <v>201.52500000000001</v>
      </c>
      <c r="J72">
        <v>215.73699999999999</v>
      </c>
      <c r="K72">
        <v>213.89400000000001</v>
      </c>
      <c r="L72">
        <v>232.74100000000001</v>
      </c>
      <c r="M72">
        <v>210.68199999999999</v>
      </c>
      <c r="N72">
        <v>200.83099999999999</v>
      </c>
      <c r="O72">
        <v>206.31700000000001</v>
      </c>
      <c r="P72">
        <v>0</v>
      </c>
      <c r="Q72">
        <v>0</v>
      </c>
      <c r="R72">
        <v>256.262</v>
      </c>
      <c r="S72">
        <v>0</v>
      </c>
      <c r="T72">
        <v>250.27</v>
      </c>
      <c r="U72">
        <v>256.55700000000002</v>
      </c>
      <c r="V72">
        <v>257.28899999999999</v>
      </c>
      <c r="W72">
        <v>233.286</v>
      </c>
      <c r="X72">
        <v>237.91399999999999</v>
      </c>
      <c r="Y72">
        <v>211.58699999999999</v>
      </c>
    </row>
    <row r="73" spans="1:25" x14ac:dyDescent="0.3">
      <c r="A73">
        <v>1.8833333296390871</v>
      </c>
      <c r="B73">
        <v>222.417</v>
      </c>
      <c r="C73">
        <v>269.47399999999999</v>
      </c>
      <c r="D73">
        <v>259.04300000000001</v>
      </c>
      <c r="E73">
        <v>220.38300000000001</v>
      </c>
      <c r="F73">
        <v>232.386</v>
      </c>
      <c r="G73">
        <v>226.18199999999999</v>
      </c>
      <c r="H73">
        <v>225.387</v>
      </c>
      <c r="I73">
        <v>204.965</v>
      </c>
      <c r="J73">
        <v>215.48599999999999</v>
      </c>
      <c r="K73">
        <v>216.017</v>
      </c>
      <c r="L73">
        <v>236.785</v>
      </c>
      <c r="M73">
        <v>212.4</v>
      </c>
      <c r="N73">
        <v>207.077</v>
      </c>
      <c r="O73">
        <v>209.88</v>
      </c>
      <c r="P73">
        <v>0</v>
      </c>
      <c r="Q73">
        <v>0</v>
      </c>
      <c r="R73">
        <v>259.548</v>
      </c>
      <c r="S73">
        <v>0</v>
      </c>
      <c r="T73">
        <v>254.37899999999999</v>
      </c>
      <c r="U73">
        <v>261.08</v>
      </c>
      <c r="V73">
        <v>262.42</v>
      </c>
      <c r="W73">
        <v>238.14</v>
      </c>
      <c r="X73">
        <v>243.792</v>
      </c>
      <c r="Y73">
        <v>211.69</v>
      </c>
    </row>
    <row r="74" spans="1:25" x14ac:dyDescent="0.3">
      <c r="A74">
        <v>1.9166666707644859</v>
      </c>
      <c r="B74">
        <v>220.15700000000001</v>
      </c>
      <c r="C74">
        <v>265.34800000000001</v>
      </c>
      <c r="D74">
        <v>258.14100000000002</v>
      </c>
      <c r="E74">
        <v>222.084</v>
      </c>
      <c r="F74">
        <v>232.40600000000001</v>
      </c>
      <c r="G74">
        <v>227.03399999999999</v>
      </c>
      <c r="H74">
        <v>226.857</v>
      </c>
      <c r="I74">
        <v>207.577</v>
      </c>
      <c r="J74">
        <v>216.39099999999999</v>
      </c>
      <c r="K74">
        <v>216.60300000000001</v>
      </c>
      <c r="L74">
        <v>239.11099999999999</v>
      </c>
      <c r="M74">
        <v>213.76900000000001</v>
      </c>
      <c r="N74">
        <v>207.68299999999999</v>
      </c>
      <c r="O74">
        <v>210.274</v>
      </c>
      <c r="P74">
        <v>0</v>
      </c>
      <c r="Q74">
        <v>0</v>
      </c>
      <c r="R74">
        <v>262.51</v>
      </c>
      <c r="S74">
        <v>0</v>
      </c>
      <c r="T74">
        <v>258.38499999999999</v>
      </c>
      <c r="U74">
        <v>265.76499999999999</v>
      </c>
      <c r="V74">
        <v>265.83499999999998</v>
      </c>
      <c r="W74">
        <v>238.46</v>
      </c>
      <c r="X74">
        <v>245.77199999999999</v>
      </c>
      <c r="Y74">
        <v>213.41399999999999</v>
      </c>
    </row>
    <row r="75" spans="1:25" x14ac:dyDescent="0.3">
      <c r="A75">
        <v>1.9500000014125058</v>
      </c>
      <c r="B75">
        <v>209.18899999999999</v>
      </c>
      <c r="C75">
        <v>258</v>
      </c>
      <c r="D75">
        <v>253.786</v>
      </c>
      <c r="E75">
        <v>221.48099999999999</v>
      </c>
      <c r="F75">
        <v>231.52500000000001</v>
      </c>
      <c r="G75">
        <v>227.36799999999999</v>
      </c>
      <c r="H75">
        <v>227.881</v>
      </c>
      <c r="I75">
        <v>209.935</v>
      </c>
      <c r="J75">
        <v>218.70500000000001</v>
      </c>
      <c r="K75">
        <v>219.536</v>
      </c>
      <c r="L75">
        <v>242.06</v>
      </c>
      <c r="M75">
        <v>215.61099999999999</v>
      </c>
      <c r="N75">
        <v>209.50899999999999</v>
      </c>
      <c r="O75">
        <v>213.803</v>
      </c>
      <c r="P75">
        <v>0</v>
      </c>
      <c r="Q75">
        <v>0</v>
      </c>
      <c r="R75">
        <v>265.88499999999999</v>
      </c>
      <c r="S75">
        <v>0</v>
      </c>
      <c r="T75">
        <v>260.59399999999999</v>
      </c>
      <c r="U75">
        <v>268.95600000000002</v>
      </c>
      <c r="V75">
        <v>267.79599999999999</v>
      </c>
      <c r="W75">
        <v>239.654</v>
      </c>
      <c r="X75">
        <v>249.428</v>
      </c>
      <c r="Y75">
        <v>215.85900000000001</v>
      </c>
    </row>
    <row r="76" spans="1:25" x14ac:dyDescent="0.3">
      <c r="A76">
        <v>1.9666666719752053</v>
      </c>
      <c r="B76">
        <v>203.93700000000001</v>
      </c>
      <c r="C76">
        <v>260.22800000000001</v>
      </c>
      <c r="D76">
        <v>255.61600000000001</v>
      </c>
      <c r="E76">
        <v>222.94800000000001</v>
      </c>
      <c r="F76">
        <v>233.953</v>
      </c>
      <c r="G76">
        <v>230.399</v>
      </c>
      <c r="H76">
        <v>229.23699999999999</v>
      </c>
      <c r="I76">
        <v>213.92699999999999</v>
      </c>
      <c r="J76">
        <v>222.17</v>
      </c>
      <c r="K76">
        <v>222.34700000000001</v>
      </c>
      <c r="L76">
        <v>244.54499999999999</v>
      </c>
      <c r="M76">
        <v>217.149</v>
      </c>
      <c r="N76">
        <v>211.30099999999999</v>
      </c>
      <c r="O76">
        <v>216.15899999999999</v>
      </c>
      <c r="P76">
        <v>0</v>
      </c>
      <c r="Q76">
        <v>0</v>
      </c>
      <c r="R76">
        <v>267.76100000000002</v>
      </c>
      <c r="S76">
        <v>0</v>
      </c>
      <c r="T76">
        <v>262.75200000000001</v>
      </c>
      <c r="U76">
        <v>269.66500000000002</v>
      </c>
      <c r="V76">
        <v>268.315</v>
      </c>
      <c r="W76">
        <v>240.99100000000001</v>
      </c>
      <c r="X76">
        <v>250.47800000000001</v>
      </c>
      <c r="Y76">
        <v>215.417</v>
      </c>
    </row>
    <row r="77" spans="1:25" x14ac:dyDescent="0.3">
      <c r="A77">
        <v>2.0000000026232252</v>
      </c>
      <c r="B77">
        <v>199.88900000000001</v>
      </c>
      <c r="C77">
        <v>259.81200000000001</v>
      </c>
      <c r="D77">
        <v>254.73</v>
      </c>
      <c r="E77">
        <v>223.58600000000001</v>
      </c>
      <c r="F77">
        <v>235.732</v>
      </c>
      <c r="G77">
        <v>231.86099999999999</v>
      </c>
      <c r="H77">
        <v>230.68199999999999</v>
      </c>
      <c r="I77">
        <v>211.977</v>
      </c>
      <c r="J77">
        <v>226.48599999999999</v>
      </c>
      <c r="K77">
        <v>226.98099999999999</v>
      </c>
      <c r="L77">
        <v>247.61</v>
      </c>
      <c r="M77">
        <v>217.80500000000001</v>
      </c>
      <c r="N77">
        <v>217.328</v>
      </c>
      <c r="O77">
        <v>221.589</v>
      </c>
      <c r="P77">
        <v>0</v>
      </c>
      <c r="Q77">
        <v>0</v>
      </c>
      <c r="R77">
        <v>276.28100000000001</v>
      </c>
      <c r="S77">
        <v>0</v>
      </c>
      <c r="T77">
        <v>270.36</v>
      </c>
      <c r="U77">
        <v>274.68799999999999</v>
      </c>
      <c r="V77">
        <v>273.286</v>
      </c>
      <c r="W77">
        <v>247.10300000000001</v>
      </c>
      <c r="X77">
        <v>254.13800000000001</v>
      </c>
      <c r="Y77">
        <v>219.29</v>
      </c>
    </row>
    <row r="78" spans="1:25" x14ac:dyDescent="0.3">
      <c r="A78">
        <v>2.0166666731859246</v>
      </c>
      <c r="B78">
        <v>195.529</v>
      </c>
      <c r="C78">
        <v>254.17099999999999</v>
      </c>
      <c r="D78">
        <v>254.69300000000001</v>
      </c>
      <c r="E78">
        <v>224.13200000000001</v>
      </c>
      <c r="F78">
        <v>236.46899999999999</v>
      </c>
      <c r="G78">
        <v>231.34800000000001</v>
      </c>
      <c r="H78">
        <v>232.14</v>
      </c>
      <c r="I78">
        <v>212.667</v>
      </c>
      <c r="J78">
        <v>231.04900000000001</v>
      </c>
      <c r="K78">
        <v>232.93199999999999</v>
      </c>
      <c r="L78">
        <v>252.36799999999999</v>
      </c>
      <c r="M78">
        <v>219.09399999999999</v>
      </c>
      <c r="N78">
        <v>219.34100000000001</v>
      </c>
      <c r="O78">
        <v>223.86699999999999</v>
      </c>
      <c r="P78">
        <v>0</v>
      </c>
      <c r="Q78">
        <v>0</v>
      </c>
      <c r="R78">
        <v>279.74099999999999</v>
      </c>
      <c r="S78">
        <v>0</v>
      </c>
      <c r="T78">
        <v>276.78100000000001</v>
      </c>
      <c r="U78">
        <v>281.08499999999998</v>
      </c>
      <c r="V78">
        <v>280.87799999999999</v>
      </c>
      <c r="W78">
        <v>253.55799999999999</v>
      </c>
      <c r="X78">
        <v>261.53300000000002</v>
      </c>
      <c r="Y78">
        <v>226.83699999999999</v>
      </c>
    </row>
    <row r="79" spans="1:25" x14ac:dyDescent="0.3">
      <c r="A79">
        <v>2.0500000038339445</v>
      </c>
      <c r="B79">
        <v>199.85300000000001</v>
      </c>
      <c r="C79">
        <v>251.49600000000001</v>
      </c>
      <c r="D79">
        <v>251.846</v>
      </c>
      <c r="E79">
        <v>224.32900000000001</v>
      </c>
      <c r="F79">
        <v>239.14599999999999</v>
      </c>
      <c r="G79">
        <v>232.935</v>
      </c>
      <c r="H79">
        <v>235.53899999999999</v>
      </c>
      <c r="I79">
        <v>215.87899999999999</v>
      </c>
      <c r="J79">
        <v>232.09</v>
      </c>
      <c r="K79">
        <v>236.24299999999999</v>
      </c>
      <c r="L79">
        <v>257.30599999999998</v>
      </c>
      <c r="M79">
        <v>223.26900000000001</v>
      </c>
      <c r="N79">
        <v>218.15899999999999</v>
      </c>
      <c r="O79">
        <v>224.577</v>
      </c>
      <c r="P79">
        <v>0</v>
      </c>
      <c r="Q79">
        <v>0</v>
      </c>
      <c r="R79">
        <v>287.22000000000003</v>
      </c>
      <c r="S79">
        <v>0</v>
      </c>
      <c r="T79">
        <v>284.10199999999998</v>
      </c>
      <c r="U79">
        <v>288.32299999999998</v>
      </c>
      <c r="V79">
        <v>285.80799999999999</v>
      </c>
      <c r="W79">
        <v>259.32600000000002</v>
      </c>
      <c r="X79">
        <v>265.64400000000001</v>
      </c>
      <c r="Y79">
        <v>231.56200000000001</v>
      </c>
    </row>
    <row r="80" spans="1:25" x14ac:dyDescent="0.3">
      <c r="A80">
        <v>2.0833333344819644</v>
      </c>
      <c r="B80">
        <v>208.072</v>
      </c>
      <c r="C80">
        <v>250.339</v>
      </c>
      <c r="D80">
        <v>251.94900000000001</v>
      </c>
      <c r="E80">
        <v>223.56700000000001</v>
      </c>
      <c r="F80">
        <v>236.505</v>
      </c>
      <c r="G80">
        <v>231.91200000000001</v>
      </c>
      <c r="H80">
        <v>234.62200000000001</v>
      </c>
      <c r="I80">
        <v>216.46</v>
      </c>
      <c r="J80">
        <v>231.648</v>
      </c>
      <c r="K80">
        <v>237.01499999999999</v>
      </c>
      <c r="L80">
        <v>259.04500000000002</v>
      </c>
      <c r="M80">
        <v>228.93899999999999</v>
      </c>
      <c r="N80">
        <v>225.91900000000001</v>
      </c>
      <c r="O80">
        <v>229.06200000000001</v>
      </c>
      <c r="P80">
        <v>0</v>
      </c>
      <c r="Q80">
        <v>0</v>
      </c>
      <c r="R80">
        <v>290.99099999999999</v>
      </c>
      <c r="S80">
        <v>0</v>
      </c>
      <c r="T80">
        <v>285.358</v>
      </c>
      <c r="U80">
        <v>289.04500000000002</v>
      </c>
      <c r="V80">
        <v>287.85599999999999</v>
      </c>
      <c r="W80">
        <v>262.596</v>
      </c>
      <c r="X80">
        <v>265.25900000000001</v>
      </c>
      <c r="Y80">
        <v>230.047</v>
      </c>
    </row>
    <row r="81" spans="1:25" x14ac:dyDescent="0.3">
      <c r="A81">
        <v>2.1000000050446639</v>
      </c>
      <c r="B81">
        <v>210.697</v>
      </c>
      <c r="C81">
        <v>252.98099999999999</v>
      </c>
      <c r="D81">
        <v>253.191</v>
      </c>
      <c r="E81">
        <v>225.03399999999999</v>
      </c>
      <c r="F81">
        <v>237.56</v>
      </c>
      <c r="G81">
        <v>232.65</v>
      </c>
      <c r="H81">
        <v>235.501</v>
      </c>
      <c r="I81">
        <v>217.41399999999999</v>
      </c>
      <c r="J81">
        <v>231.80600000000001</v>
      </c>
      <c r="K81">
        <v>237.577</v>
      </c>
      <c r="L81">
        <v>258.661</v>
      </c>
      <c r="M81">
        <v>229.624</v>
      </c>
      <c r="N81">
        <v>230.20500000000001</v>
      </c>
      <c r="O81">
        <v>231.71799999999999</v>
      </c>
      <c r="P81">
        <v>0</v>
      </c>
      <c r="Q81">
        <v>0</v>
      </c>
      <c r="R81">
        <v>293.46699999999998</v>
      </c>
      <c r="S81">
        <v>0</v>
      </c>
      <c r="T81">
        <v>286.08100000000002</v>
      </c>
      <c r="U81">
        <v>289.64699999999999</v>
      </c>
      <c r="V81">
        <v>288.113</v>
      </c>
      <c r="W81">
        <v>263.86599999999999</v>
      </c>
      <c r="X81">
        <v>267.76100000000002</v>
      </c>
      <c r="Y81">
        <v>232.422</v>
      </c>
    </row>
    <row r="82" spans="1:25" x14ac:dyDescent="0.3">
      <c r="A82">
        <v>2.1333333356926838</v>
      </c>
      <c r="B82">
        <v>216.05500000000001</v>
      </c>
      <c r="C82">
        <v>252.87799999999999</v>
      </c>
      <c r="D82">
        <v>252.125</v>
      </c>
      <c r="E82">
        <v>225.708</v>
      </c>
      <c r="F82">
        <v>238.98699999999999</v>
      </c>
      <c r="G82">
        <v>234.166</v>
      </c>
      <c r="H82">
        <v>236.26</v>
      </c>
      <c r="I82">
        <v>218.23</v>
      </c>
      <c r="J82">
        <v>230.98099999999999</v>
      </c>
      <c r="K82">
        <v>238.23099999999999</v>
      </c>
      <c r="L82">
        <v>260.94400000000002</v>
      </c>
      <c r="M82">
        <v>231.08699999999999</v>
      </c>
      <c r="N82">
        <v>226.62700000000001</v>
      </c>
      <c r="O82">
        <v>231.26300000000001</v>
      </c>
      <c r="P82">
        <v>0</v>
      </c>
      <c r="Q82">
        <v>0</v>
      </c>
      <c r="R82">
        <v>293.67500000000001</v>
      </c>
      <c r="S82">
        <v>0</v>
      </c>
      <c r="T82">
        <v>286.11700000000002</v>
      </c>
      <c r="U82">
        <v>292.16399999999999</v>
      </c>
      <c r="V82">
        <v>289.68299999999999</v>
      </c>
      <c r="W82">
        <v>265.26100000000002</v>
      </c>
      <c r="X82">
        <v>270.16899999999998</v>
      </c>
      <c r="Y82">
        <v>235.97800000000001</v>
      </c>
    </row>
    <row r="83" spans="1:25" x14ac:dyDescent="0.3">
      <c r="A83">
        <v>2.1500000062553832</v>
      </c>
      <c r="B83">
        <v>220.33199999999999</v>
      </c>
      <c r="C83">
        <v>251.26599999999999</v>
      </c>
      <c r="D83">
        <v>250.49600000000001</v>
      </c>
      <c r="E83">
        <v>226.00700000000001</v>
      </c>
      <c r="F83">
        <v>238.828</v>
      </c>
      <c r="G83">
        <v>235.87100000000001</v>
      </c>
      <c r="H83">
        <v>236.874</v>
      </c>
      <c r="I83">
        <v>219.73099999999999</v>
      </c>
      <c r="J83">
        <v>231.15600000000001</v>
      </c>
      <c r="K83">
        <v>238.44</v>
      </c>
      <c r="L83">
        <v>260.072</v>
      </c>
      <c r="M83">
        <v>232.98599999999999</v>
      </c>
      <c r="N83">
        <v>226.23699999999999</v>
      </c>
      <c r="O83">
        <v>234.32300000000001</v>
      </c>
      <c r="P83">
        <v>0</v>
      </c>
      <c r="Q83">
        <v>0</v>
      </c>
      <c r="R83">
        <v>291.37</v>
      </c>
      <c r="S83">
        <v>0</v>
      </c>
      <c r="T83">
        <v>285.47800000000001</v>
      </c>
      <c r="U83">
        <v>291.43900000000002</v>
      </c>
      <c r="V83">
        <v>289.096</v>
      </c>
      <c r="W83">
        <v>264.64999999999998</v>
      </c>
      <c r="X83">
        <v>271.03399999999999</v>
      </c>
      <c r="Y83">
        <v>237.89500000000001</v>
      </c>
    </row>
    <row r="84" spans="1:25" x14ac:dyDescent="0.3">
      <c r="A84">
        <v>2.1833333369034031</v>
      </c>
      <c r="B84">
        <v>217.96199999999999</v>
      </c>
      <c r="C84">
        <v>248.762</v>
      </c>
      <c r="D84">
        <v>250.37299999999999</v>
      </c>
      <c r="E84">
        <v>226.81899999999999</v>
      </c>
      <c r="F84">
        <v>238.45699999999999</v>
      </c>
      <c r="G84">
        <v>236.45099999999999</v>
      </c>
      <c r="H84">
        <v>236.83799999999999</v>
      </c>
      <c r="I84">
        <v>222.59399999999999</v>
      </c>
      <c r="J84">
        <v>232.17500000000001</v>
      </c>
      <c r="K84">
        <v>237.102</v>
      </c>
      <c r="L84">
        <v>257.66899999999998</v>
      </c>
      <c r="M84">
        <v>232.773</v>
      </c>
      <c r="N84">
        <v>223.77799999999999</v>
      </c>
      <c r="O84">
        <v>237.73500000000001</v>
      </c>
      <c r="P84">
        <v>0</v>
      </c>
      <c r="Q84">
        <v>0</v>
      </c>
      <c r="R84">
        <v>292.17899999999997</v>
      </c>
      <c r="S84">
        <v>0</v>
      </c>
      <c r="T84">
        <v>286.82100000000003</v>
      </c>
      <c r="U84">
        <v>292.43700000000001</v>
      </c>
      <c r="V84">
        <v>289.73200000000003</v>
      </c>
      <c r="W84">
        <v>267.51799999999997</v>
      </c>
      <c r="X84">
        <v>273.26600000000002</v>
      </c>
      <c r="Y84">
        <v>240.62100000000001</v>
      </c>
    </row>
    <row r="85" spans="1:25" x14ac:dyDescent="0.3">
      <c r="A85">
        <v>2.2166666675514231</v>
      </c>
      <c r="B85">
        <v>208.10900000000001</v>
      </c>
      <c r="C85">
        <v>246.648</v>
      </c>
      <c r="D85">
        <v>249.86799999999999</v>
      </c>
      <c r="E85">
        <v>226.804</v>
      </c>
      <c r="F85">
        <v>240.501</v>
      </c>
      <c r="G85">
        <v>237.93199999999999</v>
      </c>
      <c r="H85">
        <v>236.911</v>
      </c>
      <c r="I85">
        <v>223.56899999999999</v>
      </c>
      <c r="J85">
        <v>232.6</v>
      </c>
      <c r="K85">
        <v>236.38399999999999</v>
      </c>
      <c r="L85">
        <v>255.91399999999999</v>
      </c>
      <c r="M85">
        <v>233.93799999999999</v>
      </c>
      <c r="N85">
        <v>225.001</v>
      </c>
      <c r="O85">
        <v>241.46799999999999</v>
      </c>
      <c r="P85">
        <v>0</v>
      </c>
      <c r="Q85">
        <v>0</v>
      </c>
      <c r="R85">
        <v>293.178</v>
      </c>
      <c r="S85">
        <v>0</v>
      </c>
      <c r="T85">
        <v>290.94099999999997</v>
      </c>
      <c r="U85">
        <v>296.54000000000002</v>
      </c>
      <c r="V85">
        <v>294.48200000000003</v>
      </c>
      <c r="W85">
        <v>272.31700000000001</v>
      </c>
      <c r="X85">
        <v>276.42</v>
      </c>
      <c r="Y85">
        <v>243.02500000000001</v>
      </c>
    </row>
    <row r="86" spans="1:25" x14ac:dyDescent="0.3">
      <c r="A86">
        <v>2.2333333381141225</v>
      </c>
      <c r="B86">
        <v>203.07</v>
      </c>
      <c r="C86">
        <v>244.44200000000001</v>
      </c>
      <c r="D86">
        <v>249.99</v>
      </c>
      <c r="E86">
        <v>227.81200000000001</v>
      </c>
      <c r="F86">
        <v>242.202</v>
      </c>
      <c r="G86">
        <v>238.84700000000001</v>
      </c>
      <c r="H86">
        <v>236.084</v>
      </c>
      <c r="I86">
        <v>225.054</v>
      </c>
      <c r="J86">
        <v>232.37100000000001</v>
      </c>
      <c r="K86">
        <v>236.66499999999999</v>
      </c>
      <c r="L86">
        <v>257.584</v>
      </c>
      <c r="M86">
        <v>236.22499999999999</v>
      </c>
      <c r="N86">
        <v>226.50299999999999</v>
      </c>
      <c r="O86">
        <v>243.69</v>
      </c>
      <c r="P86">
        <v>0</v>
      </c>
      <c r="Q86">
        <v>0</v>
      </c>
      <c r="R86">
        <v>295.44200000000001</v>
      </c>
      <c r="S86">
        <v>0</v>
      </c>
      <c r="T86">
        <v>295.613</v>
      </c>
      <c r="U86">
        <v>300.43400000000003</v>
      </c>
      <c r="V86">
        <v>298.46100000000001</v>
      </c>
      <c r="W86">
        <v>274.72300000000001</v>
      </c>
      <c r="X86">
        <v>279.69099999999997</v>
      </c>
      <c r="Y86">
        <v>245.28200000000001</v>
      </c>
    </row>
    <row r="87" spans="1:25" x14ac:dyDescent="0.3">
      <c r="A87">
        <v>2.2666666687621424</v>
      </c>
      <c r="B87">
        <v>203.06800000000001</v>
      </c>
      <c r="C87">
        <v>244.86099999999999</v>
      </c>
      <c r="D87">
        <v>249.393</v>
      </c>
      <c r="E87">
        <v>229.02600000000001</v>
      </c>
      <c r="F87">
        <v>243.42500000000001</v>
      </c>
      <c r="G87">
        <v>239.601</v>
      </c>
      <c r="H87">
        <v>236.27600000000001</v>
      </c>
      <c r="I87">
        <v>226.82</v>
      </c>
      <c r="J87">
        <v>232.809</v>
      </c>
      <c r="K87">
        <v>236.804</v>
      </c>
      <c r="L87">
        <v>258.01799999999997</v>
      </c>
      <c r="M87">
        <v>237.40199999999999</v>
      </c>
      <c r="N87">
        <v>222.63</v>
      </c>
      <c r="O87">
        <v>245.68299999999999</v>
      </c>
      <c r="P87">
        <v>0</v>
      </c>
      <c r="Q87">
        <v>0</v>
      </c>
      <c r="R87">
        <v>294.27300000000002</v>
      </c>
      <c r="S87">
        <v>0</v>
      </c>
      <c r="T87">
        <v>292.28300000000002</v>
      </c>
      <c r="U87">
        <v>296.84699999999998</v>
      </c>
      <c r="V87">
        <v>297.01799999999997</v>
      </c>
      <c r="W87">
        <v>273.30099999999999</v>
      </c>
      <c r="X87">
        <v>280.31</v>
      </c>
      <c r="Y87">
        <v>245.613</v>
      </c>
    </row>
    <row r="88" spans="1:25" x14ac:dyDescent="0.3">
      <c r="A88">
        <v>2.2833333393248418</v>
      </c>
      <c r="B88">
        <v>198.57300000000001</v>
      </c>
      <c r="C88">
        <v>246.036</v>
      </c>
      <c r="D88">
        <v>248.066</v>
      </c>
      <c r="E88">
        <v>229.18700000000001</v>
      </c>
      <c r="F88">
        <v>244.74100000000001</v>
      </c>
      <c r="G88">
        <v>241.38</v>
      </c>
      <c r="H88">
        <v>237.49299999999999</v>
      </c>
      <c r="I88">
        <v>229.029</v>
      </c>
      <c r="J88">
        <v>234.642</v>
      </c>
      <c r="K88">
        <v>238.07300000000001</v>
      </c>
      <c r="L88">
        <v>260.59699999999998</v>
      </c>
      <c r="M88">
        <v>239.34</v>
      </c>
      <c r="N88">
        <v>230.78800000000001</v>
      </c>
      <c r="O88">
        <v>249.274</v>
      </c>
      <c r="P88">
        <v>0</v>
      </c>
      <c r="Q88">
        <v>0</v>
      </c>
      <c r="R88">
        <v>304.68900000000002</v>
      </c>
      <c r="S88">
        <v>0</v>
      </c>
      <c r="T88">
        <v>292.25099999999998</v>
      </c>
      <c r="U88">
        <v>295.803</v>
      </c>
      <c r="V88">
        <v>295.923</v>
      </c>
      <c r="W88">
        <v>271.62400000000002</v>
      </c>
      <c r="X88">
        <v>279.55399999999997</v>
      </c>
      <c r="Y88">
        <v>245.89599999999999</v>
      </c>
    </row>
    <row r="89" spans="1:25" x14ac:dyDescent="0.3">
      <c r="A89">
        <v>2.3166666699728617</v>
      </c>
      <c r="B89">
        <v>200.67099999999999</v>
      </c>
      <c r="C89">
        <v>248.69499999999999</v>
      </c>
      <c r="D89">
        <v>252.58</v>
      </c>
      <c r="E89">
        <v>231.10400000000001</v>
      </c>
      <c r="F89">
        <v>244.565</v>
      </c>
      <c r="G89">
        <v>240.88800000000001</v>
      </c>
      <c r="H89">
        <v>238.44200000000001</v>
      </c>
      <c r="I89">
        <v>230.136</v>
      </c>
      <c r="J89">
        <v>234.00800000000001</v>
      </c>
      <c r="K89">
        <v>238.23099999999999</v>
      </c>
      <c r="L89">
        <v>261.22199999999998</v>
      </c>
      <c r="M89">
        <v>240.74700000000001</v>
      </c>
      <c r="N89">
        <v>237.17500000000001</v>
      </c>
      <c r="O89">
        <v>256.505</v>
      </c>
      <c r="P89">
        <v>0</v>
      </c>
      <c r="Q89">
        <v>0</v>
      </c>
      <c r="R89">
        <v>316.43299999999999</v>
      </c>
      <c r="S89">
        <v>0</v>
      </c>
      <c r="T89">
        <v>299.01</v>
      </c>
      <c r="U89">
        <v>301.46300000000002</v>
      </c>
      <c r="V89">
        <v>300.45100000000002</v>
      </c>
      <c r="W89">
        <v>276.315</v>
      </c>
      <c r="X89">
        <v>283.05099999999999</v>
      </c>
      <c r="Y89">
        <v>246.94499999999999</v>
      </c>
    </row>
    <row r="90" spans="1:25" x14ac:dyDescent="0.3">
      <c r="A90">
        <v>2.3500000006208817</v>
      </c>
      <c r="B90">
        <v>196.61600000000001</v>
      </c>
      <c r="C90">
        <v>247.61</v>
      </c>
      <c r="D90">
        <v>253.42099999999999</v>
      </c>
      <c r="E90">
        <v>232.21299999999999</v>
      </c>
      <c r="F90">
        <v>246.262</v>
      </c>
      <c r="G90">
        <v>241.46700000000001</v>
      </c>
      <c r="H90">
        <v>238.53</v>
      </c>
      <c r="I90">
        <v>229.39699999999999</v>
      </c>
      <c r="J90">
        <v>233.12799999999999</v>
      </c>
      <c r="K90">
        <v>238.495</v>
      </c>
      <c r="L90">
        <v>261.536</v>
      </c>
      <c r="M90">
        <v>241.78200000000001</v>
      </c>
      <c r="N90">
        <v>248.15299999999999</v>
      </c>
      <c r="O90">
        <v>260.57799999999997</v>
      </c>
      <c r="P90">
        <v>0</v>
      </c>
      <c r="Q90">
        <v>0</v>
      </c>
      <c r="R90">
        <v>319.96499999999997</v>
      </c>
      <c r="S90">
        <v>0</v>
      </c>
      <c r="T90">
        <v>307.10000000000002</v>
      </c>
      <c r="U90">
        <v>309.476</v>
      </c>
      <c r="V90">
        <v>308.29700000000003</v>
      </c>
      <c r="W90">
        <v>280.74200000000002</v>
      </c>
      <c r="X90">
        <v>286.755</v>
      </c>
      <c r="Y90">
        <v>248.45</v>
      </c>
    </row>
    <row r="91" spans="1:25" x14ac:dyDescent="0.3">
      <c r="A91">
        <v>2.3666666711835811</v>
      </c>
      <c r="B91">
        <v>192.88200000000001</v>
      </c>
      <c r="C91">
        <v>242.202</v>
      </c>
      <c r="D91">
        <v>253.80600000000001</v>
      </c>
      <c r="E91">
        <v>231.61500000000001</v>
      </c>
      <c r="F91">
        <v>243.672</v>
      </c>
      <c r="G91">
        <v>240.88800000000001</v>
      </c>
      <c r="H91">
        <v>239.18100000000001</v>
      </c>
      <c r="I91">
        <v>232.19499999999999</v>
      </c>
      <c r="J91">
        <v>235.04599999999999</v>
      </c>
      <c r="K91">
        <v>238.072</v>
      </c>
      <c r="L91">
        <v>261.58800000000002</v>
      </c>
      <c r="M91">
        <v>242.517</v>
      </c>
      <c r="N91">
        <v>251.70500000000001</v>
      </c>
      <c r="O91">
        <v>263.65899999999999</v>
      </c>
      <c r="P91">
        <v>0</v>
      </c>
      <c r="Q91">
        <v>0</v>
      </c>
      <c r="R91">
        <v>324.702</v>
      </c>
      <c r="S91">
        <v>0</v>
      </c>
      <c r="T91">
        <v>309.27100000000002</v>
      </c>
      <c r="U91">
        <v>311.68099999999998</v>
      </c>
      <c r="V91">
        <v>308.65600000000001</v>
      </c>
      <c r="W91">
        <v>282.79199999999997</v>
      </c>
      <c r="X91">
        <v>287.66800000000001</v>
      </c>
      <c r="Y91">
        <v>250.078</v>
      </c>
    </row>
    <row r="92" spans="1:25" x14ac:dyDescent="0.3">
      <c r="A92">
        <v>2.400000001831601</v>
      </c>
      <c r="B92">
        <v>189.661</v>
      </c>
      <c r="C92">
        <v>244.80799999999999</v>
      </c>
      <c r="D92">
        <v>252.98099999999999</v>
      </c>
      <c r="E92">
        <v>232.47399999999999</v>
      </c>
      <c r="F92">
        <v>244.773</v>
      </c>
      <c r="G92">
        <v>241.815</v>
      </c>
      <c r="H92">
        <v>240.69200000000001</v>
      </c>
      <c r="I92">
        <v>234.60400000000001</v>
      </c>
      <c r="J92">
        <v>235.43100000000001</v>
      </c>
      <c r="K92">
        <v>238.316</v>
      </c>
      <c r="L92">
        <v>262.73399999999998</v>
      </c>
      <c r="M92">
        <v>243.583</v>
      </c>
      <c r="N92">
        <v>256.29399999999998</v>
      </c>
      <c r="O92">
        <v>267.51799999999997</v>
      </c>
      <c r="P92">
        <v>0</v>
      </c>
      <c r="Q92">
        <v>0</v>
      </c>
      <c r="R92">
        <v>324.35899999999998</v>
      </c>
      <c r="S92">
        <v>0</v>
      </c>
      <c r="T92">
        <v>310.39699999999999</v>
      </c>
      <c r="U92">
        <v>314.03800000000001</v>
      </c>
      <c r="V92">
        <v>311.55900000000003</v>
      </c>
      <c r="W92">
        <v>287.459</v>
      </c>
      <c r="X92">
        <v>290.59399999999999</v>
      </c>
      <c r="Y92">
        <v>254.571</v>
      </c>
    </row>
    <row r="93" spans="1:25" x14ac:dyDescent="0.3">
      <c r="A93">
        <v>2.4333333324796209</v>
      </c>
      <c r="B93">
        <v>190.08799999999999</v>
      </c>
      <c r="C93">
        <v>246.59399999999999</v>
      </c>
      <c r="D93">
        <v>254.17099999999999</v>
      </c>
      <c r="E93">
        <v>233.44300000000001</v>
      </c>
      <c r="F93">
        <v>246.66399999999999</v>
      </c>
      <c r="G93">
        <v>244.108</v>
      </c>
      <c r="H93">
        <v>242.18299999999999</v>
      </c>
      <c r="I93">
        <v>236.822</v>
      </c>
      <c r="J93">
        <v>237.15600000000001</v>
      </c>
      <c r="K93">
        <v>240.72800000000001</v>
      </c>
      <c r="L93">
        <v>263.762</v>
      </c>
      <c r="M93">
        <v>245.071</v>
      </c>
      <c r="N93">
        <v>253.06899999999999</v>
      </c>
      <c r="O93">
        <v>269.97699999999998</v>
      </c>
      <c r="P93">
        <v>0</v>
      </c>
      <c r="Q93">
        <v>0</v>
      </c>
      <c r="R93">
        <v>328.928</v>
      </c>
      <c r="S93">
        <v>0</v>
      </c>
      <c r="T93">
        <v>314.10700000000003</v>
      </c>
      <c r="U93">
        <v>317.61099999999999</v>
      </c>
      <c r="V93">
        <v>316.08999999999997</v>
      </c>
      <c r="W93">
        <v>290.40499999999997</v>
      </c>
      <c r="X93">
        <v>295.33800000000002</v>
      </c>
      <c r="Y93">
        <v>260.38499999999999</v>
      </c>
    </row>
    <row r="94" spans="1:25" x14ac:dyDescent="0.3">
      <c r="A94">
        <v>2.4500000030423204</v>
      </c>
      <c r="B94">
        <v>188.08</v>
      </c>
      <c r="C94">
        <v>245.79</v>
      </c>
      <c r="D94">
        <v>255.148</v>
      </c>
      <c r="E94">
        <v>235.82</v>
      </c>
      <c r="F94">
        <v>249.465</v>
      </c>
      <c r="G94">
        <v>247.453</v>
      </c>
      <c r="H94">
        <v>242.797</v>
      </c>
      <c r="I94">
        <v>237.12200000000001</v>
      </c>
      <c r="J94">
        <v>239.304</v>
      </c>
      <c r="K94">
        <v>240.78200000000001</v>
      </c>
      <c r="L94">
        <v>263.92</v>
      </c>
      <c r="M94">
        <v>247.68</v>
      </c>
      <c r="N94">
        <v>250.41</v>
      </c>
      <c r="O94">
        <v>272.57600000000002</v>
      </c>
      <c r="P94">
        <v>0</v>
      </c>
      <c r="Q94">
        <v>0</v>
      </c>
      <c r="R94">
        <v>329.44</v>
      </c>
      <c r="S94">
        <v>0</v>
      </c>
      <c r="T94">
        <v>320.57799999999997</v>
      </c>
      <c r="U94">
        <v>323.97000000000003</v>
      </c>
      <c r="V94">
        <v>322.86200000000002</v>
      </c>
      <c r="W94">
        <v>295.459</v>
      </c>
      <c r="X94">
        <v>300.846</v>
      </c>
      <c r="Y94">
        <v>264.42500000000001</v>
      </c>
    </row>
    <row r="95" spans="1:25" x14ac:dyDescent="0.3">
      <c r="A95">
        <v>2.4833333336903403</v>
      </c>
      <c r="B95">
        <v>195.583</v>
      </c>
      <c r="C95">
        <v>249.096</v>
      </c>
      <c r="D95">
        <v>253.01599999999999</v>
      </c>
      <c r="E95">
        <v>236.029</v>
      </c>
      <c r="F95">
        <v>249.113</v>
      </c>
      <c r="G95">
        <v>248.36099999999999</v>
      </c>
      <c r="H95">
        <v>243.11</v>
      </c>
      <c r="I95">
        <v>237.155</v>
      </c>
      <c r="J95">
        <v>240.059</v>
      </c>
      <c r="K95">
        <v>242.76</v>
      </c>
      <c r="L95">
        <v>266.82499999999999</v>
      </c>
      <c r="M95">
        <v>250.19800000000001</v>
      </c>
      <c r="N95">
        <v>246.85599999999999</v>
      </c>
      <c r="O95">
        <v>269.78699999999998</v>
      </c>
      <c r="P95">
        <v>0</v>
      </c>
      <c r="Q95">
        <v>0</v>
      </c>
      <c r="R95">
        <v>323.96800000000002</v>
      </c>
      <c r="S95">
        <v>0</v>
      </c>
      <c r="T95">
        <v>318.25799999999998</v>
      </c>
      <c r="U95">
        <v>323.88299999999998</v>
      </c>
      <c r="V95">
        <v>321.63299999999998</v>
      </c>
      <c r="W95">
        <v>295.47399999999999</v>
      </c>
      <c r="X95">
        <v>301.92500000000001</v>
      </c>
      <c r="Y95">
        <v>267.98599999999999</v>
      </c>
    </row>
    <row r="96" spans="1:25" x14ac:dyDescent="0.3">
      <c r="A96">
        <v>2.5000000042530397</v>
      </c>
      <c r="B96">
        <v>188.596</v>
      </c>
      <c r="C96">
        <v>247.59299999999999</v>
      </c>
      <c r="D96">
        <v>254.46899999999999</v>
      </c>
      <c r="E96">
        <v>236.964</v>
      </c>
      <c r="F96">
        <v>249.44800000000001</v>
      </c>
      <c r="G96">
        <v>248.345</v>
      </c>
      <c r="H96">
        <v>244.40700000000001</v>
      </c>
      <c r="I96">
        <v>239.41</v>
      </c>
      <c r="J96">
        <v>241.97499999999999</v>
      </c>
      <c r="K96">
        <v>244.14500000000001</v>
      </c>
      <c r="L96">
        <v>267.52</v>
      </c>
      <c r="M96">
        <v>251.75800000000001</v>
      </c>
      <c r="N96">
        <v>250.375</v>
      </c>
      <c r="O96">
        <v>272.714</v>
      </c>
      <c r="P96">
        <v>0</v>
      </c>
      <c r="Q96">
        <v>0</v>
      </c>
      <c r="R96">
        <v>324.90699999999998</v>
      </c>
      <c r="S96">
        <v>0</v>
      </c>
      <c r="T96">
        <v>320.18599999999998</v>
      </c>
      <c r="U96">
        <v>323.57799999999997</v>
      </c>
      <c r="V96">
        <v>322.06099999999998</v>
      </c>
      <c r="W96">
        <v>297.55200000000002</v>
      </c>
      <c r="X96">
        <v>305.04899999999998</v>
      </c>
      <c r="Y96">
        <v>271.22500000000002</v>
      </c>
    </row>
    <row r="97" spans="1:25" x14ac:dyDescent="0.3">
      <c r="A97">
        <v>2.5333333349010596</v>
      </c>
      <c r="B97">
        <v>203.94</v>
      </c>
      <c r="C97">
        <v>250.28899999999999</v>
      </c>
      <c r="D97">
        <v>254.208</v>
      </c>
      <c r="E97">
        <v>237.96799999999999</v>
      </c>
      <c r="F97">
        <v>251.79400000000001</v>
      </c>
      <c r="G97">
        <v>249.886</v>
      </c>
      <c r="H97">
        <v>248.27600000000001</v>
      </c>
      <c r="I97">
        <v>241.15299999999999</v>
      </c>
      <c r="J97">
        <v>242.32599999999999</v>
      </c>
      <c r="K97">
        <v>243.708</v>
      </c>
      <c r="L97">
        <v>267.642</v>
      </c>
      <c r="M97">
        <v>254.55699999999999</v>
      </c>
      <c r="N97">
        <v>256.00099999999998</v>
      </c>
      <c r="O97">
        <v>283.12099999999998</v>
      </c>
      <c r="P97">
        <v>0</v>
      </c>
      <c r="Q97">
        <v>0</v>
      </c>
      <c r="R97">
        <v>333.55799999999999</v>
      </c>
      <c r="S97">
        <v>0</v>
      </c>
      <c r="T97">
        <v>324.10700000000003</v>
      </c>
      <c r="U97">
        <v>328.75900000000001</v>
      </c>
      <c r="V97">
        <v>325.43599999999998</v>
      </c>
      <c r="W97">
        <v>298.95999999999998</v>
      </c>
      <c r="X97">
        <v>308.38299999999998</v>
      </c>
      <c r="Y97">
        <v>272.40300000000002</v>
      </c>
    </row>
    <row r="98" spans="1:25" x14ac:dyDescent="0.3">
      <c r="A98">
        <v>2.5666666655490795</v>
      </c>
      <c r="B98">
        <v>214.44200000000001</v>
      </c>
      <c r="C98">
        <v>253.261</v>
      </c>
      <c r="D98">
        <v>256.13799999999998</v>
      </c>
      <c r="E98">
        <v>241.203</v>
      </c>
      <c r="F98">
        <v>255.006</v>
      </c>
      <c r="G98">
        <v>251.441</v>
      </c>
      <c r="H98">
        <v>249.32300000000001</v>
      </c>
      <c r="I98">
        <v>241.06200000000001</v>
      </c>
      <c r="J98">
        <v>243.04</v>
      </c>
      <c r="K98">
        <v>243.548</v>
      </c>
      <c r="L98">
        <v>267.709</v>
      </c>
      <c r="M98">
        <v>257.58300000000003</v>
      </c>
      <c r="N98">
        <v>252.911</v>
      </c>
      <c r="O98">
        <v>282.82499999999999</v>
      </c>
      <c r="P98">
        <v>0</v>
      </c>
      <c r="Q98">
        <v>0</v>
      </c>
      <c r="R98">
        <v>336.61599999999999</v>
      </c>
      <c r="S98">
        <v>0</v>
      </c>
      <c r="T98">
        <v>328.12599999999998</v>
      </c>
      <c r="U98">
        <v>334.899</v>
      </c>
      <c r="V98">
        <v>330.03500000000003</v>
      </c>
      <c r="W98">
        <v>299.84899999999999</v>
      </c>
      <c r="X98">
        <v>310.70499999999998</v>
      </c>
      <c r="Y98">
        <v>275.77699999999999</v>
      </c>
    </row>
    <row r="99" spans="1:25" x14ac:dyDescent="0.3">
      <c r="A99">
        <v>2.583333336111779</v>
      </c>
      <c r="B99">
        <v>218.86500000000001</v>
      </c>
      <c r="C99">
        <v>252.15899999999999</v>
      </c>
      <c r="D99">
        <v>256.29500000000002</v>
      </c>
      <c r="E99">
        <v>241.273</v>
      </c>
      <c r="F99">
        <v>253.559</v>
      </c>
      <c r="G99">
        <v>252.52699999999999</v>
      </c>
      <c r="H99">
        <v>250.07599999999999</v>
      </c>
      <c r="I99">
        <v>241.93799999999999</v>
      </c>
      <c r="J99">
        <v>244.59800000000001</v>
      </c>
      <c r="K99">
        <v>245.578</v>
      </c>
      <c r="L99">
        <v>271.88200000000001</v>
      </c>
      <c r="M99">
        <v>260.66399999999999</v>
      </c>
      <c r="N99">
        <v>249.21899999999999</v>
      </c>
      <c r="O99">
        <v>282.55</v>
      </c>
      <c r="P99">
        <v>0</v>
      </c>
      <c r="Q99">
        <v>0</v>
      </c>
      <c r="R99">
        <v>335.95299999999997</v>
      </c>
      <c r="S99">
        <v>0</v>
      </c>
      <c r="T99">
        <v>330.495</v>
      </c>
      <c r="U99">
        <v>336.82</v>
      </c>
      <c r="V99">
        <v>334.30399999999997</v>
      </c>
      <c r="W99">
        <v>305.90199999999999</v>
      </c>
      <c r="X99">
        <v>314.97899999999998</v>
      </c>
      <c r="Y99">
        <v>279.36099999999999</v>
      </c>
    </row>
    <row r="100" spans="1:25" x14ac:dyDescent="0.3">
      <c r="A100">
        <v>2.6166666667597989</v>
      </c>
      <c r="B100">
        <v>221.18299999999999</v>
      </c>
      <c r="C100">
        <v>253.52600000000001</v>
      </c>
      <c r="D100">
        <v>256.90600000000001</v>
      </c>
      <c r="E100">
        <v>241.41499999999999</v>
      </c>
      <c r="F100">
        <v>256.20999999999998</v>
      </c>
      <c r="G100">
        <v>254.15600000000001</v>
      </c>
      <c r="H100">
        <v>252.37100000000001</v>
      </c>
      <c r="I100">
        <v>243.55099999999999</v>
      </c>
      <c r="J100">
        <v>244.70599999999999</v>
      </c>
      <c r="K100">
        <v>246.47300000000001</v>
      </c>
      <c r="L100">
        <v>272.24799999999999</v>
      </c>
      <c r="M100">
        <v>262.738</v>
      </c>
      <c r="N100">
        <v>243.51599999999999</v>
      </c>
      <c r="O100">
        <v>279.46699999999998</v>
      </c>
      <c r="P100">
        <v>0</v>
      </c>
      <c r="Q100">
        <v>0</v>
      </c>
      <c r="R100">
        <v>333.20100000000002</v>
      </c>
      <c r="S100">
        <v>0</v>
      </c>
      <c r="T100">
        <v>329.08300000000003</v>
      </c>
      <c r="U100">
        <v>336.19299999999998</v>
      </c>
      <c r="V100">
        <v>335.59800000000001</v>
      </c>
      <c r="W100">
        <v>308.36599999999999</v>
      </c>
      <c r="X100">
        <v>317.28800000000001</v>
      </c>
      <c r="Y100">
        <v>282.24200000000002</v>
      </c>
    </row>
    <row r="101" spans="1:25" x14ac:dyDescent="0.3">
      <c r="A101">
        <v>2.6333333373224983</v>
      </c>
      <c r="B101">
        <v>225.673</v>
      </c>
      <c r="C101">
        <v>254.626</v>
      </c>
      <c r="D101">
        <v>257.34100000000001</v>
      </c>
      <c r="E101">
        <v>241.958</v>
      </c>
      <c r="F101">
        <v>259.83</v>
      </c>
      <c r="G101">
        <v>257.846</v>
      </c>
      <c r="H101">
        <v>257.428</v>
      </c>
      <c r="I101">
        <v>248.20599999999999</v>
      </c>
      <c r="J101">
        <v>247.173</v>
      </c>
      <c r="K101">
        <v>248.083</v>
      </c>
      <c r="L101">
        <v>276.93900000000002</v>
      </c>
      <c r="M101">
        <v>264.93</v>
      </c>
      <c r="N101">
        <v>240.571</v>
      </c>
      <c r="O101">
        <v>279.60500000000002</v>
      </c>
      <c r="P101">
        <v>0</v>
      </c>
      <c r="Q101">
        <v>0</v>
      </c>
      <c r="R101">
        <v>330.08800000000002</v>
      </c>
      <c r="S101">
        <v>0</v>
      </c>
      <c r="T101">
        <v>326.42399999999998</v>
      </c>
      <c r="U101">
        <v>334.37400000000002</v>
      </c>
      <c r="V101">
        <v>337.298</v>
      </c>
      <c r="W101">
        <v>310.70699999999999</v>
      </c>
      <c r="X101">
        <v>323.06700000000001</v>
      </c>
      <c r="Y101">
        <v>288.97699999999998</v>
      </c>
    </row>
    <row r="102" spans="1:25" x14ac:dyDescent="0.3">
      <c r="A102">
        <v>2.6666666679705182</v>
      </c>
      <c r="B102">
        <v>228.26900000000001</v>
      </c>
      <c r="C102">
        <v>252.78899999999999</v>
      </c>
      <c r="D102">
        <v>258.61</v>
      </c>
      <c r="E102">
        <v>243.74</v>
      </c>
      <c r="F102">
        <v>262.66500000000002</v>
      </c>
      <c r="G102">
        <v>260.12400000000002</v>
      </c>
      <c r="H102">
        <v>260.00200000000001</v>
      </c>
      <c r="I102">
        <v>249.113</v>
      </c>
      <c r="J102">
        <v>248.74600000000001</v>
      </c>
      <c r="K102">
        <v>250.14599999999999</v>
      </c>
      <c r="L102">
        <v>281.55</v>
      </c>
      <c r="M102">
        <v>267.51900000000001</v>
      </c>
      <c r="N102">
        <v>244.178</v>
      </c>
      <c r="O102">
        <v>279.87900000000002</v>
      </c>
      <c r="P102">
        <v>0</v>
      </c>
      <c r="Q102">
        <v>0</v>
      </c>
      <c r="R102">
        <v>327.42700000000002</v>
      </c>
      <c r="S102">
        <v>0</v>
      </c>
      <c r="T102">
        <v>326.26900000000001</v>
      </c>
      <c r="U102">
        <v>334.45600000000002</v>
      </c>
      <c r="V102">
        <v>337.14299999999997</v>
      </c>
      <c r="W102">
        <v>313.20100000000002</v>
      </c>
      <c r="X102">
        <v>324.71800000000002</v>
      </c>
      <c r="Y102">
        <v>291.47300000000001</v>
      </c>
    </row>
    <row r="103" spans="1:25" x14ac:dyDescent="0.3">
      <c r="A103">
        <v>2.6999999986185381</v>
      </c>
      <c r="B103">
        <v>219.857</v>
      </c>
      <c r="C103">
        <v>248.27600000000001</v>
      </c>
      <c r="D103">
        <v>258.09100000000001</v>
      </c>
      <c r="E103">
        <v>244.864</v>
      </c>
      <c r="F103">
        <v>266.202</v>
      </c>
      <c r="G103">
        <v>260.99700000000001</v>
      </c>
      <c r="H103">
        <v>261.05</v>
      </c>
      <c r="I103">
        <v>249.274</v>
      </c>
      <c r="J103">
        <v>250.30699999999999</v>
      </c>
      <c r="K103">
        <v>252.214</v>
      </c>
      <c r="L103">
        <v>283.56900000000002</v>
      </c>
      <c r="M103">
        <v>269.51299999999998</v>
      </c>
      <c r="N103">
        <v>244.72399999999999</v>
      </c>
      <c r="O103">
        <v>284.08600000000001</v>
      </c>
      <c r="P103">
        <v>0</v>
      </c>
      <c r="Q103">
        <v>0</v>
      </c>
      <c r="R103">
        <v>339.56099999999998</v>
      </c>
      <c r="S103">
        <v>0</v>
      </c>
      <c r="T103">
        <v>333.91500000000002</v>
      </c>
      <c r="U103">
        <v>343.79300000000001</v>
      </c>
      <c r="V103">
        <v>344.04700000000003</v>
      </c>
      <c r="W103">
        <v>317.97199999999998</v>
      </c>
      <c r="X103">
        <v>330.85500000000002</v>
      </c>
      <c r="Y103">
        <v>293.96800000000002</v>
      </c>
    </row>
    <row r="104" spans="1:25" x14ac:dyDescent="0.3">
      <c r="A104">
        <v>2.7166666691812376</v>
      </c>
      <c r="B104">
        <v>222.12</v>
      </c>
      <c r="C104">
        <v>248.643</v>
      </c>
      <c r="D104">
        <v>258.97699999999998</v>
      </c>
      <c r="E104">
        <v>247.33</v>
      </c>
      <c r="F104">
        <v>269.35599999999999</v>
      </c>
      <c r="G104">
        <v>263.06799999999998</v>
      </c>
      <c r="H104">
        <v>263.27699999999999</v>
      </c>
      <c r="I104">
        <v>251.37299999999999</v>
      </c>
      <c r="J104">
        <v>251.51300000000001</v>
      </c>
      <c r="K104">
        <v>252.87799999999999</v>
      </c>
      <c r="L104">
        <v>283.58499999999998</v>
      </c>
      <c r="M104">
        <v>272.80099999999999</v>
      </c>
      <c r="N104">
        <v>253.80600000000001</v>
      </c>
      <c r="O104">
        <v>290.94099999999997</v>
      </c>
      <c r="P104">
        <v>0</v>
      </c>
      <c r="Q104">
        <v>0</v>
      </c>
      <c r="R104">
        <v>339.322</v>
      </c>
      <c r="S104">
        <v>0</v>
      </c>
      <c r="T104">
        <v>332.26499999999999</v>
      </c>
      <c r="U104">
        <v>340.12099999999998</v>
      </c>
      <c r="V104">
        <v>339.95100000000002</v>
      </c>
      <c r="W104">
        <v>317.596</v>
      </c>
      <c r="X104">
        <v>330.19099999999997</v>
      </c>
      <c r="Y104">
        <v>297.226</v>
      </c>
    </row>
    <row r="105" spans="1:25" x14ac:dyDescent="0.3">
      <c r="A105">
        <v>2.7499999998292575</v>
      </c>
      <c r="B105">
        <v>221.53399999999999</v>
      </c>
      <c r="C105">
        <v>250.846</v>
      </c>
      <c r="D105">
        <v>259.88</v>
      </c>
      <c r="E105">
        <v>248.69300000000001</v>
      </c>
      <c r="F105">
        <v>271.05</v>
      </c>
      <c r="G105">
        <v>265.17200000000003</v>
      </c>
      <c r="H105">
        <v>266.33800000000002</v>
      </c>
      <c r="I105">
        <v>252.334</v>
      </c>
      <c r="J105">
        <v>251.93100000000001</v>
      </c>
      <c r="K105">
        <v>253.66399999999999</v>
      </c>
      <c r="L105">
        <v>284.68599999999998</v>
      </c>
      <c r="M105">
        <v>274.755</v>
      </c>
      <c r="N105">
        <v>250.79300000000001</v>
      </c>
      <c r="O105">
        <v>290.233</v>
      </c>
      <c r="P105">
        <v>0</v>
      </c>
      <c r="Q105">
        <v>0</v>
      </c>
      <c r="R105">
        <v>340.697</v>
      </c>
      <c r="S105">
        <v>0</v>
      </c>
      <c r="T105">
        <v>333.67399999999998</v>
      </c>
      <c r="U105">
        <v>343.11099999999999</v>
      </c>
      <c r="V105">
        <v>342.822</v>
      </c>
      <c r="W105">
        <v>319.89499999999998</v>
      </c>
      <c r="X105">
        <v>335.8</v>
      </c>
      <c r="Y105">
        <v>302.90300000000002</v>
      </c>
    </row>
    <row r="106" spans="1:25" x14ac:dyDescent="0.3">
      <c r="A106">
        <v>2.7666666703919569</v>
      </c>
      <c r="B106">
        <v>219.416</v>
      </c>
      <c r="C106">
        <v>253.26499999999999</v>
      </c>
      <c r="D106">
        <v>262.26799999999997</v>
      </c>
      <c r="E106">
        <v>250.93700000000001</v>
      </c>
      <c r="F106">
        <v>274.79399999999998</v>
      </c>
      <c r="G106">
        <v>268.12799999999999</v>
      </c>
      <c r="H106">
        <v>270.37900000000002</v>
      </c>
      <c r="I106">
        <v>253.89500000000001</v>
      </c>
      <c r="J106">
        <v>256.02</v>
      </c>
      <c r="K106">
        <v>255.863</v>
      </c>
      <c r="L106">
        <v>288.548</v>
      </c>
      <c r="M106">
        <v>277.58100000000002</v>
      </c>
      <c r="N106">
        <v>258.892</v>
      </c>
      <c r="O106">
        <v>293.17899999999997</v>
      </c>
      <c r="P106">
        <v>0</v>
      </c>
      <c r="Q106">
        <v>0</v>
      </c>
      <c r="R106">
        <v>340.95499999999998</v>
      </c>
      <c r="S106">
        <v>0</v>
      </c>
      <c r="T106">
        <v>335.00400000000002</v>
      </c>
      <c r="U106">
        <v>343.13099999999997</v>
      </c>
      <c r="V106">
        <v>343.38600000000002</v>
      </c>
      <c r="W106">
        <v>323.64699999999999</v>
      </c>
      <c r="X106">
        <v>335.95600000000002</v>
      </c>
      <c r="Y106">
        <v>302.61500000000001</v>
      </c>
    </row>
    <row r="107" spans="1:25" x14ac:dyDescent="0.3">
      <c r="A107">
        <v>2.8000000010399768</v>
      </c>
      <c r="B107">
        <v>209.59800000000001</v>
      </c>
      <c r="C107">
        <v>253.69900000000001</v>
      </c>
      <c r="D107">
        <v>262.42200000000003</v>
      </c>
      <c r="E107">
        <v>250.70599999999999</v>
      </c>
      <c r="F107">
        <v>277.387</v>
      </c>
      <c r="G107">
        <v>271.29300000000001</v>
      </c>
      <c r="H107">
        <v>273.94200000000001</v>
      </c>
      <c r="I107">
        <v>255.63399999999999</v>
      </c>
      <c r="J107">
        <v>256.29500000000002</v>
      </c>
      <c r="K107">
        <v>257.13</v>
      </c>
      <c r="L107">
        <v>290.38799999999998</v>
      </c>
      <c r="M107">
        <v>279.62099999999998</v>
      </c>
      <c r="N107">
        <v>261.447</v>
      </c>
      <c r="O107">
        <v>296.67599999999999</v>
      </c>
      <c r="P107">
        <v>0</v>
      </c>
      <c r="Q107">
        <v>0</v>
      </c>
      <c r="R107">
        <v>345.67399999999998</v>
      </c>
      <c r="S107">
        <v>0</v>
      </c>
      <c r="T107">
        <v>336.39499999999998</v>
      </c>
      <c r="U107">
        <v>342.755</v>
      </c>
      <c r="V107">
        <v>343.45</v>
      </c>
      <c r="W107">
        <v>322.46800000000002</v>
      </c>
      <c r="X107">
        <v>336.36099999999999</v>
      </c>
      <c r="Y107">
        <v>302.85199999999998</v>
      </c>
    </row>
    <row r="108" spans="1:25" x14ac:dyDescent="0.3">
      <c r="A108">
        <v>2.8333333316879967</v>
      </c>
      <c r="B108">
        <v>208.73</v>
      </c>
      <c r="C108">
        <v>249.816</v>
      </c>
      <c r="D108">
        <v>262.61500000000001</v>
      </c>
      <c r="E108">
        <v>250.411</v>
      </c>
      <c r="F108">
        <v>275.017</v>
      </c>
      <c r="G108">
        <v>272.42</v>
      </c>
      <c r="H108">
        <v>276.24700000000001</v>
      </c>
      <c r="I108">
        <v>258.83800000000002</v>
      </c>
      <c r="J108">
        <v>259.36</v>
      </c>
      <c r="K108">
        <v>258.87299999999999</v>
      </c>
      <c r="L108">
        <v>290.63099999999997</v>
      </c>
      <c r="M108">
        <v>279.726</v>
      </c>
      <c r="N108">
        <v>262.041</v>
      </c>
      <c r="O108">
        <v>303.95100000000002</v>
      </c>
      <c r="P108">
        <v>0</v>
      </c>
      <c r="Q108">
        <v>0</v>
      </c>
      <c r="R108">
        <v>356.399</v>
      </c>
      <c r="S108">
        <v>0</v>
      </c>
      <c r="T108">
        <v>342.33100000000002</v>
      </c>
      <c r="U108">
        <v>348.35700000000003</v>
      </c>
      <c r="V108">
        <v>347.81400000000002</v>
      </c>
      <c r="W108">
        <v>326.57799999999997</v>
      </c>
      <c r="X108">
        <v>339.13499999999999</v>
      </c>
      <c r="Y108">
        <v>305.596</v>
      </c>
    </row>
    <row r="109" spans="1:25" x14ac:dyDescent="0.3">
      <c r="A109">
        <v>2.8500000022506962</v>
      </c>
      <c r="B109">
        <v>215.155</v>
      </c>
      <c r="C109">
        <v>252.02199999999999</v>
      </c>
      <c r="D109">
        <v>262.82499999999999</v>
      </c>
      <c r="E109">
        <v>251.13</v>
      </c>
      <c r="F109">
        <v>279.226</v>
      </c>
      <c r="G109">
        <v>275.00099999999998</v>
      </c>
      <c r="H109">
        <v>279.34699999999998</v>
      </c>
      <c r="I109">
        <v>261.27600000000001</v>
      </c>
      <c r="J109">
        <v>263.20800000000003</v>
      </c>
      <c r="K109">
        <v>260.30200000000002</v>
      </c>
      <c r="L109">
        <v>291.666</v>
      </c>
      <c r="M109">
        <v>282.15699999999998</v>
      </c>
      <c r="N109">
        <v>269.49599999999998</v>
      </c>
      <c r="O109">
        <v>309.03300000000002</v>
      </c>
      <c r="P109">
        <v>0</v>
      </c>
      <c r="Q109">
        <v>0</v>
      </c>
      <c r="R109">
        <v>359.26299999999998</v>
      </c>
      <c r="S109">
        <v>0</v>
      </c>
      <c r="T109">
        <v>345.01499999999999</v>
      </c>
      <c r="U109">
        <v>350.68299999999999</v>
      </c>
      <c r="V109">
        <v>350.14</v>
      </c>
      <c r="W109">
        <v>331.19499999999999</v>
      </c>
      <c r="X109">
        <v>342.72399999999999</v>
      </c>
      <c r="Y109">
        <v>312.87900000000002</v>
      </c>
    </row>
    <row r="110" spans="1:25" x14ac:dyDescent="0.3">
      <c r="A110">
        <v>2.8833333328987161</v>
      </c>
      <c r="B110">
        <v>221.18199999999999</v>
      </c>
      <c r="C110">
        <v>252.685</v>
      </c>
      <c r="D110">
        <v>265.19099999999997</v>
      </c>
      <c r="E110">
        <v>253.71799999999999</v>
      </c>
      <c r="F110">
        <v>283.86099999999999</v>
      </c>
      <c r="G110">
        <v>277.51</v>
      </c>
      <c r="H110">
        <v>282.017</v>
      </c>
      <c r="I110">
        <v>261.64</v>
      </c>
      <c r="J110">
        <v>266.47899999999998</v>
      </c>
      <c r="K110">
        <v>262.31900000000002</v>
      </c>
      <c r="L110">
        <v>291.113</v>
      </c>
      <c r="M110">
        <v>284.92899999999997</v>
      </c>
      <c r="N110">
        <v>270.11700000000002</v>
      </c>
      <c r="O110">
        <v>308.75799999999998</v>
      </c>
      <c r="P110">
        <v>0</v>
      </c>
      <c r="Q110">
        <v>0</v>
      </c>
      <c r="R110">
        <v>357.72</v>
      </c>
      <c r="S110">
        <v>0</v>
      </c>
      <c r="T110">
        <v>344.589</v>
      </c>
      <c r="U110">
        <v>349.68</v>
      </c>
      <c r="V110">
        <v>350.15499999999997</v>
      </c>
      <c r="W110">
        <v>333.42099999999999</v>
      </c>
      <c r="X110">
        <v>342.97699999999998</v>
      </c>
      <c r="Y110">
        <v>315.69799999999998</v>
      </c>
    </row>
    <row r="111" spans="1:25" x14ac:dyDescent="0.3">
      <c r="A111">
        <v>2.9000000034614155</v>
      </c>
      <c r="B111">
        <v>223.69300000000001</v>
      </c>
      <c r="C111">
        <v>257.04500000000002</v>
      </c>
      <c r="D111">
        <v>268.40300000000002</v>
      </c>
      <c r="E111">
        <v>256.19200000000001</v>
      </c>
      <c r="F111">
        <v>286.47899999999998</v>
      </c>
      <c r="G111">
        <v>279.76</v>
      </c>
      <c r="H111">
        <v>284.89400000000001</v>
      </c>
      <c r="I111">
        <v>263.48500000000001</v>
      </c>
      <c r="J111">
        <v>266.75799999999998</v>
      </c>
      <c r="K111">
        <v>264.09399999999999</v>
      </c>
      <c r="L111">
        <v>295.02999999999997</v>
      </c>
      <c r="M111">
        <v>286.32400000000001</v>
      </c>
      <c r="N111">
        <v>268.69799999999998</v>
      </c>
      <c r="O111">
        <v>304.517</v>
      </c>
      <c r="P111">
        <v>0</v>
      </c>
      <c r="Q111">
        <v>0</v>
      </c>
      <c r="R111">
        <v>354.63600000000002</v>
      </c>
      <c r="S111">
        <v>0</v>
      </c>
      <c r="T111">
        <v>345.25099999999998</v>
      </c>
      <c r="U111">
        <v>350.59699999999998</v>
      </c>
      <c r="V111">
        <v>351.34300000000002</v>
      </c>
      <c r="W111">
        <v>334.54300000000001</v>
      </c>
      <c r="X111">
        <v>343.96100000000001</v>
      </c>
      <c r="Y111">
        <v>319.02699999999999</v>
      </c>
    </row>
    <row r="112" spans="1:25" x14ac:dyDescent="0.3">
      <c r="A112">
        <v>2.9333333341094354</v>
      </c>
      <c r="B112">
        <v>233.23500000000001</v>
      </c>
      <c r="C112">
        <v>263.76499999999999</v>
      </c>
      <c r="D112">
        <v>271.66000000000003</v>
      </c>
      <c r="E112">
        <v>259.90100000000001</v>
      </c>
      <c r="F112">
        <v>290.322</v>
      </c>
      <c r="G112">
        <v>282.27699999999999</v>
      </c>
      <c r="H112">
        <v>288.32400000000001</v>
      </c>
      <c r="I112">
        <v>265.40199999999999</v>
      </c>
      <c r="J112">
        <v>268.89</v>
      </c>
      <c r="K112">
        <v>266.49799999999999</v>
      </c>
      <c r="L112">
        <v>300.69299999999998</v>
      </c>
      <c r="M112">
        <v>291.82100000000003</v>
      </c>
      <c r="N112">
        <v>268.786</v>
      </c>
      <c r="O112">
        <v>302.08300000000003</v>
      </c>
      <c r="P112">
        <v>0</v>
      </c>
      <c r="Q112">
        <v>0</v>
      </c>
      <c r="R112">
        <v>353.28</v>
      </c>
      <c r="S112">
        <v>0</v>
      </c>
      <c r="T112">
        <v>352.00700000000001</v>
      </c>
      <c r="U112">
        <v>353.44900000000001</v>
      </c>
      <c r="V112">
        <v>355.14699999999999</v>
      </c>
      <c r="W112">
        <v>341.584</v>
      </c>
      <c r="X112">
        <v>345.71100000000001</v>
      </c>
      <c r="Y112">
        <v>320.75</v>
      </c>
    </row>
    <row r="113" spans="1:25" x14ac:dyDescent="0.3">
      <c r="A113">
        <v>2.9666666647574553</v>
      </c>
      <c r="B113">
        <v>235.50399999999999</v>
      </c>
      <c r="C113">
        <v>264.67</v>
      </c>
      <c r="D113">
        <v>274.44600000000003</v>
      </c>
      <c r="E113">
        <v>263.03300000000002</v>
      </c>
      <c r="F113">
        <v>294.96199999999999</v>
      </c>
      <c r="G113">
        <v>285.48099999999999</v>
      </c>
      <c r="H113">
        <v>290.959</v>
      </c>
      <c r="I113">
        <v>268.52499999999998</v>
      </c>
      <c r="J113">
        <v>272.38600000000002</v>
      </c>
      <c r="K113">
        <v>271.00099999999998</v>
      </c>
      <c r="L113">
        <v>304.99799999999999</v>
      </c>
      <c r="M113">
        <v>294.19</v>
      </c>
      <c r="N113">
        <v>266.70600000000002</v>
      </c>
      <c r="O113">
        <v>300.14299999999997</v>
      </c>
      <c r="P113">
        <v>0</v>
      </c>
      <c r="Q113">
        <v>0</v>
      </c>
      <c r="R113">
        <v>354.87400000000002</v>
      </c>
      <c r="S113">
        <v>0</v>
      </c>
      <c r="T113">
        <v>356.17899999999997</v>
      </c>
      <c r="U113">
        <v>358.39800000000002</v>
      </c>
      <c r="V113">
        <v>358.97399999999999</v>
      </c>
      <c r="W113">
        <v>341.63499999999999</v>
      </c>
      <c r="X113">
        <v>345.65899999999999</v>
      </c>
      <c r="Y113">
        <v>319.13</v>
      </c>
    </row>
    <row r="114" spans="1:25" x14ac:dyDescent="0.3">
      <c r="A114">
        <v>2.9833333353201548</v>
      </c>
      <c r="B114">
        <v>241.327</v>
      </c>
      <c r="C114">
        <v>269.07900000000001</v>
      </c>
      <c r="D114">
        <v>279.62200000000001</v>
      </c>
      <c r="E114">
        <v>267.19200000000001</v>
      </c>
      <c r="F114">
        <v>299.90199999999999</v>
      </c>
      <c r="G114">
        <v>288.40899999999999</v>
      </c>
      <c r="H114">
        <v>292.30200000000002</v>
      </c>
      <c r="I114">
        <v>270.34199999999998</v>
      </c>
      <c r="J114">
        <v>278.67</v>
      </c>
      <c r="K114">
        <v>277.80399999999997</v>
      </c>
      <c r="L114">
        <v>310.46800000000002</v>
      </c>
      <c r="M114">
        <v>296.74599999999998</v>
      </c>
      <c r="N114">
        <v>267.71100000000001</v>
      </c>
      <c r="O114">
        <v>300.589</v>
      </c>
      <c r="P114">
        <v>0</v>
      </c>
      <c r="Q114">
        <v>0</v>
      </c>
      <c r="R114">
        <v>358.12599999999998</v>
      </c>
      <c r="S114">
        <v>0</v>
      </c>
      <c r="T114">
        <v>360.48099999999999</v>
      </c>
      <c r="U114">
        <v>360.22699999999998</v>
      </c>
      <c r="V114">
        <v>356.94099999999997</v>
      </c>
      <c r="W114">
        <v>342.04199999999997</v>
      </c>
      <c r="X114">
        <v>345.86200000000002</v>
      </c>
      <c r="Y114">
        <v>321.99299999999999</v>
      </c>
    </row>
    <row r="115" spans="1:25" x14ac:dyDescent="0.3">
      <c r="A115">
        <v>3.0166666659681747</v>
      </c>
      <c r="B115">
        <v>245.756</v>
      </c>
      <c r="C115">
        <v>270.88</v>
      </c>
      <c r="D115">
        <v>283.91300000000001</v>
      </c>
      <c r="E115">
        <v>270.88</v>
      </c>
      <c r="F115">
        <v>303.31700000000001</v>
      </c>
      <c r="G115">
        <v>290.58</v>
      </c>
      <c r="H115">
        <v>294.70499999999998</v>
      </c>
      <c r="I115">
        <v>276.90499999999997</v>
      </c>
      <c r="J115">
        <v>282.15600000000001</v>
      </c>
      <c r="K115">
        <v>280.399</v>
      </c>
      <c r="L115">
        <v>315.101</v>
      </c>
      <c r="M115">
        <v>299.92099999999999</v>
      </c>
      <c r="N115">
        <v>266.82799999999997</v>
      </c>
      <c r="O115">
        <v>299.33699999999999</v>
      </c>
      <c r="P115">
        <v>0</v>
      </c>
      <c r="Q115">
        <v>0</v>
      </c>
      <c r="R115">
        <v>355.58699999999999</v>
      </c>
      <c r="S115">
        <v>0</v>
      </c>
      <c r="T115">
        <v>363.32799999999997</v>
      </c>
      <c r="U115">
        <v>363.46300000000002</v>
      </c>
      <c r="V115">
        <v>360.31299999999999</v>
      </c>
      <c r="W115">
        <v>346.15100000000001</v>
      </c>
      <c r="X115">
        <v>346.423</v>
      </c>
      <c r="Y115">
        <v>321.67</v>
      </c>
    </row>
    <row r="116" spans="1:25" x14ac:dyDescent="0.3">
      <c r="A116">
        <v>3.0333333365308741</v>
      </c>
      <c r="B116">
        <v>247.34800000000001</v>
      </c>
      <c r="C116">
        <v>269.21800000000002</v>
      </c>
      <c r="D116">
        <v>281.98399999999998</v>
      </c>
      <c r="E116">
        <v>271.07</v>
      </c>
      <c r="F116">
        <v>304.56900000000002</v>
      </c>
      <c r="G116">
        <v>293.58999999999997</v>
      </c>
      <c r="H116">
        <v>295.58</v>
      </c>
      <c r="I116">
        <v>281.77699999999999</v>
      </c>
      <c r="J116">
        <v>285.65300000000002</v>
      </c>
      <c r="K116">
        <v>282.27600000000001</v>
      </c>
      <c r="L116">
        <v>316.46800000000002</v>
      </c>
      <c r="M116">
        <v>300.572</v>
      </c>
      <c r="N116">
        <v>264.86099999999999</v>
      </c>
      <c r="O116">
        <v>294.56799999999998</v>
      </c>
      <c r="P116">
        <v>0</v>
      </c>
      <c r="Q116">
        <v>0</v>
      </c>
      <c r="R116">
        <v>349.24</v>
      </c>
      <c r="S116">
        <v>0</v>
      </c>
      <c r="T116">
        <v>357.22899999999998</v>
      </c>
      <c r="U116">
        <v>356.738</v>
      </c>
      <c r="V116">
        <v>354.12700000000001</v>
      </c>
      <c r="W116">
        <v>343.47</v>
      </c>
      <c r="X116">
        <v>344.33499999999998</v>
      </c>
      <c r="Y116">
        <v>322.64100000000002</v>
      </c>
    </row>
    <row r="117" spans="1:25" x14ac:dyDescent="0.3">
      <c r="A117">
        <v>3.066666667178894</v>
      </c>
      <c r="B117">
        <v>238.66900000000001</v>
      </c>
      <c r="C117">
        <v>273.33600000000001</v>
      </c>
      <c r="D117">
        <v>281.18900000000002</v>
      </c>
      <c r="E117">
        <v>269.423</v>
      </c>
      <c r="F117">
        <v>303.04000000000002</v>
      </c>
      <c r="G117">
        <v>296.024</v>
      </c>
      <c r="H117">
        <v>297.29300000000001</v>
      </c>
      <c r="I117">
        <v>283.58300000000003</v>
      </c>
      <c r="J117">
        <v>286.21899999999999</v>
      </c>
      <c r="K117">
        <v>283.15300000000002</v>
      </c>
      <c r="L117">
        <v>315.577</v>
      </c>
      <c r="M117">
        <v>299.72899999999998</v>
      </c>
      <c r="N117">
        <v>272.71300000000002</v>
      </c>
      <c r="O117">
        <v>302.714</v>
      </c>
      <c r="P117">
        <v>0</v>
      </c>
      <c r="Q117">
        <v>0</v>
      </c>
      <c r="R117">
        <v>351.25700000000001</v>
      </c>
      <c r="S117">
        <v>0</v>
      </c>
      <c r="T117">
        <v>354.90600000000001</v>
      </c>
      <c r="U117">
        <v>354.85500000000002</v>
      </c>
      <c r="V117">
        <v>352.32600000000002</v>
      </c>
      <c r="W117">
        <v>339.55799999999999</v>
      </c>
      <c r="X117">
        <v>345.012</v>
      </c>
      <c r="Y117">
        <v>324.15600000000001</v>
      </c>
    </row>
    <row r="118" spans="1:25" x14ac:dyDescent="0.3">
      <c r="A118">
        <v>3.0999999978269139</v>
      </c>
      <c r="B118">
        <v>229.25800000000001</v>
      </c>
      <c r="C118">
        <v>270.70699999999999</v>
      </c>
      <c r="D118">
        <v>280.34699999999998</v>
      </c>
      <c r="E118">
        <v>270.82799999999997</v>
      </c>
      <c r="F118">
        <v>304.89499999999998</v>
      </c>
      <c r="G118">
        <v>297.072</v>
      </c>
      <c r="H118">
        <v>298.66800000000001</v>
      </c>
      <c r="I118">
        <v>286.27300000000002</v>
      </c>
      <c r="J118">
        <v>286.79000000000002</v>
      </c>
      <c r="K118">
        <v>284.61900000000003</v>
      </c>
      <c r="L118">
        <v>317.47699999999998</v>
      </c>
      <c r="M118">
        <v>302.27100000000002</v>
      </c>
      <c r="N118">
        <v>279.43200000000002</v>
      </c>
      <c r="O118">
        <v>308.26299999999998</v>
      </c>
      <c r="P118">
        <v>0</v>
      </c>
      <c r="Q118">
        <v>0</v>
      </c>
      <c r="R118">
        <v>357.24599999999998</v>
      </c>
      <c r="S118">
        <v>0</v>
      </c>
      <c r="T118">
        <v>360.26100000000002</v>
      </c>
      <c r="U118">
        <v>360.31200000000001</v>
      </c>
      <c r="V118">
        <v>358.26299999999998</v>
      </c>
      <c r="W118">
        <v>341.51600000000002</v>
      </c>
      <c r="X118">
        <v>347.18599999999998</v>
      </c>
      <c r="Y118">
        <v>324.85700000000003</v>
      </c>
    </row>
    <row r="119" spans="1:25" x14ac:dyDescent="0.3">
      <c r="A119">
        <v>3.1166666683896134</v>
      </c>
      <c r="B119">
        <v>233.62200000000001</v>
      </c>
      <c r="C119">
        <v>267.608</v>
      </c>
      <c r="D119">
        <v>278.81</v>
      </c>
      <c r="E119">
        <v>270.06700000000001</v>
      </c>
      <c r="F119">
        <v>300.55500000000001</v>
      </c>
      <c r="G119">
        <v>296.83300000000003</v>
      </c>
      <c r="H119">
        <v>299.54300000000001</v>
      </c>
      <c r="I119">
        <v>287.20400000000001</v>
      </c>
      <c r="J119">
        <v>287.08300000000003</v>
      </c>
      <c r="K119">
        <v>284.70600000000002</v>
      </c>
      <c r="L119">
        <v>316.53699999999998</v>
      </c>
      <c r="M119">
        <v>302.44299999999998</v>
      </c>
      <c r="N119">
        <v>276.78399999999999</v>
      </c>
      <c r="O119">
        <v>305.34100000000001</v>
      </c>
      <c r="P119">
        <v>0</v>
      </c>
      <c r="Q119">
        <v>0</v>
      </c>
      <c r="R119">
        <v>355.214</v>
      </c>
      <c r="S119">
        <v>0</v>
      </c>
      <c r="T119">
        <v>364.666</v>
      </c>
      <c r="U119">
        <v>362.24400000000003</v>
      </c>
      <c r="V119">
        <v>359.97399999999999</v>
      </c>
      <c r="W119">
        <v>344.166</v>
      </c>
      <c r="X119">
        <v>348.27300000000002</v>
      </c>
      <c r="Y119">
        <v>326.11799999999999</v>
      </c>
    </row>
    <row r="120" spans="1:25" x14ac:dyDescent="0.3">
      <c r="A120">
        <v>3.1499999990376333</v>
      </c>
      <c r="B120">
        <v>238.565</v>
      </c>
      <c r="C120">
        <v>268.09199999999998</v>
      </c>
      <c r="D120">
        <v>276.67899999999997</v>
      </c>
      <c r="E120">
        <v>269.64999999999998</v>
      </c>
      <c r="F120">
        <v>299.25</v>
      </c>
      <c r="G120">
        <v>299.38799999999998</v>
      </c>
      <c r="H120">
        <v>301.92700000000002</v>
      </c>
      <c r="I120">
        <v>288.012</v>
      </c>
      <c r="J120">
        <v>287.97800000000001</v>
      </c>
      <c r="K120">
        <v>286.11700000000002</v>
      </c>
      <c r="L120">
        <v>315.25400000000002</v>
      </c>
      <c r="M120">
        <v>303.72800000000001</v>
      </c>
      <c r="N120">
        <v>271.762</v>
      </c>
      <c r="O120">
        <v>301.12</v>
      </c>
      <c r="P120">
        <v>0</v>
      </c>
      <c r="Q120">
        <v>0</v>
      </c>
      <c r="R120">
        <v>358.43099999999998</v>
      </c>
      <c r="S120">
        <v>0</v>
      </c>
      <c r="T120">
        <v>363.91899999999998</v>
      </c>
      <c r="U120">
        <v>362.15800000000002</v>
      </c>
      <c r="V120">
        <v>362.15800000000002</v>
      </c>
      <c r="W120">
        <v>347.03300000000002</v>
      </c>
      <c r="X120">
        <v>352.02199999999999</v>
      </c>
      <c r="Y120">
        <v>328.86099999999999</v>
      </c>
    </row>
    <row r="121" spans="1:25" x14ac:dyDescent="0.3">
      <c r="A121">
        <v>3.1833333296856532</v>
      </c>
      <c r="B121">
        <v>239.834</v>
      </c>
      <c r="C121">
        <v>270.77699999999999</v>
      </c>
      <c r="D121">
        <v>278.654</v>
      </c>
      <c r="E121">
        <v>269.49599999999998</v>
      </c>
      <c r="F121">
        <v>297.02199999999999</v>
      </c>
      <c r="G121">
        <v>300.55599999999998</v>
      </c>
      <c r="H121">
        <v>304.20999999999998</v>
      </c>
      <c r="I121">
        <v>288.16899999999998</v>
      </c>
      <c r="J121">
        <v>288.66899999999998</v>
      </c>
      <c r="K121">
        <v>287.11799999999999</v>
      </c>
      <c r="L121">
        <v>313.255</v>
      </c>
      <c r="M121">
        <v>303.55799999999999</v>
      </c>
      <c r="N121">
        <v>271.31400000000002</v>
      </c>
      <c r="O121">
        <v>298.137</v>
      </c>
      <c r="P121">
        <v>0</v>
      </c>
      <c r="Q121">
        <v>0</v>
      </c>
      <c r="R121">
        <v>358.36500000000001</v>
      </c>
      <c r="S121">
        <v>0</v>
      </c>
      <c r="T121">
        <v>364.17500000000001</v>
      </c>
      <c r="U121">
        <v>362.05799999999999</v>
      </c>
      <c r="V121">
        <v>360.12700000000001</v>
      </c>
      <c r="W121">
        <v>345.745</v>
      </c>
      <c r="X121">
        <v>350.36099999999999</v>
      </c>
      <c r="Y121">
        <v>327.87400000000002</v>
      </c>
    </row>
    <row r="122" spans="1:25" x14ac:dyDescent="0.3">
      <c r="A122">
        <v>3.2000000002483526</v>
      </c>
      <c r="B122">
        <v>239.23500000000001</v>
      </c>
      <c r="C122">
        <v>270.81099999999998</v>
      </c>
      <c r="D122">
        <v>279.24200000000002</v>
      </c>
      <c r="E122">
        <v>271.33100000000002</v>
      </c>
      <c r="F122">
        <v>299.95499999999998</v>
      </c>
      <c r="G122">
        <v>300.77800000000002</v>
      </c>
      <c r="H122">
        <v>304.62099999999998</v>
      </c>
      <c r="I122">
        <v>287.755</v>
      </c>
      <c r="J122">
        <v>289.495</v>
      </c>
      <c r="K122">
        <v>287.27300000000002</v>
      </c>
      <c r="L122">
        <v>314.178</v>
      </c>
      <c r="M122">
        <v>305.83699999999999</v>
      </c>
      <c r="N122">
        <v>270.69</v>
      </c>
      <c r="O122">
        <v>296.61</v>
      </c>
      <c r="P122">
        <v>0</v>
      </c>
      <c r="Q122">
        <v>0</v>
      </c>
      <c r="R122">
        <v>360.53300000000002</v>
      </c>
      <c r="S122">
        <v>0</v>
      </c>
      <c r="T122">
        <v>367.90100000000001</v>
      </c>
      <c r="U122">
        <v>364.24200000000002</v>
      </c>
      <c r="V122">
        <v>363.226</v>
      </c>
      <c r="W122">
        <v>348.06900000000002</v>
      </c>
      <c r="X122">
        <v>351.68400000000003</v>
      </c>
      <c r="Y122">
        <v>327.66899999999998</v>
      </c>
    </row>
    <row r="123" spans="1:25" x14ac:dyDescent="0.3">
      <c r="A123">
        <v>3.2333333308963725</v>
      </c>
      <c r="B123">
        <v>239.28700000000001</v>
      </c>
      <c r="C123">
        <v>269.529</v>
      </c>
      <c r="D123">
        <v>279.12</v>
      </c>
      <c r="E123">
        <v>273.00900000000001</v>
      </c>
      <c r="F123">
        <v>302.80200000000002</v>
      </c>
      <c r="G123">
        <v>302.35599999999999</v>
      </c>
      <c r="H123">
        <v>304.08800000000002</v>
      </c>
      <c r="I123">
        <v>288.08100000000002</v>
      </c>
      <c r="J123">
        <v>291.68200000000002</v>
      </c>
      <c r="K123">
        <v>289.73500000000001</v>
      </c>
      <c r="L123">
        <v>318.80599999999998</v>
      </c>
      <c r="M123">
        <v>306.50200000000001</v>
      </c>
      <c r="N123">
        <v>271.03500000000003</v>
      </c>
      <c r="O123">
        <v>294.464</v>
      </c>
      <c r="P123">
        <v>0</v>
      </c>
      <c r="Q123">
        <v>0</v>
      </c>
      <c r="R123">
        <v>361.76799999999997</v>
      </c>
      <c r="S123">
        <v>0</v>
      </c>
      <c r="T123">
        <v>367.57799999999997</v>
      </c>
      <c r="U123">
        <v>364.411</v>
      </c>
      <c r="V123">
        <v>362.49599999999998</v>
      </c>
      <c r="W123">
        <v>346.524</v>
      </c>
      <c r="X123">
        <v>349.154</v>
      </c>
      <c r="Y123">
        <v>324.089</v>
      </c>
    </row>
    <row r="124" spans="1:25" x14ac:dyDescent="0.3">
      <c r="A124">
        <v>3.250000001459072</v>
      </c>
      <c r="B124">
        <v>239.60499999999999</v>
      </c>
      <c r="C124">
        <v>272.42200000000003</v>
      </c>
      <c r="D124">
        <v>279.53800000000001</v>
      </c>
      <c r="E124">
        <v>273.149</v>
      </c>
      <c r="F124">
        <v>304.005</v>
      </c>
      <c r="G124">
        <v>304.87900000000002</v>
      </c>
      <c r="H124">
        <v>304.60500000000002</v>
      </c>
      <c r="I124">
        <v>290.56400000000002</v>
      </c>
      <c r="J124">
        <v>293.45400000000001</v>
      </c>
      <c r="K124">
        <v>290.995</v>
      </c>
      <c r="L124">
        <v>320.80200000000002</v>
      </c>
      <c r="M124">
        <v>307.56400000000002</v>
      </c>
      <c r="N124">
        <v>269.964</v>
      </c>
      <c r="O124">
        <v>291.322</v>
      </c>
      <c r="P124">
        <v>0</v>
      </c>
      <c r="Q124">
        <v>0</v>
      </c>
      <c r="R124">
        <v>356.29899999999998</v>
      </c>
      <c r="S124">
        <v>0</v>
      </c>
      <c r="T124">
        <v>366.86900000000003</v>
      </c>
      <c r="U124">
        <v>363.07400000000001</v>
      </c>
      <c r="V124">
        <v>359.22899999999998</v>
      </c>
      <c r="W124">
        <v>345.37200000000001</v>
      </c>
      <c r="X124">
        <v>347.61200000000002</v>
      </c>
      <c r="Y124">
        <v>320.56299999999999</v>
      </c>
    </row>
    <row r="125" spans="1:25" x14ac:dyDescent="0.3">
      <c r="A125">
        <v>3.2833333321070919</v>
      </c>
      <c r="B125">
        <v>243.44499999999999</v>
      </c>
      <c r="C125">
        <v>274.221</v>
      </c>
      <c r="D125">
        <v>279.25900000000001</v>
      </c>
      <c r="E125">
        <v>272.74900000000002</v>
      </c>
      <c r="F125">
        <v>302.76799999999997</v>
      </c>
      <c r="G125">
        <v>305.64800000000002</v>
      </c>
      <c r="H125">
        <v>306.60500000000002</v>
      </c>
      <c r="I125">
        <v>292.76600000000002</v>
      </c>
      <c r="J125">
        <v>295.88799999999998</v>
      </c>
      <c r="K125">
        <v>292.56</v>
      </c>
      <c r="L125">
        <v>320.851</v>
      </c>
      <c r="M125">
        <v>308.89499999999998</v>
      </c>
      <c r="N125">
        <v>268.97500000000002</v>
      </c>
      <c r="O125">
        <v>290.56200000000001</v>
      </c>
      <c r="P125">
        <v>0</v>
      </c>
      <c r="Q125">
        <v>0</v>
      </c>
      <c r="R125">
        <v>357.43200000000002</v>
      </c>
      <c r="S125">
        <v>0</v>
      </c>
      <c r="T125">
        <v>365.27499999999998</v>
      </c>
      <c r="U125">
        <v>361.108</v>
      </c>
      <c r="V125">
        <v>356.97500000000002</v>
      </c>
      <c r="W125">
        <v>342.56900000000002</v>
      </c>
      <c r="X125">
        <v>345.76</v>
      </c>
      <c r="Y125">
        <v>320.16899999999998</v>
      </c>
    </row>
    <row r="126" spans="1:25" x14ac:dyDescent="0.3">
      <c r="A126">
        <v>3.3166666732324908</v>
      </c>
      <c r="B126">
        <v>236.54</v>
      </c>
      <c r="C126">
        <v>267.50099999999998</v>
      </c>
      <c r="D126">
        <v>278.45999999999998</v>
      </c>
      <c r="E126">
        <v>273.976</v>
      </c>
      <c r="F126">
        <v>303.27999999999997</v>
      </c>
      <c r="G126">
        <v>307.11500000000001</v>
      </c>
      <c r="H126">
        <v>307.95299999999997</v>
      </c>
      <c r="I126">
        <v>293.93</v>
      </c>
      <c r="J126">
        <v>298.923</v>
      </c>
      <c r="K126">
        <v>296.88099999999997</v>
      </c>
      <c r="L126">
        <v>324.71800000000002</v>
      </c>
      <c r="M126">
        <v>309.62799999999999</v>
      </c>
      <c r="N126">
        <v>279.101</v>
      </c>
      <c r="O126">
        <v>297.77300000000002</v>
      </c>
      <c r="P126">
        <v>0</v>
      </c>
      <c r="Q126">
        <v>0</v>
      </c>
      <c r="R126">
        <v>359.209</v>
      </c>
      <c r="S126">
        <v>0</v>
      </c>
      <c r="T126">
        <v>364.10399999999998</v>
      </c>
      <c r="U126">
        <v>362.13900000000001</v>
      </c>
      <c r="V126">
        <v>358.44600000000003</v>
      </c>
      <c r="W126">
        <v>343.11099999999999</v>
      </c>
      <c r="X126">
        <v>349.23700000000002</v>
      </c>
      <c r="Y126">
        <v>321.27499999999998</v>
      </c>
    </row>
    <row r="127" spans="1:25" x14ac:dyDescent="0.3">
      <c r="A127">
        <v>3.3333333333178112</v>
      </c>
      <c r="B127">
        <v>234.078</v>
      </c>
      <c r="C127">
        <v>258.71600000000001</v>
      </c>
      <c r="D127">
        <v>277.476</v>
      </c>
      <c r="E127">
        <v>277.56200000000001</v>
      </c>
      <c r="F127">
        <v>307.95499999999998</v>
      </c>
      <c r="G127">
        <v>308.16000000000003</v>
      </c>
      <c r="H127">
        <v>311.16899999999998</v>
      </c>
      <c r="I127">
        <v>294.75599999999997</v>
      </c>
      <c r="J127">
        <v>302.01299999999998</v>
      </c>
      <c r="K127">
        <v>301.755</v>
      </c>
      <c r="L127">
        <v>327.02100000000002</v>
      </c>
      <c r="M127">
        <v>312.10899999999998</v>
      </c>
      <c r="N127">
        <v>277.37200000000001</v>
      </c>
      <c r="O127">
        <v>299.50799999999998</v>
      </c>
      <c r="P127">
        <v>0</v>
      </c>
      <c r="Q127">
        <v>0</v>
      </c>
      <c r="R127">
        <v>363.05599999999998</v>
      </c>
      <c r="S127">
        <v>0</v>
      </c>
      <c r="T127">
        <v>368.32299999999998</v>
      </c>
      <c r="U127">
        <v>367.053</v>
      </c>
      <c r="V127">
        <v>364.12299999999999</v>
      </c>
      <c r="W127">
        <v>348.54399999999998</v>
      </c>
      <c r="X127">
        <v>355.21300000000002</v>
      </c>
      <c r="Y127">
        <v>325.67399999999998</v>
      </c>
    </row>
    <row r="128" spans="1:25" x14ac:dyDescent="0.3">
      <c r="A128">
        <v>3.3666666639658311</v>
      </c>
      <c r="B128">
        <v>233.48099999999999</v>
      </c>
      <c r="C128">
        <v>256.38400000000001</v>
      </c>
      <c r="D128">
        <v>274.048</v>
      </c>
      <c r="E128">
        <v>276.87</v>
      </c>
      <c r="F128">
        <v>306.93</v>
      </c>
      <c r="G128">
        <v>308.178</v>
      </c>
      <c r="H128">
        <v>313.01499999999999</v>
      </c>
      <c r="I128">
        <v>297.17500000000001</v>
      </c>
      <c r="J128">
        <v>302.202</v>
      </c>
      <c r="K128">
        <v>300.89800000000002</v>
      </c>
      <c r="L128">
        <v>327.31099999999998</v>
      </c>
      <c r="M128">
        <v>313.56200000000001</v>
      </c>
      <c r="N128">
        <v>277.97800000000001</v>
      </c>
      <c r="O128">
        <v>299.98899999999998</v>
      </c>
      <c r="P128">
        <v>0</v>
      </c>
      <c r="Q128">
        <v>0</v>
      </c>
      <c r="R128">
        <v>362.58199999999999</v>
      </c>
      <c r="S128">
        <v>0</v>
      </c>
      <c r="T128">
        <v>368.72899999999998</v>
      </c>
      <c r="U128">
        <v>367.64699999999999</v>
      </c>
      <c r="V128">
        <v>365.851</v>
      </c>
      <c r="W128">
        <v>349.8</v>
      </c>
      <c r="X128">
        <v>355.79</v>
      </c>
      <c r="Y128">
        <v>327.464</v>
      </c>
    </row>
    <row r="129" spans="1:25" x14ac:dyDescent="0.3">
      <c r="A129">
        <v>3.3833333345285306</v>
      </c>
      <c r="B129">
        <v>231.13900000000001</v>
      </c>
      <c r="C129">
        <v>256.54000000000002</v>
      </c>
      <c r="D129">
        <v>272.92200000000003</v>
      </c>
      <c r="E129">
        <v>276.02100000000002</v>
      </c>
      <c r="F129">
        <v>308.91199999999998</v>
      </c>
      <c r="G129">
        <v>310.72399999999999</v>
      </c>
      <c r="H129">
        <v>315.10000000000002</v>
      </c>
      <c r="I129">
        <v>299.69600000000003</v>
      </c>
      <c r="J129">
        <v>302.904</v>
      </c>
      <c r="K129">
        <v>301.68599999999998</v>
      </c>
      <c r="L129">
        <v>328.31599999999997</v>
      </c>
      <c r="M129">
        <v>314.16000000000003</v>
      </c>
      <c r="N129">
        <v>275.88299999999998</v>
      </c>
      <c r="O129">
        <v>306.07499999999999</v>
      </c>
      <c r="P129">
        <v>0</v>
      </c>
      <c r="Q129">
        <v>0</v>
      </c>
      <c r="R129">
        <v>365.613</v>
      </c>
      <c r="S129">
        <v>0</v>
      </c>
      <c r="T129">
        <v>370.01299999999998</v>
      </c>
      <c r="U129">
        <v>369.709</v>
      </c>
      <c r="V129">
        <v>368.745</v>
      </c>
      <c r="W129">
        <v>352.10700000000003</v>
      </c>
      <c r="X129">
        <v>355.48399999999998</v>
      </c>
      <c r="Y129">
        <v>328.65600000000001</v>
      </c>
    </row>
    <row r="130" spans="1:25" x14ac:dyDescent="0.3">
      <c r="A130">
        <v>3.4166666651765505</v>
      </c>
      <c r="B130">
        <v>231.91399999999999</v>
      </c>
      <c r="C130">
        <v>256.54000000000002</v>
      </c>
      <c r="D130">
        <v>272.55900000000003</v>
      </c>
      <c r="E130">
        <v>274.93099999999998</v>
      </c>
      <c r="F130">
        <v>314.46800000000002</v>
      </c>
      <c r="G130">
        <v>313.71600000000001</v>
      </c>
      <c r="H130">
        <v>316.58699999999999</v>
      </c>
      <c r="I130">
        <v>301.65300000000002</v>
      </c>
      <c r="J130">
        <v>305.04899999999998</v>
      </c>
      <c r="K130">
        <v>302.71600000000001</v>
      </c>
      <c r="L130">
        <v>328.55500000000001</v>
      </c>
      <c r="M130">
        <v>314.91199999999998</v>
      </c>
      <c r="N130">
        <v>278.99900000000002</v>
      </c>
      <c r="O130">
        <v>307.85300000000001</v>
      </c>
      <c r="P130">
        <v>0</v>
      </c>
      <c r="Q130">
        <v>0</v>
      </c>
      <c r="R130">
        <v>365.44400000000002</v>
      </c>
      <c r="S130">
        <v>0</v>
      </c>
      <c r="T130">
        <v>368.88099999999997</v>
      </c>
      <c r="U130">
        <v>370.65600000000001</v>
      </c>
      <c r="V130">
        <v>372.34699999999998</v>
      </c>
      <c r="W130">
        <v>354.61900000000003</v>
      </c>
      <c r="X130">
        <v>356.50099999999998</v>
      </c>
      <c r="Y130">
        <v>326.37299999999999</v>
      </c>
    </row>
    <row r="131" spans="1:25" x14ac:dyDescent="0.3">
      <c r="A131">
        <v>3.4500000063019494</v>
      </c>
      <c r="B131">
        <v>235.31100000000001</v>
      </c>
      <c r="C131">
        <v>253.72</v>
      </c>
      <c r="D131">
        <v>271.07100000000003</v>
      </c>
      <c r="E131">
        <v>278.39499999999998</v>
      </c>
      <c r="F131">
        <v>316.93</v>
      </c>
      <c r="G131">
        <v>314.452</v>
      </c>
      <c r="H131">
        <v>316.82799999999997</v>
      </c>
      <c r="I131">
        <v>300.43599999999998</v>
      </c>
      <c r="J131">
        <v>304.34699999999998</v>
      </c>
      <c r="K131">
        <v>303.18099999999998</v>
      </c>
      <c r="L131">
        <v>330.99099999999999</v>
      </c>
      <c r="M131">
        <v>316.98200000000003</v>
      </c>
      <c r="N131">
        <v>281.209</v>
      </c>
      <c r="O131">
        <v>308.726</v>
      </c>
      <c r="P131">
        <v>0</v>
      </c>
      <c r="Q131">
        <v>0</v>
      </c>
      <c r="R131">
        <v>372.97399999999999</v>
      </c>
      <c r="S131">
        <v>0</v>
      </c>
      <c r="T131">
        <v>366.44499999999999</v>
      </c>
      <c r="U131">
        <v>368.00299999999999</v>
      </c>
      <c r="V131">
        <v>370.57299999999998</v>
      </c>
      <c r="W131">
        <v>354.11099999999999</v>
      </c>
      <c r="X131">
        <v>357.51799999999997</v>
      </c>
      <c r="Y131">
        <v>328.74299999999999</v>
      </c>
    </row>
    <row r="132" spans="1:25" x14ac:dyDescent="0.3">
      <c r="A132">
        <v>3.4666666663872698</v>
      </c>
      <c r="B132">
        <v>236.66499999999999</v>
      </c>
      <c r="C132">
        <v>254.01599999999999</v>
      </c>
      <c r="D132">
        <v>270.637</v>
      </c>
      <c r="E132">
        <v>277.63200000000001</v>
      </c>
      <c r="F132">
        <v>315.63</v>
      </c>
      <c r="G132">
        <v>314.38200000000001</v>
      </c>
      <c r="H132">
        <v>317.78300000000002</v>
      </c>
      <c r="I132">
        <v>300.10899999999998</v>
      </c>
      <c r="J132">
        <v>303.12799999999999</v>
      </c>
      <c r="K132">
        <v>303.02499999999998</v>
      </c>
      <c r="L132">
        <v>331.755</v>
      </c>
      <c r="M132">
        <v>319.3</v>
      </c>
      <c r="N132">
        <v>277.85700000000003</v>
      </c>
      <c r="O132">
        <v>312.92899999999997</v>
      </c>
      <c r="P132">
        <v>0</v>
      </c>
      <c r="Q132">
        <v>0</v>
      </c>
      <c r="R132">
        <v>369.92899999999997</v>
      </c>
      <c r="S132">
        <v>0</v>
      </c>
      <c r="T132">
        <v>361.65</v>
      </c>
      <c r="U132">
        <v>363.71600000000001</v>
      </c>
      <c r="V132">
        <v>364.81700000000001</v>
      </c>
      <c r="W132">
        <v>351.29300000000001</v>
      </c>
      <c r="X132">
        <v>358.33</v>
      </c>
      <c r="Y132">
        <v>331.00700000000001</v>
      </c>
    </row>
    <row r="133" spans="1:25" x14ac:dyDescent="0.3">
      <c r="A133">
        <v>3.4999999970352897</v>
      </c>
      <c r="B133">
        <v>229.25800000000001</v>
      </c>
      <c r="C133">
        <v>250.464</v>
      </c>
      <c r="D133">
        <v>270.67200000000003</v>
      </c>
      <c r="E133">
        <v>277.97800000000001</v>
      </c>
      <c r="F133">
        <v>316.74099999999999</v>
      </c>
      <c r="G133">
        <v>316.553</v>
      </c>
      <c r="H133">
        <v>319.99900000000002</v>
      </c>
      <c r="I133">
        <v>301.55</v>
      </c>
      <c r="J133">
        <v>304.12299999999999</v>
      </c>
      <c r="K133">
        <v>303.40300000000002</v>
      </c>
      <c r="L133">
        <v>330.59899999999999</v>
      </c>
      <c r="M133">
        <v>318.38</v>
      </c>
      <c r="N133">
        <v>275.20800000000003</v>
      </c>
      <c r="O133">
        <v>316.39999999999998</v>
      </c>
      <c r="P133">
        <v>0</v>
      </c>
      <c r="Q133">
        <v>0</v>
      </c>
      <c r="R133">
        <v>374.95100000000002</v>
      </c>
      <c r="S133">
        <v>0</v>
      </c>
      <c r="T133">
        <v>364.54700000000003</v>
      </c>
      <c r="U133">
        <v>366.85</v>
      </c>
      <c r="V133">
        <v>367.00299999999999</v>
      </c>
      <c r="W133">
        <v>352.75299999999999</v>
      </c>
      <c r="X133">
        <v>360.17700000000002</v>
      </c>
      <c r="Y133">
        <v>333.25200000000001</v>
      </c>
    </row>
    <row r="134" spans="1:25" x14ac:dyDescent="0.3">
      <c r="A134">
        <v>3.5166666675979892</v>
      </c>
      <c r="B134">
        <v>220.42599999999999</v>
      </c>
      <c r="C134">
        <v>246.98400000000001</v>
      </c>
      <c r="D134">
        <v>272.04300000000001</v>
      </c>
      <c r="E134">
        <v>280.59100000000001</v>
      </c>
      <c r="F134">
        <v>318.96199999999999</v>
      </c>
      <c r="G134">
        <v>317.39400000000001</v>
      </c>
      <c r="H134">
        <v>321.58699999999999</v>
      </c>
      <c r="I134">
        <v>303.02800000000002</v>
      </c>
      <c r="J134">
        <v>306.745</v>
      </c>
      <c r="K134">
        <v>305.08699999999999</v>
      </c>
      <c r="L134">
        <v>332.45499999999998</v>
      </c>
      <c r="M134">
        <v>319.13299999999998</v>
      </c>
      <c r="N134">
        <v>284.209</v>
      </c>
      <c r="O134">
        <v>318.89400000000001</v>
      </c>
      <c r="P134">
        <v>0</v>
      </c>
      <c r="Q134">
        <v>0</v>
      </c>
      <c r="R134">
        <v>380.01</v>
      </c>
      <c r="S134">
        <v>0</v>
      </c>
      <c r="T134">
        <v>367.53100000000001</v>
      </c>
      <c r="U134">
        <v>369.34</v>
      </c>
      <c r="V134">
        <v>368.47800000000001</v>
      </c>
      <c r="W134">
        <v>354.48599999999999</v>
      </c>
      <c r="X134">
        <v>361.70400000000001</v>
      </c>
      <c r="Y134">
        <v>335.70299999999997</v>
      </c>
    </row>
    <row r="135" spans="1:25" x14ac:dyDescent="0.3">
      <c r="A135">
        <v>3.5499999982460091</v>
      </c>
      <c r="B135">
        <v>221.642</v>
      </c>
      <c r="C135">
        <v>244.583</v>
      </c>
      <c r="D135">
        <v>273.096</v>
      </c>
      <c r="E135">
        <v>284.84300000000002</v>
      </c>
      <c r="F135">
        <v>322.09500000000003</v>
      </c>
      <c r="G135">
        <v>318.77199999999999</v>
      </c>
      <c r="H135">
        <v>323.57799999999997</v>
      </c>
      <c r="I135">
        <v>302.83600000000001</v>
      </c>
      <c r="J135">
        <v>306.98099999999999</v>
      </c>
      <c r="K135">
        <v>306.16000000000003</v>
      </c>
      <c r="L135">
        <v>333.387</v>
      </c>
      <c r="M135">
        <v>321.08999999999997</v>
      </c>
      <c r="N135">
        <v>282.39699999999999</v>
      </c>
      <c r="O135">
        <v>319.19799999999998</v>
      </c>
      <c r="P135">
        <v>0</v>
      </c>
      <c r="Q135">
        <v>0</v>
      </c>
      <c r="R135">
        <v>379.83699999999999</v>
      </c>
      <c r="S135">
        <v>0</v>
      </c>
      <c r="T135">
        <v>366.22300000000001</v>
      </c>
      <c r="U135">
        <v>368.83</v>
      </c>
      <c r="V135">
        <v>368.96499999999997</v>
      </c>
      <c r="W135">
        <v>354.28</v>
      </c>
      <c r="X135">
        <v>363.12400000000002</v>
      </c>
      <c r="Y135">
        <v>336.61799999999999</v>
      </c>
    </row>
    <row r="136" spans="1:25" x14ac:dyDescent="0.3">
      <c r="A136">
        <v>3.583333339371408</v>
      </c>
      <c r="B136">
        <v>222.58</v>
      </c>
      <c r="C136">
        <v>243.779</v>
      </c>
      <c r="D136">
        <v>273.47699999999998</v>
      </c>
      <c r="E136">
        <v>288.99599999999998</v>
      </c>
      <c r="F136">
        <v>324.46499999999997</v>
      </c>
      <c r="G136">
        <v>320.596</v>
      </c>
      <c r="H136">
        <v>324.46499999999997</v>
      </c>
      <c r="I136">
        <v>303.78100000000001</v>
      </c>
      <c r="J136">
        <v>308.315</v>
      </c>
      <c r="K136">
        <v>306.94799999999998</v>
      </c>
      <c r="L136">
        <v>334.81700000000001</v>
      </c>
      <c r="M136">
        <v>322.62400000000002</v>
      </c>
      <c r="N136">
        <v>285.91199999999998</v>
      </c>
      <c r="O136">
        <v>322.52199999999999</v>
      </c>
      <c r="P136">
        <v>0</v>
      </c>
      <c r="Q136">
        <v>0</v>
      </c>
      <c r="R136">
        <v>382.53899999999999</v>
      </c>
      <c r="S136">
        <v>0</v>
      </c>
      <c r="T136">
        <v>369.06799999999998</v>
      </c>
      <c r="U136">
        <v>371.553</v>
      </c>
      <c r="V136">
        <v>370.96100000000001</v>
      </c>
      <c r="W136">
        <v>357.17899999999997</v>
      </c>
      <c r="X136">
        <v>365.69900000000001</v>
      </c>
      <c r="Y136">
        <v>341.29500000000002</v>
      </c>
    </row>
    <row r="137" spans="1:25" x14ac:dyDescent="0.3">
      <c r="A137">
        <v>3.5999999994567284</v>
      </c>
      <c r="B137">
        <v>223.005</v>
      </c>
      <c r="C137">
        <v>243.63900000000001</v>
      </c>
      <c r="D137">
        <v>273.928</v>
      </c>
      <c r="E137">
        <v>290.27100000000002</v>
      </c>
      <c r="F137">
        <v>327.46499999999997</v>
      </c>
      <c r="G137">
        <v>321.995</v>
      </c>
      <c r="H137">
        <v>325.43700000000001</v>
      </c>
      <c r="I137">
        <v>304.245</v>
      </c>
      <c r="J137">
        <v>310.28199999999998</v>
      </c>
      <c r="K137">
        <v>307.63200000000001</v>
      </c>
      <c r="L137">
        <v>336.11</v>
      </c>
      <c r="M137">
        <v>323.64800000000002</v>
      </c>
      <c r="N137">
        <v>290.58100000000002</v>
      </c>
      <c r="O137">
        <v>325.07900000000001</v>
      </c>
      <c r="P137">
        <v>0</v>
      </c>
      <c r="Q137">
        <v>0</v>
      </c>
      <c r="R137">
        <v>382.05099999999999</v>
      </c>
      <c r="S137">
        <v>0</v>
      </c>
      <c r="T137">
        <v>371.94299999999998</v>
      </c>
      <c r="U137">
        <v>374.31</v>
      </c>
      <c r="V137">
        <v>373.95499999999998</v>
      </c>
      <c r="W137">
        <v>360.39800000000002</v>
      </c>
      <c r="X137">
        <v>369.322</v>
      </c>
      <c r="Y137">
        <v>345.983</v>
      </c>
    </row>
    <row r="138" spans="1:25" x14ac:dyDescent="0.3">
      <c r="A138">
        <v>3.6333333301047483</v>
      </c>
      <c r="B138">
        <v>222.96899999999999</v>
      </c>
      <c r="C138">
        <v>244.42599999999999</v>
      </c>
      <c r="D138">
        <v>275.84899999999999</v>
      </c>
      <c r="E138">
        <v>292.904</v>
      </c>
      <c r="F138">
        <v>328.43599999999998</v>
      </c>
      <c r="G138">
        <v>323.238</v>
      </c>
      <c r="H138">
        <v>326.8</v>
      </c>
      <c r="I138">
        <v>305.45999999999998</v>
      </c>
      <c r="J138">
        <v>311.68200000000002</v>
      </c>
      <c r="K138">
        <v>308.63900000000001</v>
      </c>
      <c r="L138">
        <v>335.68299999999999</v>
      </c>
      <c r="M138">
        <v>326.40800000000002</v>
      </c>
      <c r="N138">
        <v>288.90899999999999</v>
      </c>
      <c r="O138">
        <v>328.964</v>
      </c>
      <c r="P138">
        <v>0</v>
      </c>
      <c r="Q138">
        <v>0</v>
      </c>
      <c r="R138">
        <v>388.041</v>
      </c>
      <c r="S138">
        <v>0</v>
      </c>
      <c r="T138">
        <v>374.19</v>
      </c>
      <c r="U138">
        <v>377.87700000000001</v>
      </c>
      <c r="V138">
        <v>378.50200000000001</v>
      </c>
      <c r="W138">
        <v>363.75099999999998</v>
      </c>
      <c r="X138">
        <v>373.26</v>
      </c>
      <c r="Y138">
        <v>348.42500000000001</v>
      </c>
    </row>
    <row r="139" spans="1:25" x14ac:dyDescent="0.3">
      <c r="A139">
        <v>3.6666666712301472</v>
      </c>
      <c r="B139">
        <v>224.702</v>
      </c>
      <c r="C139">
        <v>245.32</v>
      </c>
      <c r="D139">
        <v>277.702</v>
      </c>
      <c r="E139">
        <v>293.24799999999999</v>
      </c>
      <c r="F139">
        <v>329.66399999999999</v>
      </c>
      <c r="G139">
        <v>324.77300000000002</v>
      </c>
      <c r="H139">
        <v>328.94799999999998</v>
      </c>
      <c r="I139">
        <v>309.68299999999999</v>
      </c>
      <c r="J139">
        <v>314.24700000000001</v>
      </c>
      <c r="K139">
        <v>310.435</v>
      </c>
      <c r="L139">
        <v>336.31400000000002</v>
      </c>
      <c r="M139">
        <v>327.97699999999998</v>
      </c>
      <c r="N139">
        <v>287.85899999999998</v>
      </c>
      <c r="O139">
        <v>331.298</v>
      </c>
      <c r="P139">
        <v>0</v>
      </c>
      <c r="Q139">
        <v>0</v>
      </c>
      <c r="R139">
        <v>396.827</v>
      </c>
      <c r="S139">
        <v>0</v>
      </c>
      <c r="T139">
        <v>381.02100000000002</v>
      </c>
      <c r="U139">
        <v>382.11799999999999</v>
      </c>
      <c r="V139">
        <v>383.06299999999999</v>
      </c>
      <c r="W139">
        <v>368.17200000000003</v>
      </c>
      <c r="X139">
        <v>375.05399999999997</v>
      </c>
      <c r="Y139">
        <v>349.86900000000003</v>
      </c>
    </row>
    <row r="140" spans="1:25" x14ac:dyDescent="0.3">
      <c r="A140">
        <v>3.6833333313154677</v>
      </c>
      <c r="B140">
        <v>225.958</v>
      </c>
      <c r="C140">
        <v>247.78700000000001</v>
      </c>
      <c r="D140">
        <v>279.19099999999997</v>
      </c>
      <c r="E140">
        <v>295.29000000000002</v>
      </c>
      <c r="F140">
        <v>331.65499999999997</v>
      </c>
      <c r="G140">
        <v>327.24400000000003</v>
      </c>
      <c r="H140">
        <v>328.88</v>
      </c>
      <c r="I140">
        <v>312.46899999999999</v>
      </c>
      <c r="J140">
        <v>318.67099999999999</v>
      </c>
      <c r="K140">
        <v>313.25599999999997</v>
      </c>
      <c r="L140">
        <v>339.44200000000001</v>
      </c>
      <c r="M140">
        <v>330.464</v>
      </c>
      <c r="N140">
        <v>296.47300000000001</v>
      </c>
      <c r="O140">
        <v>334.32400000000001</v>
      </c>
      <c r="P140">
        <v>0</v>
      </c>
      <c r="Q140">
        <v>0</v>
      </c>
      <c r="R140">
        <v>400.66699999999997</v>
      </c>
      <c r="S140">
        <v>0</v>
      </c>
      <c r="T140">
        <v>388.92</v>
      </c>
      <c r="U140">
        <v>388.86900000000003</v>
      </c>
      <c r="V140">
        <v>390.81</v>
      </c>
      <c r="W140">
        <v>373.97199999999998</v>
      </c>
      <c r="X140">
        <v>379.77100000000002</v>
      </c>
      <c r="Y140">
        <v>352.70299999999997</v>
      </c>
    </row>
    <row r="141" spans="1:25" x14ac:dyDescent="0.3">
      <c r="A141">
        <v>3.7166666724408666</v>
      </c>
      <c r="B141">
        <v>220.79400000000001</v>
      </c>
      <c r="C141">
        <v>244.846</v>
      </c>
      <c r="D141">
        <v>279.13900000000001</v>
      </c>
      <c r="E141">
        <v>296.06099999999998</v>
      </c>
      <c r="F141">
        <v>333.13299999999998</v>
      </c>
      <c r="G141">
        <v>328.82799999999997</v>
      </c>
      <c r="H141">
        <v>332.01100000000002</v>
      </c>
      <c r="I141">
        <v>313.52800000000002</v>
      </c>
      <c r="J141">
        <v>323.85199999999998</v>
      </c>
      <c r="K141">
        <v>315.16899999999998</v>
      </c>
      <c r="L141">
        <v>343.18200000000002</v>
      </c>
      <c r="M141">
        <v>335.19099999999997</v>
      </c>
      <c r="N141">
        <v>301.65300000000002</v>
      </c>
      <c r="O141">
        <v>342.92700000000002</v>
      </c>
      <c r="P141">
        <v>0</v>
      </c>
      <c r="Q141">
        <v>0</v>
      </c>
      <c r="R141">
        <v>407.95299999999997</v>
      </c>
      <c r="S141">
        <v>0</v>
      </c>
      <c r="T141">
        <v>384.73399999999998</v>
      </c>
      <c r="U141">
        <v>384.666</v>
      </c>
      <c r="V141">
        <v>387.46800000000002</v>
      </c>
      <c r="W141">
        <v>372.601</v>
      </c>
      <c r="X141">
        <v>381.459</v>
      </c>
      <c r="Y141">
        <v>356.46800000000002</v>
      </c>
    </row>
    <row r="142" spans="1:25" x14ac:dyDescent="0.3">
      <c r="A142">
        <v>3.733333332526187</v>
      </c>
      <c r="B142">
        <v>219.964</v>
      </c>
      <c r="C142">
        <v>242.886</v>
      </c>
      <c r="D142">
        <v>279.05200000000002</v>
      </c>
      <c r="E142">
        <v>295.63200000000001</v>
      </c>
      <c r="F142">
        <v>332.55599999999998</v>
      </c>
      <c r="G142">
        <v>330.05599999999998</v>
      </c>
      <c r="H142">
        <v>335.20800000000003</v>
      </c>
      <c r="I142">
        <v>314.21300000000002</v>
      </c>
      <c r="J142">
        <v>323.52800000000002</v>
      </c>
      <c r="K142">
        <v>316.38299999999998</v>
      </c>
      <c r="L142">
        <v>344.06400000000002</v>
      </c>
      <c r="M142">
        <v>338.71100000000001</v>
      </c>
      <c r="N142">
        <v>306.65699999999998</v>
      </c>
      <c r="O142">
        <v>348.036</v>
      </c>
      <c r="P142">
        <v>0</v>
      </c>
      <c r="Q142">
        <v>0</v>
      </c>
      <c r="R142">
        <v>416.00400000000002</v>
      </c>
      <c r="S142">
        <v>0</v>
      </c>
      <c r="T142">
        <v>391.43400000000003</v>
      </c>
      <c r="U142">
        <v>389.274</v>
      </c>
      <c r="V142">
        <v>391.41699999999997</v>
      </c>
      <c r="W142">
        <v>375.05399999999997</v>
      </c>
      <c r="X142">
        <v>383.09699999999998</v>
      </c>
      <c r="Y142">
        <v>356.68799999999999</v>
      </c>
    </row>
    <row r="143" spans="1:25" x14ac:dyDescent="0.3">
      <c r="A143">
        <v>3.766666663174207</v>
      </c>
      <c r="B143">
        <v>218.81299999999999</v>
      </c>
      <c r="C143">
        <v>245.03700000000001</v>
      </c>
      <c r="D143">
        <v>282</v>
      </c>
      <c r="E143">
        <v>297.91199999999998</v>
      </c>
      <c r="F143">
        <v>335.649</v>
      </c>
      <c r="G143">
        <v>333.846</v>
      </c>
      <c r="H143">
        <v>336.55</v>
      </c>
      <c r="I143">
        <v>315.78300000000002</v>
      </c>
      <c r="J143">
        <v>325.53800000000001</v>
      </c>
      <c r="K143">
        <v>318.55</v>
      </c>
      <c r="L143">
        <v>347.27</v>
      </c>
      <c r="M143">
        <v>341.43</v>
      </c>
      <c r="N143">
        <v>318.209</v>
      </c>
      <c r="O143">
        <v>357.94</v>
      </c>
      <c r="P143">
        <v>0</v>
      </c>
      <c r="Q143">
        <v>0</v>
      </c>
      <c r="R143">
        <v>431.87099999999998</v>
      </c>
      <c r="S143">
        <v>0</v>
      </c>
      <c r="T143">
        <v>394.63499999999999</v>
      </c>
      <c r="U143">
        <v>396.589</v>
      </c>
      <c r="V143">
        <v>399.58699999999999</v>
      </c>
      <c r="W143">
        <v>379.14400000000001</v>
      </c>
      <c r="X143">
        <v>386.31900000000002</v>
      </c>
      <c r="Y143">
        <v>357.923</v>
      </c>
    </row>
    <row r="144" spans="1:25" x14ac:dyDescent="0.3">
      <c r="A144">
        <v>3.8000000042996058</v>
      </c>
      <c r="B144">
        <v>224.17099999999999</v>
      </c>
      <c r="C144">
        <v>245.54599999999999</v>
      </c>
      <c r="D144">
        <v>280.96800000000002</v>
      </c>
      <c r="E144">
        <v>297.673</v>
      </c>
      <c r="F144">
        <v>335.37799999999999</v>
      </c>
      <c r="G144">
        <v>335.95600000000002</v>
      </c>
      <c r="H144">
        <v>337.41800000000001</v>
      </c>
      <c r="I144">
        <v>318.60199999999998</v>
      </c>
      <c r="J144">
        <v>328.50400000000002</v>
      </c>
      <c r="K144">
        <v>322.62400000000002</v>
      </c>
      <c r="L144">
        <v>350.90300000000002</v>
      </c>
      <c r="M144">
        <v>342.82499999999999</v>
      </c>
      <c r="N144">
        <v>323.255</v>
      </c>
      <c r="O144">
        <v>361.27800000000002</v>
      </c>
      <c r="P144">
        <v>0</v>
      </c>
      <c r="Q144">
        <v>0</v>
      </c>
      <c r="R144">
        <v>427.49799999999999</v>
      </c>
      <c r="S144">
        <v>0</v>
      </c>
      <c r="T144">
        <v>394.55200000000002</v>
      </c>
      <c r="U144">
        <v>399.16699999999997</v>
      </c>
      <c r="V144">
        <v>403.495</v>
      </c>
      <c r="W144">
        <v>382.84300000000002</v>
      </c>
      <c r="X144">
        <v>389.59399999999999</v>
      </c>
      <c r="Y144">
        <v>362.17599999999999</v>
      </c>
    </row>
    <row r="145" spans="1:25" x14ac:dyDescent="0.3">
      <c r="A145">
        <v>3.8166666643849263</v>
      </c>
      <c r="B145">
        <v>225.76300000000001</v>
      </c>
      <c r="C145">
        <v>246.71899999999999</v>
      </c>
      <c r="D145">
        <v>283.43099999999998</v>
      </c>
      <c r="E145">
        <v>300.47000000000003</v>
      </c>
      <c r="F145">
        <v>339.34</v>
      </c>
      <c r="G145">
        <v>337.91199999999998</v>
      </c>
      <c r="H145">
        <v>339.66300000000001</v>
      </c>
      <c r="I145">
        <v>321.20999999999998</v>
      </c>
      <c r="J145">
        <v>332.31700000000001</v>
      </c>
      <c r="K145">
        <v>324.78899999999999</v>
      </c>
      <c r="L145">
        <v>351.93900000000002</v>
      </c>
      <c r="M145">
        <v>343.87799999999999</v>
      </c>
      <c r="N145">
        <v>315.54599999999999</v>
      </c>
      <c r="O145">
        <v>357.82299999999998</v>
      </c>
      <c r="P145">
        <v>0</v>
      </c>
      <c r="Q145">
        <v>0</v>
      </c>
      <c r="R145">
        <v>417.18099999999998</v>
      </c>
      <c r="S145">
        <v>0</v>
      </c>
      <c r="T145">
        <v>390.75900000000001</v>
      </c>
      <c r="U145">
        <v>394.08100000000002</v>
      </c>
      <c r="V145">
        <v>398.86399999999998</v>
      </c>
      <c r="W145">
        <v>381.86500000000001</v>
      </c>
      <c r="X145">
        <v>387.13099999999997</v>
      </c>
      <c r="Y145">
        <v>359.41500000000002</v>
      </c>
    </row>
    <row r="146" spans="1:25" x14ac:dyDescent="0.3">
      <c r="A146">
        <v>3.8500000055103252</v>
      </c>
      <c r="B146">
        <v>228.43</v>
      </c>
      <c r="C146">
        <v>249.816</v>
      </c>
      <c r="D146">
        <v>283.93</v>
      </c>
      <c r="E146">
        <v>301.07</v>
      </c>
      <c r="F146">
        <v>341.07299999999998</v>
      </c>
      <c r="G146">
        <v>339.16899999999998</v>
      </c>
      <c r="H146">
        <v>341.61799999999999</v>
      </c>
      <c r="I146">
        <v>323.834</v>
      </c>
      <c r="J146">
        <v>333.286</v>
      </c>
      <c r="K146">
        <v>325.28300000000002</v>
      </c>
      <c r="L146">
        <v>351.63299999999998</v>
      </c>
      <c r="M146">
        <v>343.02800000000002</v>
      </c>
      <c r="N146">
        <v>315.01499999999999</v>
      </c>
      <c r="O146">
        <v>358.53399999999999</v>
      </c>
      <c r="P146">
        <v>0</v>
      </c>
      <c r="Q146">
        <v>0</v>
      </c>
      <c r="R146">
        <v>418.90899999999999</v>
      </c>
      <c r="S146">
        <v>0</v>
      </c>
      <c r="T146">
        <v>391.60199999999998</v>
      </c>
      <c r="U146">
        <v>393.44</v>
      </c>
      <c r="V146">
        <v>396.70800000000003</v>
      </c>
      <c r="W146">
        <v>379.46600000000001</v>
      </c>
      <c r="X146">
        <v>385.27300000000002</v>
      </c>
      <c r="Y146">
        <v>358.70299999999997</v>
      </c>
    </row>
    <row r="147" spans="1:25" x14ac:dyDescent="0.3">
      <c r="A147">
        <v>3.8666666655956456</v>
      </c>
      <c r="B147">
        <v>232.197</v>
      </c>
      <c r="C147">
        <v>254.435</v>
      </c>
      <c r="D147">
        <v>284.87799999999999</v>
      </c>
      <c r="E147">
        <v>301.46499999999997</v>
      </c>
      <c r="F147">
        <v>341.85599999999999</v>
      </c>
      <c r="G147">
        <v>340.12200000000001</v>
      </c>
      <c r="H147">
        <v>342.41699999999997</v>
      </c>
      <c r="I147">
        <v>324.77199999999999</v>
      </c>
      <c r="J147">
        <v>333.67700000000002</v>
      </c>
      <c r="K147">
        <v>326.03300000000002</v>
      </c>
      <c r="L147">
        <v>352.09100000000001</v>
      </c>
      <c r="M147">
        <v>345.47300000000001</v>
      </c>
      <c r="N147">
        <v>322.113</v>
      </c>
      <c r="O147">
        <v>369.81200000000001</v>
      </c>
      <c r="P147">
        <v>0</v>
      </c>
      <c r="Q147">
        <v>0</v>
      </c>
      <c r="R147">
        <v>425.13200000000001</v>
      </c>
      <c r="S147">
        <v>0</v>
      </c>
      <c r="T147">
        <v>397.298</v>
      </c>
      <c r="U147">
        <v>401.35700000000003</v>
      </c>
      <c r="V147">
        <v>406.27199999999999</v>
      </c>
      <c r="W147">
        <v>386.23599999999999</v>
      </c>
      <c r="X147">
        <v>393.91199999999998</v>
      </c>
      <c r="Y147">
        <v>363.04</v>
      </c>
    </row>
    <row r="148" spans="1:25" x14ac:dyDescent="0.3">
      <c r="A148">
        <v>3.9000000067210445</v>
      </c>
      <c r="B148">
        <v>230.56299999999999</v>
      </c>
      <c r="C148">
        <v>256.02199999999999</v>
      </c>
      <c r="D148">
        <v>288.37799999999999</v>
      </c>
      <c r="E148">
        <v>304.14400000000001</v>
      </c>
      <c r="F148">
        <v>344.40600000000001</v>
      </c>
      <c r="G148">
        <v>342.99700000000001</v>
      </c>
      <c r="H148">
        <v>342.69200000000001</v>
      </c>
      <c r="I148">
        <v>324.67200000000003</v>
      </c>
      <c r="J148">
        <v>335.43099999999998</v>
      </c>
      <c r="K148">
        <v>328.745</v>
      </c>
      <c r="L148">
        <v>352.36500000000001</v>
      </c>
      <c r="M148">
        <v>345.74700000000001</v>
      </c>
      <c r="N148">
        <v>327.19499999999999</v>
      </c>
      <c r="O148">
        <v>372.57</v>
      </c>
      <c r="P148">
        <v>0</v>
      </c>
      <c r="Q148">
        <v>0</v>
      </c>
      <c r="R148">
        <v>428.10399999999998</v>
      </c>
      <c r="S148">
        <v>0</v>
      </c>
      <c r="T148">
        <v>406.54399999999998</v>
      </c>
      <c r="U148">
        <v>404.79500000000002</v>
      </c>
      <c r="V148">
        <v>407.25</v>
      </c>
      <c r="W148">
        <v>386.964</v>
      </c>
      <c r="X148">
        <v>395.38</v>
      </c>
      <c r="Y148">
        <v>364.36399999999998</v>
      </c>
    </row>
    <row r="149" spans="1:25" x14ac:dyDescent="0.3">
      <c r="A149">
        <v>3.9333333373690644</v>
      </c>
      <c r="B149">
        <v>228.589</v>
      </c>
      <c r="C149">
        <v>259.91800000000001</v>
      </c>
      <c r="D149">
        <v>291.149</v>
      </c>
      <c r="E149">
        <v>306.23</v>
      </c>
      <c r="F149">
        <v>344.42</v>
      </c>
      <c r="G149">
        <v>343.08</v>
      </c>
      <c r="H149">
        <v>343.11399999999998</v>
      </c>
      <c r="I149">
        <v>324.26100000000002</v>
      </c>
      <c r="J149">
        <v>335.14</v>
      </c>
      <c r="K149">
        <v>329.22</v>
      </c>
      <c r="L149">
        <v>352.77</v>
      </c>
      <c r="M149">
        <v>345.846</v>
      </c>
      <c r="N149">
        <v>325.62400000000002</v>
      </c>
      <c r="O149">
        <v>370.15</v>
      </c>
      <c r="P149">
        <v>0</v>
      </c>
      <c r="Q149">
        <v>0</v>
      </c>
      <c r="R149">
        <v>432.89400000000001</v>
      </c>
      <c r="S149">
        <v>0</v>
      </c>
      <c r="T149">
        <v>409.66699999999997</v>
      </c>
      <c r="U149">
        <v>405.97</v>
      </c>
      <c r="V149">
        <v>407.71800000000002</v>
      </c>
      <c r="W149">
        <v>387.26499999999999</v>
      </c>
      <c r="X149">
        <v>399.60500000000002</v>
      </c>
      <c r="Y149">
        <v>369.06799999999998</v>
      </c>
    </row>
    <row r="150" spans="1:25" x14ac:dyDescent="0.3">
      <c r="A150">
        <v>3.9499999974543849</v>
      </c>
      <c r="B150">
        <v>233.46299999999999</v>
      </c>
      <c r="C150">
        <v>259.29199999999997</v>
      </c>
      <c r="D150">
        <v>290.78699999999998</v>
      </c>
      <c r="E150">
        <v>306.24700000000001</v>
      </c>
      <c r="F150">
        <v>341.41399999999999</v>
      </c>
      <c r="G150">
        <v>341.51600000000002</v>
      </c>
      <c r="H150">
        <v>342.774</v>
      </c>
      <c r="I150">
        <v>324.39699999999999</v>
      </c>
      <c r="J150">
        <v>336.60199999999998</v>
      </c>
      <c r="K150">
        <v>332.40199999999999</v>
      </c>
      <c r="L150">
        <v>352.97399999999999</v>
      </c>
      <c r="M150">
        <v>345.846</v>
      </c>
      <c r="N150">
        <v>330.66800000000001</v>
      </c>
      <c r="O150">
        <v>374.22500000000002</v>
      </c>
      <c r="P150">
        <v>0</v>
      </c>
      <c r="Q150">
        <v>0</v>
      </c>
      <c r="R150">
        <v>435.90800000000002</v>
      </c>
      <c r="S150">
        <v>0</v>
      </c>
      <c r="T150">
        <v>413.28100000000001</v>
      </c>
      <c r="U150">
        <v>414.00400000000002</v>
      </c>
      <c r="V150">
        <v>415.83600000000001</v>
      </c>
      <c r="W150">
        <v>391.755</v>
      </c>
      <c r="X150">
        <v>405.11200000000002</v>
      </c>
      <c r="Y150">
        <v>373.971</v>
      </c>
    </row>
    <row r="151" spans="1:25" x14ac:dyDescent="0.3">
      <c r="A151">
        <v>3.9833333385797838</v>
      </c>
      <c r="B151">
        <v>233.04300000000001</v>
      </c>
      <c r="C151">
        <v>260.12900000000002</v>
      </c>
      <c r="D151">
        <v>291.59899999999999</v>
      </c>
      <c r="E151">
        <v>308.471</v>
      </c>
      <c r="F151">
        <v>341.90899999999999</v>
      </c>
      <c r="G151">
        <v>343.21800000000002</v>
      </c>
      <c r="H151">
        <v>344.21899999999999</v>
      </c>
      <c r="I151">
        <v>325.28500000000003</v>
      </c>
      <c r="J151">
        <v>337.98099999999999</v>
      </c>
      <c r="K151">
        <v>333.68</v>
      </c>
      <c r="L151">
        <v>353.75700000000001</v>
      </c>
      <c r="M151">
        <v>345.50900000000001</v>
      </c>
      <c r="N151">
        <v>332.31900000000002</v>
      </c>
      <c r="O151">
        <v>372.435</v>
      </c>
      <c r="P151">
        <v>0</v>
      </c>
      <c r="Q151">
        <v>0</v>
      </c>
      <c r="R151">
        <v>430.51799999999997</v>
      </c>
      <c r="S151">
        <v>0</v>
      </c>
      <c r="T151">
        <v>413.36700000000002</v>
      </c>
      <c r="U151">
        <v>412.24099999999999</v>
      </c>
      <c r="V151">
        <v>413.97199999999998</v>
      </c>
      <c r="W151">
        <v>392.82</v>
      </c>
      <c r="X151">
        <v>405.41699999999997</v>
      </c>
      <c r="Y151">
        <v>373.17899999999997</v>
      </c>
    </row>
    <row r="152" spans="1:25" x14ac:dyDescent="0.3">
      <c r="A152">
        <v>3.9999999986651043</v>
      </c>
      <c r="B152">
        <v>227.637</v>
      </c>
      <c r="C152">
        <v>258.31799999999998</v>
      </c>
      <c r="D152">
        <v>291.35599999999999</v>
      </c>
      <c r="E152">
        <v>310.11099999999999</v>
      </c>
      <c r="F152">
        <v>343.471</v>
      </c>
      <c r="G152">
        <v>343.43700000000001</v>
      </c>
      <c r="H152">
        <v>344.74400000000003</v>
      </c>
      <c r="I152">
        <v>328.13</v>
      </c>
      <c r="J152">
        <v>338.88099999999997</v>
      </c>
      <c r="K152">
        <v>334.95299999999997</v>
      </c>
      <c r="L152">
        <v>353.85700000000003</v>
      </c>
      <c r="M152">
        <v>346.25400000000002</v>
      </c>
      <c r="N152">
        <v>338.13299999999998</v>
      </c>
      <c r="O152">
        <v>378.13099999999997</v>
      </c>
      <c r="P152">
        <v>0</v>
      </c>
      <c r="Q152">
        <v>0</v>
      </c>
      <c r="R152">
        <v>440.85</v>
      </c>
      <c r="S152">
        <v>0</v>
      </c>
      <c r="T152">
        <v>422.06299999999999</v>
      </c>
      <c r="U152">
        <v>417.45</v>
      </c>
      <c r="V152">
        <v>413.66899999999998</v>
      </c>
      <c r="W152">
        <v>394.21600000000001</v>
      </c>
      <c r="X152">
        <v>404.86</v>
      </c>
      <c r="Y152">
        <v>371.97699999999998</v>
      </c>
    </row>
    <row r="153" spans="1:25" x14ac:dyDescent="0.3">
      <c r="A153">
        <v>4.0333333397905031</v>
      </c>
      <c r="B153">
        <v>222.96899999999999</v>
      </c>
      <c r="C153">
        <v>255.93199999999999</v>
      </c>
      <c r="D153">
        <v>293.28199999999998</v>
      </c>
      <c r="E153">
        <v>314.315</v>
      </c>
      <c r="F153">
        <v>344.84500000000003</v>
      </c>
      <c r="G153">
        <v>343.94499999999999</v>
      </c>
      <c r="H153">
        <v>343.928</v>
      </c>
      <c r="I153">
        <v>327.66899999999998</v>
      </c>
      <c r="J153">
        <v>338.77800000000002</v>
      </c>
      <c r="K153">
        <v>334.81700000000001</v>
      </c>
      <c r="L153">
        <v>354.298</v>
      </c>
      <c r="M153">
        <v>345.13299999999998</v>
      </c>
      <c r="N153">
        <v>343.87700000000001</v>
      </c>
      <c r="O153">
        <v>383.38299999999998</v>
      </c>
      <c r="P153">
        <v>0</v>
      </c>
      <c r="Q153">
        <v>0</v>
      </c>
      <c r="R153">
        <v>440.815</v>
      </c>
      <c r="S153">
        <v>0</v>
      </c>
      <c r="T153">
        <v>425.11599999999999</v>
      </c>
      <c r="U153">
        <v>417.16399999999999</v>
      </c>
      <c r="V153">
        <v>414.15499999999997</v>
      </c>
      <c r="W153">
        <v>394.16500000000002</v>
      </c>
      <c r="X153">
        <v>405.31400000000002</v>
      </c>
      <c r="Y153">
        <v>373.17599999999999</v>
      </c>
    </row>
    <row r="154" spans="1:25" x14ac:dyDescent="0.3">
      <c r="A154">
        <v>4.066666670438523</v>
      </c>
      <c r="B154">
        <v>237.196</v>
      </c>
      <c r="C154">
        <v>260.42500000000001</v>
      </c>
      <c r="D154">
        <v>292.23599999999999</v>
      </c>
      <c r="E154">
        <v>312.197</v>
      </c>
      <c r="F154">
        <v>343.69299999999998</v>
      </c>
      <c r="G154">
        <v>343.25200000000001</v>
      </c>
      <c r="H154">
        <v>345.35599999999999</v>
      </c>
      <c r="I154">
        <v>327.74</v>
      </c>
      <c r="J154">
        <v>338.202</v>
      </c>
      <c r="K154">
        <v>333.91800000000001</v>
      </c>
      <c r="L154">
        <v>354.41899999999998</v>
      </c>
      <c r="M154">
        <v>345.05099999999999</v>
      </c>
      <c r="N154">
        <v>338.42399999999998</v>
      </c>
      <c r="O154">
        <v>379.31599999999997</v>
      </c>
      <c r="P154">
        <v>0</v>
      </c>
      <c r="Q154">
        <v>0</v>
      </c>
      <c r="R154">
        <v>428.77499999999998</v>
      </c>
      <c r="S154">
        <v>0</v>
      </c>
      <c r="T154">
        <v>414.49299999999999</v>
      </c>
      <c r="U154">
        <v>409.03100000000001</v>
      </c>
      <c r="V154">
        <v>408.07299999999998</v>
      </c>
      <c r="W154">
        <v>391.166</v>
      </c>
      <c r="X154">
        <v>401.89800000000002</v>
      </c>
      <c r="Y154">
        <v>372.14699999999999</v>
      </c>
    </row>
    <row r="155" spans="1:25" x14ac:dyDescent="0.3">
      <c r="A155">
        <v>4.0833333305238435</v>
      </c>
      <c r="B155">
        <v>243.32400000000001</v>
      </c>
      <c r="C155">
        <v>261.01600000000002</v>
      </c>
      <c r="D155">
        <v>290.512</v>
      </c>
      <c r="E155">
        <v>311.05099999999999</v>
      </c>
      <c r="F155">
        <v>341.483</v>
      </c>
      <c r="G155">
        <v>343.01299999999998</v>
      </c>
      <c r="H155">
        <v>345.64299999999997</v>
      </c>
      <c r="I155">
        <v>327.38</v>
      </c>
      <c r="J155">
        <v>336.19499999999999</v>
      </c>
      <c r="K155">
        <v>332.233</v>
      </c>
      <c r="L155">
        <v>351.29500000000002</v>
      </c>
      <c r="M155">
        <v>343.827</v>
      </c>
      <c r="N155">
        <v>335.97399999999999</v>
      </c>
      <c r="O155">
        <v>373.11</v>
      </c>
      <c r="P155">
        <v>0</v>
      </c>
      <c r="Q155">
        <v>0</v>
      </c>
      <c r="R155">
        <v>421.69400000000002</v>
      </c>
      <c r="S155">
        <v>0</v>
      </c>
      <c r="T155">
        <v>405.096</v>
      </c>
      <c r="U155">
        <v>401.20600000000002</v>
      </c>
      <c r="V155">
        <v>400.12799999999999</v>
      </c>
      <c r="W155">
        <v>384.53199999999998</v>
      </c>
      <c r="X155">
        <v>396.47300000000001</v>
      </c>
      <c r="Y155">
        <v>370.37</v>
      </c>
    </row>
    <row r="156" spans="1:25" x14ac:dyDescent="0.3">
      <c r="A156">
        <v>4.1166666716492424</v>
      </c>
      <c r="B156">
        <v>246.52600000000001</v>
      </c>
      <c r="C156">
        <v>260.61399999999998</v>
      </c>
      <c r="D156">
        <v>288.08199999999999</v>
      </c>
      <c r="E156">
        <v>310.46899999999999</v>
      </c>
      <c r="F156">
        <v>340.81900000000002</v>
      </c>
      <c r="G156">
        <v>342.72300000000001</v>
      </c>
      <c r="H156">
        <v>345.40499999999997</v>
      </c>
      <c r="I156">
        <v>327.209</v>
      </c>
      <c r="J156">
        <v>335.22500000000002</v>
      </c>
      <c r="K156">
        <v>331.53500000000003</v>
      </c>
      <c r="L156">
        <v>350.072</v>
      </c>
      <c r="M156">
        <v>343.14800000000002</v>
      </c>
      <c r="N156">
        <v>328.81099999999998</v>
      </c>
      <c r="O156">
        <v>365.25900000000001</v>
      </c>
      <c r="P156">
        <v>0</v>
      </c>
      <c r="Q156">
        <v>0</v>
      </c>
      <c r="R156">
        <v>413.18</v>
      </c>
      <c r="S156">
        <v>0</v>
      </c>
      <c r="T156">
        <v>400.96899999999999</v>
      </c>
      <c r="U156">
        <v>395.59699999999998</v>
      </c>
      <c r="V156">
        <v>395.142</v>
      </c>
      <c r="W156">
        <v>379.80500000000001</v>
      </c>
      <c r="X156">
        <v>391.89</v>
      </c>
      <c r="Y156">
        <v>368.78</v>
      </c>
    </row>
    <row r="157" spans="1:25" x14ac:dyDescent="0.3">
      <c r="A157">
        <v>4.1333333317345629</v>
      </c>
      <c r="B157">
        <v>243.81399999999999</v>
      </c>
      <c r="C157">
        <v>260.11</v>
      </c>
      <c r="D157">
        <v>288.41000000000003</v>
      </c>
      <c r="E157">
        <v>312.82799999999997</v>
      </c>
      <c r="F157">
        <v>341.97500000000002</v>
      </c>
      <c r="G157">
        <v>342.55399999999997</v>
      </c>
      <c r="H157">
        <v>344.57400000000001</v>
      </c>
      <c r="I157">
        <v>326.74900000000002</v>
      </c>
      <c r="J157">
        <v>334.17099999999999</v>
      </c>
      <c r="K157">
        <v>330.685</v>
      </c>
      <c r="L157">
        <v>349.86900000000003</v>
      </c>
      <c r="M157">
        <v>342.435</v>
      </c>
      <c r="N157">
        <v>325.89699999999999</v>
      </c>
      <c r="O157">
        <v>359.178</v>
      </c>
      <c r="P157">
        <v>0</v>
      </c>
      <c r="Q157">
        <v>0</v>
      </c>
      <c r="R157">
        <v>404.03500000000003</v>
      </c>
      <c r="S157">
        <v>0</v>
      </c>
      <c r="T157">
        <v>392.565</v>
      </c>
      <c r="U157">
        <v>388.26100000000002</v>
      </c>
      <c r="V157">
        <v>389.78</v>
      </c>
      <c r="W157">
        <v>377.286</v>
      </c>
      <c r="X157">
        <v>389.62799999999999</v>
      </c>
      <c r="Y157">
        <v>367.88400000000001</v>
      </c>
    </row>
    <row r="158" spans="1:25" x14ac:dyDescent="0.3">
      <c r="A158">
        <v>4.1666666728599617</v>
      </c>
      <c r="B158">
        <v>249.13399999999999</v>
      </c>
      <c r="C158">
        <v>262.721</v>
      </c>
      <c r="D158">
        <v>289.30599999999998</v>
      </c>
      <c r="E158">
        <v>313.28899999999999</v>
      </c>
      <c r="F158">
        <v>341.66899999999998</v>
      </c>
      <c r="G158">
        <v>342.791</v>
      </c>
      <c r="H158">
        <v>343.911</v>
      </c>
      <c r="I158">
        <v>326.74900000000002</v>
      </c>
      <c r="J158">
        <v>333.20100000000002</v>
      </c>
      <c r="K158">
        <v>330.65100000000001</v>
      </c>
      <c r="L158">
        <v>350.76799999999997</v>
      </c>
      <c r="M158">
        <v>343.18200000000002</v>
      </c>
      <c r="N158">
        <v>316.19499999999999</v>
      </c>
      <c r="O158">
        <v>352.73599999999999</v>
      </c>
      <c r="P158">
        <v>0</v>
      </c>
      <c r="Q158">
        <v>0</v>
      </c>
      <c r="R158">
        <v>400.29500000000002</v>
      </c>
      <c r="S158">
        <v>0</v>
      </c>
      <c r="T158">
        <v>390.70800000000003</v>
      </c>
      <c r="U158">
        <v>388.26100000000002</v>
      </c>
      <c r="V158">
        <v>389.12200000000001</v>
      </c>
      <c r="W158">
        <v>376.72699999999998</v>
      </c>
      <c r="X158">
        <v>387.50099999999998</v>
      </c>
      <c r="Y158">
        <v>365.66500000000002</v>
      </c>
    </row>
    <row r="159" spans="1:25" x14ac:dyDescent="0.3">
      <c r="A159">
        <v>4.2000000035079816</v>
      </c>
      <c r="B159">
        <v>252.864</v>
      </c>
      <c r="C159">
        <v>265.56</v>
      </c>
      <c r="D159">
        <v>288.53300000000002</v>
      </c>
      <c r="E159">
        <v>312.79599999999999</v>
      </c>
      <c r="F159">
        <v>338.03300000000002</v>
      </c>
      <c r="G159">
        <v>340.53199999999998</v>
      </c>
      <c r="H159">
        <v>342.82799999999997</v>
      </c>
      <c r="I159">
        <v>325.81400000000002</v>
      </c>
      <c r="J159">
        <v>331.92899999999997</v>
      </c>
      <c r="K159">
        <v>330.84</v>
      </c>
      <c r="L159">
        <v>353.33300000000003</v>
      </c>
      <c r="M159">
        <v>344.62700000000001</v>
      </c>
      <c r="N159">
        <v>310.09500000000003</v>
      </c>
      <c r="O159">
        <v>348.73399999999998</v>
      </c>
      <c r="P159">
        <v>0</v>
      </c>
      <c r="Q159">
        <v>0</v>
      </c>
      <c r="R159">
        <v>396.29</v>
      </c>
      <c r="S159">
        <v>0</v>
      </c>
      <c r="T159">
        <v>388.44900000000001</v>
      </c>
      <c r="U159">
        <v>387.048</v>
      </c>
      <c r="V159">
        <v>386.62599999999998</v>
      </c>
      <c r="W159">
        <v>377.59199999999998</v>
      </c>
      <c r="X159">
        <v>385.47899999999998</v>
      </c>
      <c r="Y159">
        <v>363.90600000000001</v>
      </c>
    </row>
    <row r="160" spans="1:25" x14ac:dyDescent="0.3">
      <c r="A160">
        <v>4.2166666635933021</v>
      </c>
      <c r="B160">
        <v>251.55</v>
      </c>
      <c r="C160">
        <v>265.94099999999997</v>
      </c>
      <c r="D160">
        <v>288.255</v>
      </c>
      <c r="E160">
        <v>312.26400000000001</v>
      </c>
      <c r="F160">
        <v>336.89100000000002</v>
      </c>
      <c r="G160">
        <v>339.73099999999999</v>
      </c>
      <c r="H160">
        <v>342.673</v>
      </c>
      <c r="I160">
        <v>325.93099999999998</v>
      </c>
      <c r="J160">
        <v>331.50099999999998</v>
      </c>
      <c r="K160">
        <v>330.87200000000001</v>
      </c>
      <c r="L160">
        <v>354.51900000000001</v>
      </c>
      <c r="M160">
        <v>345.71100000000001</v>
      </c>
      <c r="N160">
        <v>312.36700000000002</v>
      </c>
      <c r="O160">
        <v>347.74700000000001</v>
      </c>
      <c r="P160">
        <v>0</v>
      </c>
      <c r="Q160">
        <v>0</v>
      </c>
      <c r="R160">
        <v>396.27100000000002</v>
      </c>
      <c r="S160">
        <v>0</v>
      </c>
      <c r="T160">
        <v>388.61599999999999</v>
      </c>
      <c r="U160">
        <v>388.7</v>
      </c>
      <c r="V160">
        <v>385.81400000000002</v>
      </c>
      <c r="W160">
        <v>377.25200000000001</v>
      </c>
      <c r="X160">
        <v>385.88200000000001</v>
      </c>
      <c r="Y160">
        <v>366.05500000000001</v>
      </c>
    </row>
    <row r="161" spans="1:25" x14ac:dyDescent="0.3">
      <c r="A161">
        <v>4.250000004718701</v>
      </c>
      <c r="B161">
        <v>244.19900000000001</v>
      </c>
      <c r="C161">
        <v>266.34100000000001</v>
      </c>
      <c r="D161">
        <v>286.82499999999999</v>
      </c>
      <c r="E161">
        <v>312.452</v>
      </c>
      <c r="F161">
        <v>341.55</v>
      </c>
      <c r="G161">
        <v>341.87299999999999</v>
      </c>
      <c r="H161">
        <v>344.18299999999999</v>
      </c>
      <c r="I161">
        <v>326.42500000000001</v>
      </c>
      <c r="J161">
        <v>331.19499999999999</v>
      </c>
      <c r="K161">
        <v>330.66800000000001</v>
      </c>
      <c r="L161">
        <v>356.01</v>
      </c>
      <c r="M161">
        <v>346.745</v>
      </c>
      <c r="N161">
        <v>311.44299999999998</v>
      </c>
      <c r="O161">
        <v>350.37700000000001</v>
      </c>
      <c r="P161">
        <v>0</v>
      </c>
      <c r="Q161">
        <v>0</v>
      </c>
      <c r="R161">
        <v>399.77300000000002</v>
      </c>
      <c r="S161">
        <v>0</v>
      </c>
      <c r="T161">
        <v>394.78800000000001</v>
      </c>
      <c r="U161">
        <v>391.89</v>
      </c>
      <c r="V161">
        <v>389.52699999999999</v>
      </c>
      <c r="W161">
        <v>380.22699999999998</v>
      </c>
      <c r="X161">
        <v>389.30700000000002</v>
      </c>
      <c r="Y161">
        <v>370.42</v>
      </c>
    </row>
    <row r="162" spans="1:25" x14ac:dyDescent="0.3">
      <c r="A162">
        <v>4.2833333353667209</v>
      </c>
      <c r="B162">
        <v>242.309</v>
      </c>
      <c r="C162">
        <v>264.28800000000001</v>
      </c>
      <c r="D162">
        <v>285.53399999999999</v>
      </c>
      <c r="E162">
        <v>313.95699999999999</v>
      </c>
      <c r="F162">
        <v>344.89600000000002</v>
      </c>
      <c r="G162">
        <v>344.42099999999999</v>
      </c>
      <c r="H162">
        <v>347.56099999999998</v>
      </c>
      <c r="I162">
        <v>328.24900000000002</v>
      </c>
      <c r="J162">
        <v>332.25</v>
      </c>
      <c r="K162">
        <v>331.06</v>
      </c>
      <c r="L162">
        <v>356.60399999999998</v>
      </c>
      <c r="M162">
        <v>347.73099999999999</v>
      </c>
      <c r="N162">
        <v>322.404</v>
      </c>
      <c r="O162">
        <v>360.02499999999998</v>
      </c>
      <c r="P162">
        <v>0</v>
      </c>
      <c r="Q162">
        <v>0</v>
      </c>
      <c r="R162">
        <v>409.19799999999998</v>
      </c>
      <c r="S162">
        <v>0</v>
      </c>
      <c r="T162">
        <v>397.88799999999998</v>
      </c>
      <c r="U162">
        <v>397.214</v>
      </c>
      <c r="V162">
        <v>398.83100000000002</v>
      </c>
      <c r="W162">
        <v>386.65800000000002</v>
      </c>
      <c r="X162">
        <v>396.79300000000001</v>
      </c>
      <c r="Y162">
        <v>374.428</v>
      </c>
    </row>
    <row r="163" spans="1:25" x14ac:dyDescent="0.3">
      <c r="A163">
        <v>4.3000000059294203</v>
      </c>
      <c r="B163">
        <v>233.994</v>
      </c>
      <c r="C163">
        <v>260.73899999999998</v>
      </c>
      <c r="D163">
        <v>286.41399999999999</v>
      </c>
      <c r="E163">
        <v>314.93200000000002</v>
      </c>
      <c r="F163">
        <v>346.00099999999998</v>
      </c>
      <c r="G163">
        <v>346.06900000000002</v>
      </c>
      <c r="H163">
        <v>348.12200000000001</v>
      </c>
      <c r="I163">
        <v>329.85300000000001</v>
      </c>
      <c r="J163">
        <v>333.27100000000002</v>
      </c>
      <c r="K163">
        <v>332.09800000000001</v>
      </c>
      <c r="L163">
        <v>356.38499999999999</v>
      </c>
      <c r="M163">
        <v>348.411</v>
      </c>
      <c r="N163">
        <v>318.70699999999999</v>
      </c>
      <c r="O163">
        <v>361.78800000000001</v>
      </c>
      <c r="P163">
        <v>0</v>
      </c>
      <c r="Q163">
        <v>0</v>
      </c>
      <c r="R163">
        <v>421.49400000000003</v>
      </c>
      <c r="S163">
        <v>0</v>
      </c>
      <c r="T163">
        <v>407.97199999999998</v>
      </c>
      <c r="U163">
        <v>405.82</v>
      </c>
      <c r="V163">
        <v>409.19900000000001</v>
      </c>
      <c r="W163">
        <v>394.13299999999998</v>
      </c>
      <c r="X163">
        <v>402.62200000000001</v>
      </c>
      <c r="Y163">
        <v>379.14699999999999</v>
      </c>
    </row>
    <row r="164" spans="1:25" x14ac:dyDescent="0.3">
      <c r="A164">
        <v>4.3333333365774402</v>
      </c>
      <c r="B164">
        <v>230.50800000000001</v>
      </c>
      <c r="C164">
        <v>260.702</v>
      </c>
      <c r="D164">
        <v>287.101</v>
      </c>
      <c r="E164">
        <v>318.245</v>
      </c>
      <c r="F164">
        <v>348.76499999999999</v>
      </c>
      <c r="G164">
        <v>347.815</v>
      </c>
      <c r="H164">
        <v>348.54500000000002</v>
      </c>
      <c r="I164">
        <v>331.11</v>
      </c>
      <c r="J164">
        <v>334.86799999999999</v>
      </c>
      <c r="K164">
        <v>332.42</v>
      </c>
      <c r="L164">
        <v>356.12900000000002</v>
      </c>
      <c r="M164">
        <v>348.392</v>
      </c>
      <c r="N164">
        <v>320.29000000000002</v>
      </c>
      <c r="O164">
        <v>361.99</v>
      </c>
      <c r="P164">
        <v>0</v>
      </c>
      <c r="Q164">
        <v>0</v>
      </c>
      <c r="R164">
        <v>417.03</v>
      </c>
      <c r="S164">
        <v>0</v>
      </c>
      <c r="T164">
        <v>404.65800000000002</v>
      </c>
      <c r="U164">
        <v>403.9</v>
      </c>
      <c r="V164">
        <v>406.928</v>
      </c>
      <c r="W164">
        <v>392.83499999999998</v>
      </c>
      <c r="X164">
        <v>400.93599999999998</v>
      </c>
      <c r="Y164">
        <v>379.67</v>
      </c>
    </row>
    <row r="165" spans="1:25" x14ac:dyDescent="0.3">
      <c r="A165">
        <v>4.3499999966627607</v>
      </c>
      <c r="B165">
        <v>227.09100000000001</v>
      </c>
      <c r="C165">
        <v>255.935</v>
      </c>
      <c r="D165">
        <v>286.67200000000003</v>
      </c>
      <c r="E165">
        <v>320.42899999999997</v>
      </c>
      <c r="F165">
        <v>352.48399999999998</v>
      </c>
      <c r="G165">
        <v>349.68400000000003</v>
      </c>
      <c r="H165">
        <v>350.09100000000001</v>
      </c>
      <c r="I165">
        <v>333.35700000000003</v>
      </c>
      <c r="J165">
        <v>337.18299999999999</v>
      </c>
      <c r="K165">
        <v>334.56400000000002</v>
      </c>
      <c r="L165">
        <v>358.06200000000001</v>
      </c>
      <c r="M165">
        <v>349.565</v>
      </c>
      <c r="N165">
        <v>326.68299999999999</v>
      </c>
      <c r="O165">
        <v>366.786</v>
      </c>
      <c r="P165">
        <v>0</v>
      </c>
      <c r="Q165">
        <v>0</v>
      </c>
      <c r="R165">
        <v>419.33100000000002</v>
      </c>
      <c r="S165">
        <v>0</v>
      </c>
      <c r="T165">
        <v>406.05599999999998</v>
      </c>
      <c r="U165">
        <v>404.61</v>
      </c>
      <c r="V165">
        <v>408.05599999999998</v>
      </c>
      <c r="W165">
        <v>392.61799999999999</v>
      </c>
      <c r="X165">
        <v>398.81599999999997</v>
      </c>
      <c r="Y165">
        <v>376.66199999999998</v>
      </c>
    </row>
    <row r="166" spans="1:25" x14ac:dyDescent="0.3">
      <c r="A166">
        <v>4.3833333377881596</v>
      </c>
      <c r="B166">
        <v>225.46299999999999</v>
      </c>
      <c r="C166">
        <v>251.46199999999999</v>
      </c>
      <c r="D166">
        <v>284.31</v>
      </c>
      <c r="E166">
        <v>322.08</v>
      </c>
      <c r="F166">
        <v>355.26600000000002</v>
      </c>
      <c r="G166">
        <v>351.61700000000002</v>
      </c>
      <c r="H166">
        <v>351.56599999999997</v>
      </c>
      <c r="I166">
        <v>335.14</v>
      </c>
      <c r="J166">
        <v>338.15</v>
      </c>
      <c r="K166">
        <v>335.29300000000001</v>
      </c>
      <c r="L166">
        <v>358.99200000000002</v>
      </c>
      <c r="M166">
        <v>351.80399999999997</v>
      </c>
      <c r="N166">
        <v>329.44200000000001</v>
      </c>
      <c r="O166">
        <v>364.32799999999997</v>
      </c>
      <c r="P166">
        <v>0</v>
      </c>
      <c r="Q166">
        <v>0</v>
      </c>
      <c r="R166">
        <v>414.42500000000001</v>
      </c>
      <c r="S166">
        <v>0</v>
      </c>
      <c r="T166">
        <v>404.86</v>
      </c>
      <c r="U166">
        <v>402.166</v>
      </c>
      <c r="V166">
        <v>404.01799999999997</v>
      </c>
      <c r="W166">
        <v>390.86099999999999</v>
      </c>
      <c r="X166">
        <v>397.75299999999999</v>
      </c>
      <c r="Y166">
        <v>377.60700000000003</v>
      </c>
    </row>
    <row r="167" spans="1:25" x14ac:dyDescent="0.3">
      <c r="A167">
        <v>4.4166666684361795</v>
      </c>
      <c r="B167">
        <v>220.989</v>
      </c>
      <c r="C167">
        <v>251.68899999999999</v>
      </c>
      <c r="D167">
        <v>283</v>
      </c>
      <c r="E167">
        <v>322.267</v>
      </c>
      <c r="F167">
        <v>357.721</v>
      </c>
      <c r="G167">
        <v>353.63600000000002</v>
      </c>
      <c r="H167">
        <v>354.75599999999997</v>
      </c>
      <c r="I167">
        <v>337.52</v>
      </c>
      <c r="J167">
        <v>340.44499999999999</v>
      </c>
      <c r="K167">
        <v>336.31299999999999</v>
      </c>
      <c r="L167">
        <v>358.38200000000001</v>
      </c>
      <c r="M167">
        <v>350.90300000000002</v>
      </c>
      <c r="N167">
        <v>330.88900000000001</v>
      </c>
      <c r="O167">
        <v>365.68200000000002</v>
      </c>
      <c r="P167">
        <v>0</v>
      </c>
      <c r="Q167">
        <v>0</v>
      </c>
      <c r="R167">
        <v>412.726</v>
      </c>
      <c r="S167">
        <v>0</v>
      </c>
      <c r="T167">
        <v>404.08499999999998</v>
      </c>
      <c r="U167">
        <v>399.87400000000002</v>
      </c>
      <c r="V167">
        <v>402.33300000000003</v>
      </c>
      <c r="W167">
        <v>388.58199999999999</v>
      </c>
      <c r="X167">
        <v>394.45100000000002</v>
      </c>
      <c r="Y167">
        <v>377.09899999999999</v>
      </c>
    </row>
    <row r="168" spans="1:25" x14ac:dyDescent="0.3">
      <c r="A168">
        <v>4.4333333389988789</v>
      </c>
      <c r="B168">
        <v>213.666</v>
      </c>
      <c r="C168">
        <v>249.52099999999999</v>
      </c>
      <c r="D168">
        <v>282.08999999999997</v>
      </c>
      <c r="E168">
        <v>323.666</v>
      </c>
      <c r="F168">
        <v>359.214</v>
      </c>
      <c r="G168">
        <v>354.72399999999999</v>
      </c>
      <c r="H168">
        <v>356.673</v>
      </c>
      <c r="I168">
        <v>338.03199999999998</v>
      </c>
      <c r="J168">
        <v>340.95699999999999</v>
      </c>
      <c r="K168">
        <v>338.04899999999998</v>
      </c>
      <c r="L168">
        <v>359.72199999999998</v>
      </c>
      <c r="M168">
        <v>352.34800000000001</v>
      </c>
      <c r="N168">
        <v>335.48200000000003</v>
      </c>
      <c r="O168">
        <v>371.62299999999999</v>
      </c>
      <c r="P168">
        <v>0</v>
      </c>
      <c r="Q168">
        <v>0</v>
      </c>
      <c r="R168">
        <v>420.35399999999998</v>
      </c>
      <c r="S168">
        <v>0</v>
      </c>
      <c r="T168">
        <v>410.19099999999997</v>
      </c>
      <c r="U168">
        <v>407.04700000000003</v>
      </c>
      <c r="V168">
        <v>408.49299999999999</v>
      </c>
      <c r="W168">
        <v>394.48700000000002</v>
      </c>
      <c r="X168">
        <v>396.86200000000002</v>
      </c>
      <c r="Y168">
        <v>377.65899999999999</v>
      </c>
    </row>
    <row r="169" spans="1:25" x14ac:dyDescent="0.3">
      <c r="A169">
        <v>4.4666666696468988</v>
      </c>
      <c r="B169">
        <v>207.81100000000001</v>
      </c>
      <c r="C169">
        <v>244.60400000000001</v>
      </c>
      <c r="D169">
        <v>282.62400000000002</v>
      </c>
      <c r="E169">
        <v>323.66699999999997</v>
      </c>
      <c r="F169">
        <v>360.77300000000002</v>
      </c>
      <c r="G169">
        <v>355.69099999999997</v>
      </c>
      <c r="H169">
        <v>356.21600000000001</v>
      </c>
      <c r="I169">
        <v>338.339</v>
      </c>
      <c r="J169">
        <v>342.45400000000001</v>
      </c>
      <c r="K169">
        <v>338.52600000000001</v>
      </c>
      <c r="L169">
        <v>359.48500000000001</v>
      </c>
      <c r="M169">
        <v>352.80700000000002</v>
      </c>
      <c r="N169">
        <v>340.10700000000003</v>
      </c>
      <c r="O169">
        <v>380.16199999999998</v>
      </c>
      <c r="P169">
        <v>0</v>
      </c>
      <c r="Q169">
        <v>0</v>
      </c>
      <c r="R169">
        <v>435.59300000000002</v>
      </c>
      <c r="S169">
        <v>0</v>
      </c>
      <c r="T169">
        <v>417.11599999999999</v>
      </c>
      <c r="U169">
        <v>415.88900000000001</v>
      </c>
      <c r="V169">
        <v>413.70400000000001</v>
      </c>
      <c r="W169">
        <v>397.334</v>
      </c>
      <c r="X169">
        <v>403.02600000000001</v>
      </c>
      <c r="Y169">
        <v>383.92599999999999</v>
      </c>
    </row>
    <row r="170" spans="1:25" x14ac:dyDescent="0.3">
      <c r="A170">
        <v>4.4833333297322193</v>
      </c>
      <c r="B170">
        <v>207.36500000000001</v>
      </c>
      <c r="C170">
        <v>247.33099999999999</v>
      </c>
      <c r="D170">
        <v>285.03300000000002</v>
      </c>
      <c r="E170">
        <v>327.48200000000003</v>
      </c>
      <c r="F170">
        <v>361.6</v>
      </c>
      <c r="G170">
        <v>356.78899999999999</v>
      </c>
      <c r="H170">
        <v>355.65499999999997</v>
      </c>
      <c r="I170">
        <v>339.06700000000001</v>
      </c>
      <c r="J170">
        <v>342.50200000000001</v>
      </c>
      <c r="K170">
        <v>339.05</v>
      </c>
      <c r="L170">
        <v>360.09199999999998</v>
      </c>
      <c r="M170">
        <v>351.97300000000001</v>
      </c>
      <c r="N170">
        <v>352.46499999999997</v>
      </c>
      <c r="O170">
        <v>393.27199999999999</v>
      </c>
      <c r="P170">
        <v>0</v>
      </c>
      <c r="Q170">
        <v>0</v>
      </c>
      <c r="R170">
        <v>444.83199999999999</v>
      </c>
      <c r="S170">
        <v>0</v>
      </c>
      <c r="T170">
        <v>422.58300000000003</v>
      </c>
      <c r="U170">
        <v>423.65600000000001</v>
      </c>
      <c r="V170">
        <v>423.15300000000002</v>
      </c>
      <c r="W170">
        <v>406.02</v>
      </c>
      <c r="X170">
        <v>414.35700000000003</v>
      </c>
      <c r="Y170">
        <v>389.358</v>
      </c>
    </row>
    <row r="171" spans="1:25" x14ac:dyDescent="0.3">
      <c r="A171">
        <v>4.5166666708576182</v>
      </c>
      <c r="B171">
        <v>214.27</v>
      </c>
      <c r="C171">
        <v>248.191</v>
      </c>
      <c r="D171">
        <v>284.29500000000002</v>
      </c>
      <c r="E171">
        <v>329.64800000000002</v>
      </c>
      <c r="F171">
        <v>361.46699999999998</v>
      </c>
      <c r="G171">
        <v>356.82499999999999</v>
      </c>
      <c r="H171">
        <v>355.36900000000003</v>
      </c>
      <c r="I171">
        <v>340.53199999999998</v>
      </c>
      <c r="J171">
        <v>343.48899999999998</v>
      </c>
      <c r="K171">
        <v>341.21199999999999</v>
      </c>
      <c r="L171">
        <v>360.82299999999998</v>
      </c>
      <c r="M171">
        <v>351.73700000000002</v>
      </c>
      <c r="N171">
        <v>366.19200000000001</v>
      </c>
      <c r="O171">
        <v>397.60300000000001</v>
      </c>
      <c r="P171">
        <v>0</v>
      </c>
      <c r="Q171">
        <v>0</v>
      </c>
      <c r="R171">
        <v>451.827</v>
      </c>
      <c r="S171">
        <v>0</v>
      </c>
      <c r="T171">
        <v>424.49700000000001</v>
      </c>
      <c r="U171">
        <v>422.98700000000002</v>
      </c>
      <c r="V171">
        <v>419.28</v>
      </c>
      <c r="W171">
        <v>404.00299999999999</v>
      </c>
      <c r="X171">
        <v>411.43400000000003</v>
      </c>
      <c r="Y171">
        <v>386.72699999999998</v>
      </c>
    </row>
    <row r="172" spans="1:25" x14ac:dyDescent="0.3">
      <c r="A172">
        <v>4.5500000015056381</v>
      </c>
      <c r="B172">
        <v>215.63499999999999</v>
      </c>
      <c r="C172">
        <v>250.607</v>
      </c>
      <c r="D172">
        <v>283.589</v>
      </c>
      <c r="E172">
        <v>330.12599999999998</v>
      </c>
      <c r="F172">
        <v>360.214</v>
      </c>
      <c r="G172">
        <v>357.334</v>
      </c>
      <c r="H172">
        <v>356.42</v>
      </c>
      <c r="I172">
        <v>341.26400000000001</v>
      </c>
      <c r="J172">
        <v>344.45699999999999</v>
      </c>
      <c r="K172">
        <v>342.57299999999998</v>
      </c>
      <c r="L172">
        <v>361.50099999999998</v>
      </c>
      <c r="M172">
        <v>352.315</v>
      </c>
      <c r="N172">
        <v>355.69099999999997</v>
      </c>
      <c r="O172">
        <v>387.50400000000002</v>
      </c>
      <c r="P172">
        <v>0</v>
      </c>
      <c r="Q172">
        <v>0</v>
      </c>
      <c r="R172">
        <v>443.11200000000002</v>
      </c>
      <c r="S172">
        <v>0</v>
      </c>
      <c r="T172">
        <v>424.69900000000001</v>
      </c>
      <c r="U172">
        <v>425.52100000000002</v>
      </c>
      <c r="V172">
        <v>424.39699999999999</v>
      </c>
      <c r="W172">
        <v>408.41</v>
      </c>
      <c r="X172">
        <v>414.83</v>
      </c>
      <c r="Y172">
        <v>388.56799999999998</v>
      </c>
    </row>
    <row r="173" spans="1:25" x14ac:dyDescent="0.3">
      <c r="A173">
        <v>4.5666666720683375</v>
      </c>
      <c r="B173">
        <v>212.93899999999999</v>
      </c>
      <c r="C173">
        <v>250.869</v>
      </c>
      <c r="D173">
        <v>283.10599999999999</v>
      </c>
      <c r="E173">
        <v>329.59699999999998</v>
      </c>
      <c r="F173">
        <v>360.38299999999998</v>
      </c>
      <c r="G173">
        <v>357.96</v>
      </c>
      <c r="H173">
        <v>359.24799999999999</v>
      </c>
      <c r="I173">
        <v>342.72500000000002</v>
      </c>
      <c r="J173">
        <v>346.17099999999999</v>
      </c>
      <c r="K173">
        <v>342.45299999999997</v>
      </c>
      <c r="L173">
        <v>360.654</v>
      </c>
      <c r="M173">
        <v>351.44900000000001</v>
      </c>
      <c r="N173">
        <v>349.48</v>
      </c>
      <c r="O173">
        <v>377.45600000000002</v>
      </c>
      <c r="P173">
        <v>0</v>
      </c>
      <c r="Q173">
        <v>0</v>
      </c>
      <c r="R173">
        <v>439.02600000000001</v>
      </c>
      <c r="S173">
        <v>0</v>
      </c>
      <c r="T173">
        <v>421.17599999999999</v>
      </c>
      <c r="U173">
        <v>419.38099999999997</v>
      </c>
      <c r="V173">
        <v>419.78300000000002</v>
      </c>
      <c r="W173">
        <v>404.00299999999999</v>
      </c>
      <c r="X173">
        <v>408.61099999999999</v>
      </c>
      <c r="Y173">
        <v>384.685</v>
      </c>
    </row>
    <row r="174" spans="1:25" x14ac:dyDescent="0.3">
      <c r="A174">
        <v>4.6000000027163575</v>
      </c>
      <c r="B174">
        <v>211.07400000000001</v>
      </c>
      <c r="C174">
        <v>249.029</v>
      </c>
      <c r="D174">
        <v>283.98200000000003</v>
      </c>
      <c r="E174">
        <v>331.22899999999998</v>
      </c>
      <c r="F174">
        <v>359.178</v>
      </c>
      <c r="G174">
        <v>358.95800000000003</v>
      </c>
      <c r="H174">
        <v>360.75299999999999</v>
      </c>
      <c r="I174">
        <v>345.15</v>
      </c>
      <c r="J174">
        <v>347.17</v>
      </c>
      <c r="K174">
        <v>343.41899999999998</v>
      </c>
      <c r="L174">
        <v>361.363</v>
      </c>
      <c r="M174">
        <v>351.83699999999999</v>
      </c>
      <c r="N174">
        <v>345.18400000000003</v>
      </c>
      <c r="O174">
        <v>376.28800000000001</v>
      </c>
      <c r="P174">
        <v>0</v>
      </c>
      <c r="Q174">
        <v>0</v>
      </c>
      <c r="R174">
        <v>430.44900000000001</v>
      </c>
      <c r="S174">
        <v>0</v>
      </c>
      <c r="T174">
        <v>418.70800000000003</v>
      </c>
      <c r="U174">
        <v>417.97</v>
      </c>
      <c r="V174">
        <v>421.03899999999999</v>
      </c>
      <c r="W174">
        <v>404.42200000000003</v>
      </c>
      <c r="X174">
        <v>408.49099999999999</v>
      </c>
      <c r="Y174">
        <v>384.53100000000001</v>
      </c>
    </row>
    <row r="175" spans="1:25" x14ac:dyDescent="0.3">
      <c r="A175">
        <v>4.6166666732790569</v>
      </c>
      <c r="B175">
        <v>210.54400000000001</v>
      </c>
      <c r="C175">
        <v>245.899</v>
      </c>
      <c r="D175">
        <v>284.38099999999997</v>
      </c>
      <c r="E175">
        <v>331.41800000000001</v>
      </c>
      <c r="F175">
        <v>360.04399999999998</v>
      </c>
      <c r="G175">
        <v>359.57</v>
      </c>
      <c r="H175">
        <v>361.755</v>
      </c>
      <c r="I175">
        <v>348.20800000000003</v>
      </c>
      <c r="J175">
        <v>348.85199999999998</v>
      </c>
      <c r="K175">
        <v>343.50700000000001</v>
      </c>
      <c r="L175">
        <v>362.06</v>
      </c>
      <c r="M175">
        <v>354.21499999999997</v>
      </c>
      <c r="N175">
        <v>342.947</v>
      </c>
      <c r="O175">
        <v>375.66399999999999</v>
      </c>
      <c r="P175">
        <v>0</v>
      </c>
      <c r="Q175">
        <v>0</v>
      </c>
      <c r="R175">
        <v>433.19799999999998</v>
      </c>
      <c r="S175">
        <v>0</v>
      </c>
      <c r="T175">
        <v>423.75900000000001</v>
      </c>
      <c r="U175">
        <v>419.75</v>
      </c>
      <c r="V175">
        <v>422.786</v>
      </c>
      <c r="W175">
        <v>406.678</v>
      </c>
      <c r="X175">
        <v>409.166</v>
      </c>
      <c r="Y175">
        <v>384.78699999999998</v>
      </c>
    </row>
    <row r="176" spans="1:25" x14ac:dyDescent="0.3">
      <c r="A176">
        <v>4.6500000039270768</v>
      </c>
      <c r="B176">
        <v>212.19399999999999</v>
      </c>
      <c r="C176">
        <v>248.15700000000001</v>
      </c>
      <c r="D176">
        <v>285.27699999999999</v>
      </c>
      <c r="E176">
        <v>331.99700000000001</v>
      </c>
      <c r="F176">
        <v>362.06</v>
      </c>
      <c r="G176">
        <v>360.48500000000001</v>
      </c>
      <c r="H176">
        <v>362.34800000000001</v>
      </c>
      <c r="I176">
        <v>350.95699999999999</v>
      </c>
      <c r="J176">
        <v>350.22699999999998</v>
      </c>
      <c r="K176">
        <v>345.017</v>
      </c>
      <c r="L176">
        <v>363.95699999999999</v>
      </c>
      <c r="M176">
        <v>355.42</v>
      </c>
      <c r="N176">
        <v>344.762</v>
      </c>
      <c r="O176">
        <v>380.61799999999999</v>
      </c>
      <c r="P176">
        <v>0</v>
      </c>
      <c r="Q176">
        <v>0</v>
      </c>
      <c r="R176">
        <v>428.94299999999998</v>
      </c>
      <c r="S176">
        <v>0</v>
      </c>
      <c r="T176">
        <v>420.94099999999997</v>
      </c>
      <c r="U176">
        <v>418.96199999999999</v>
      </c>
      <c r="V176">
        <v>423.45699999999999</v>
      </c>
      <c r="W176">
        <v>407.83800000000002</v>
      </c>
      <c r="X176">
        <v>414.66199999999998</v>
      </c>
      <c r="Y176">
        <v>389.64699999999999</v>
      </c>
    </row>
    <row r="177" spans="1:25" x14ac:dyDescent="0.3">
      <c r="A177">
        <v>4.6833333345750967</v>
      </c>
      <c r="B177">
        <v>211.69499999999999</v>
      </c>
      <c r="C177">
        <v>251.28700000000001</v>
      </c>
      <c r="D177">
        <v>286.584</v>
      </c>
      <c r="E177">
        <v>332.04500000000002</v>
      </c>
      <c r="F177">
        <v>361.43099999999998</v>
      </c>
      <c r="G177">
        <v>360.584</v>
      </c>
      <c r="H177">
        <v>363.226</v>
      </c>
      <c r="I177">
        <v>350.76799999999997</v>
      </c>
      <c r="J177">
        <v>350.29300000000001</v>
      </c>
      <c r="K177">
        <v>344.964</v>
      </c>
      <c r="L177">
        <v>365.41199999999998</v>
      </c>
      <c r="M177">
        <v>356.02800000000002</v>
      </c>
      <c r="N177">
        <v>341.601</v>
      </c>
      <c r="O177">
        <v>379.11200000000002</v>
      </c>
      <c r="P177">
        <v>0</v>
      </c>
      <c r="Q177">
        <v>0</v>
      </c>
      <c r="R177">
        <v>426.928</v>
      </c>
      <c r="S177">
        <v>0</v>
      </c>
      <c r="T177">
        <v>421.22399999999999</v>
      </c>
      <c r="U177">
        <v>418.255</v>
      </c>
      <c r="V177">
        <v>422.28100000000001</v>
      </c>
      <c r="W177">
        <v>407.55</v>
      </c>
      <c r="X177">
        <v>412.77699999999999</v>
      </c>
      <c r="Y177">
        <v>392.24400000000003</v>
      </c>
    </row>
    <row r="178" spans="1:25" x14ac:dyDescent="0.3">
      <c r="A178">
        <v>4.7000000051377961</v>
      </c>
      <c r="B178">
        <v>214.30500000000001</v>
      </c>
      <c r="C178">
        <v>251.06100000000001</v>
      </c>
      <c r="D178">
        <v>288.86</v>
      </c>
      <c r="E178">
        <v>333.47500000000002</v>
      </c>
      <c r="F178">
        <v>362.88900000000001</v>
      </c>
      <c r="G178">
        <v>361.68700000000001</v>
      </c>
      <c r="H178">
        <v>365.041</v>
      </c>
      <c r="I178">
        <v>351.70299999999997</v>
      </c>
      <c r="J178">
        <v>351.55</v>
      </c>
      <c r="K178">
        <v>345.28800000000001</v>
      </c>
      <c r="L178">
        <v>366.07400000000001</v>
      </c>
      <c r="M178">
        <v>358.07900000000001</v>
      </c>
      <c r="N178">
        <v>355.16500000000002</v>
      </c>
      <c r="O178">
        <v>388.93799999999999</v>
      </c>
      <c r="P178">
        <v>0</v>
      </c>
      <c r="Q178">
        <v>0</v>
      </c>
      <c r="R178">
        <v>437.11599999999999</v>
      </c>
      <c r="S178">
        <v>0</v>
      </c>
      <c r="T178">
        <v>433.28100000000001</v>
      </c>
      <c r="U178">
        <v>429.27800000000002</v>
      </c>
      <c r="V178">
        <v>431.74099999999999</v>
      </c>
      <c r="W178">
        <v>412.99799999999999</v>
      </c>
      <c r="X178">
        <v>420.11900000000003</v>
      </c>
      <c r="Y178">
        <v>395.02600000000001</v>
      </c>
    </row>
    <row r="179" spans="1:25" x14ac:dyDescent="0.3">
      <c r="A179">
        <v>4.7333333357858161</v>
      </c>
      <c r="B179">
        <v>217.54499999999999</v>
      </c>
      <c r="C179">
        <v>251.11500000000001</v>
      </c>
      <c r="D179">
        <v>289.464</v>
      </c>
      <c r="E179">
        <v>334.00400000000002</v>
      </c>
      <c r="F179">
        <v>366.56599999999997</v>
      </c>
      <c r="G179">
        <v>363.95800000000003</v>
      </c>
      <c r="H179">
        <v>366.95600000000002</v>
      </c>
      <c r="I179">
        <v>354.94600000000003</v>
      </c>
      <c r="J179">
        <v>353.80900000000003</v>
      </c>
      <c r="K179">
        <v>346.37599999999998</v>
      </c>
      <c r="L179">
        <v>368.14100000000002</v>
      </c>
      <c r="M179">
        <v>359.75700000000001</v>
      </c>
      <c r="N179">
        <v>369.49400000000003</v>
      </c>
      <c r="O179">
        <v>398.51400000000001</v>
      </c>
      <c r="P179">
        <v>0</v>
      </c>
      <c r="Q179">
        <v>0</v>
      </c>
      <c r="R179">
        <v>442.56</v>
      </c>
      <c r="S179">
        <v>0</v>
      </c>
      <c r="T179">
        <v>446.42500000000001</v>
      </c>
      <c r="U179">
        <v>444.685</v>
      </c>
      <c r="V179">
        <v>442.41</v>
      </c>
      <c r="W179">
        <v>419.96899999999999</v>
      </c>
      <c r="X179">
        <v>422.41800000000001</v>
      </c>
      <c r="Y179">
        <v>395.06099999999998</v>
      </c>
    </row>
    <row r="180" spans="1:25" x14ac:dyDescent="0.3">
      <c r="A180">
        <v>4.7500000063485155</v>
      </c>
      <c r="B180">
        <v>215.06899999999999</v>
      </c>
      <c r="C180">
        <v>254.62899999999999</v>
      </c>
      <c r="D180">
        <v>290.34199999999998</v>
      </c>
      <c r="E180">
        <v>334.59800000000001</v>
      </c>
      <c r="F180">
        <v>367.66699999999997</v>
      </c>
      <c r="G180">
        <v>365.24400000000003</v>
      </c>
      <c r="H180">
        <v>368.46100000000001</v>
      </c>
      <c r="I180">
        <v>354.84300000000002</v>
      </c>
      <c r="J180">
        <v>357.18200000000002</v>
      </c>
      <c r="K180">
        <v>347.98700000000002</v>
      </c>
      <c r="L180">
        <v>369.44200000000001</v>
      </c>
      <c r="M180">
        <v>360.16300000000001</v>
      </c>
      <c r="N180">
        <v>366.32799999999997</v>
      </c>
      <c r="O180">
        <v>396.12099999999998</v>
      </c>
      <c r="P180">
        <v>0</v>
      </c>
      <c r="Q180">
        <v>0</v>
      </c>
      <c r="R180">
        <v>443.89800000000002</v>
      </c>
      <c r="S180">
        <v>0</v>
      </c>
      <c r="T180">
        <v>442.74299999999999</v>
      </c>
      <c r="U180">
        <v>446.42399999999998</v>
      </c>
      <c r="V180">
        <v>446.69200000000001</v>
      </c>
      <c r="W180">
        <v>421.05900000000003</v>
      </c>
      <c r="X180">
        <v>422.35</v>
      </c>
      <c r="Y180">
        <v>393.35899999999998</v>
      </c>
    </row>
    <row r="181" spans="1:25" x14ac:dyDescent="0.3">
      <c r="A181">
        <v>4.7833333369965354</v>
      </c>
      <c r="B181">
        <v>216.85499999999999</v>
      </c>
      <c r="C181">
        <v>253.16200000000001</v>
      </c>
      <c r="D181">
        <v>294.70800000000003</v>
      </c>
      <c r="E181">
        <v>336.75799999999998</v>
      </c>
      <c r="F181">
        <v>368.56299999999999</v>
      </c>
      <c r="G181">
        <v>366.49799999999999</v>
      </c>
      <c r="H181">
        <v>370.86200000000002</v>
      </c>
      <c r="I181">
        <v>355.38600000000002</v>
      </c>
      <c r="J181">
        <v>357.48599999999999</v>
      </c>
      <c r="K181">
        <v>348.37700000000001</v>
      </c>
      <c r="L181">
        <v>370.44</v>
      </c>
      <c r="M181">
        <v>361.94099999999997</v>
      </c>
      <c r="N181">
        <v>379.09699999999998</v>
      </c>
      <c r="O181">
        <v>399.79300000000001</v>
      </c>
      <c r="P181">
        <v>0</v>
      </c>
      <c r="Q181">
        <v>0</v>
      </c>
      <c r="R181">
        <v>445.55399999999997</v>
      </c>
      <c r="S181">
        <v>0</v>
      </c>
      <c r="T181">
        <v>440.83499999999998</v>
      </c>
      <c r="U181">
        <v>445.286</v>
      </c>
      <c r="V181">
        <v>446.65800000000002</v>
      </c>
      <c r="W181">
        <v>421.39400000000001</v>
      </c>
      <c r="X181">
        <v>424.363</v>
      </c>
      <c r="Y181">
        <v>394.82400000000001</v>
      </c>
    </row>
    <row r="182" spans="1:25" x14ac:dyDescent="0.3">
      <c r="A182">
        <v>4.8166666676445553</v>
      </c>
      <c r="B182">
        <v>218.358</v>
      </c>
      <c r="C182">
        <v>252.48</v>
      </c>
      <c r="D182">
        <v>293.78300000000002</v>
      </c>
      <c r="E182">
        <v>338.96899999999999</v>
      </c>
      <c r="F182">
        <v>370.11900000000003</v>
      </c>
      <c r="G182">
        <v>367.904</v>
      </c>
      <c r="H182">
        <v>372.36799999999999</v>
      </c>
      <c r="I182">
        <v>355.16699999999997</v>
      </c>
      <c r="J182">
        <v>358.84199999999998</v>
      </c>
      <c r="K182">
        <v>349.07400000000001</v>
      </c>
      <c r="L182">
        <v>372.04700000000003</v>
      </c>
      <c r="M182">
        <v>363.68700000000001</v>
      </c>
      <c r="N182">
        <v>376.93299999999999</v>
      </c>
      <c r="O182">
        <v>402.21899999999999</v>
      </c>
      <c r="P182">
        <v>0</v>
      </c>
      <c r="Q182">
        <v>0</v>
      </c>
      <c r="R182">
        <v>443.61399999999998</v>
      </c>
      <c r="S182">
        <v>0</v>
      </c>
      <c r="T182">
        <v>435.32600000000002</v>
      </c>
      <c r="U182">
        <v>442.56</v>
      </c>
      <c r="V182">
        <v>444.48399999999998</v>
      </c>
      <c r="W182">
        <v>422.83800000000002</v>
      </c>
      <c r="X182">
        <v>426.81299999999999</v>
      </c>
      <c r="Y182">
        <v>398.88400000000001</v>
      </c>
    </row>
    <row r="183" spans="1:25" x14ac:dyDescent="0.3">
      <c r="A183">
        <v>4.8333333382072547</v>
      </c>
      <c r="B183">
        <v>219.69900000000001</v>
      </c>
      <c r="C183">
        <v>253.79</v>
      </c>
      <c r="D183">
        <v>293.11099999999999</v>
      </c>
      <c r="E183">
        <v>337.43599999999998</v>
      </c>
      <c r="F183">
        <v>370.81</v>
      </c>
      <c r="G183">
        <v>368.73</v>
      </c>
      <c r="H183">
        <v>372.58499999999998</v>
      </c>
      <c r="I183">
        <v>355.52</v>
      </c>
      <c r="J183">
        <v>358.87400000000002</v>
      </c>
      <c r="K183">
        <v>350.36099999999999</v>
      </c>
      <c r="L183">
        <v>373.93799999999999</v>
      </c>
      <c r="M183">
        <v>363.93799999999999</v>
      </c>
      <c r="N183">
        <v>373.38</v>
      </c>
      <c r="O183">
        <v>397.13</v>
      </c>
      <c r="P183">
        <v>0</v>
      </c>
      <c r="Q183">
        <v>0</v>
      </c>
      <c r="R183">
        <v>442.12200000000001</v>
      </c>
      <c r="S183">
        <v>0</v>
      </c>
      <c r="T183">
        <v>433.16300000000001</v>
      </c>
      <c r="U183">
        <v>437.4</v>
      </c>
      <c r="V183">
        <v>439.87799999999999</v>
      </c>
      <c r="W183">
        <v>420.26900000000001</v>
      </c>
      <c r="X183">
        <v>427.07900000000001</v>
      </c>
      <c r="Y183">
        <v>401.15499999999997</v>
      </c>
    </row>
    <row r="184" spans="1:25" x14ac:dyDescent="0.3">
      <c r="A184">
        <v>4.8666666688552747</v>
      </c>
      <c r="B184">
        <v>217.774</v>
      </c>
      <c r="C184">
        <v>254.977</v>
      </c>
      <c r="D184">
        <v>293.524</v>
      </c>
      <c r="E184">
        <v>337.09800000000001</v>
      </c>
      <c r="F184">
        <v>371.505</v>
      </c>
      <c r="G184">
        <v>369.67899999999997</v>
      </c>
      <c r="H184">
        <v>373.61900000000003</v>
      </c>
      <c r="I184">
        <v>355.89400000000001</v>
      </c>
      <c r="J184">
        <v>359.62099999999998</v>
      </c>
      <c r="K184">
        <v>351.63600000000002</v>
      </c>
      <c r="L184">
        <v>375.71499999999997</v>
      </c>
      <c r="M184">
        <v>365.41399999999999</v>
      </c>
      <c r="N184">
        <v>369.93200000000002</v>
      </c>
      <c r="O184">
        <v>390.964</v>
      </c>
      <c r="P184">
        <v>0</v>
      </c>
      <c r="Q184">
        <v>0</v>
      </c>
      <c r="R184">
        <v>430.61900000000003</v>
      </c>
      <c r="S184">
        <v>0</v>
      </c>
      <c r="T184">
        <v>428.221</v>
      </c>
      <c r="U184">
        <v>433.34899999999999</v>
      </c>
      <c r="V184">
        <v>434.67200000000003</v>
      </c>
      <c r="W184">
        <v>417.75400000000002</v>
      </c>
      <c r="X184">
        <v>424.38</v>
      </c>
      <c r="Y184">
        <v>400.04500000000002</v>
      </c>
    </row>
    <row r="185" spans="1:25" x14ac:dyDescent="0.3">
      <c r="A185">
        <v>4.8833333394179741</v>
      </c>
      <c r="B185">
        <v>218.55199999999999</v>
      </c>
      <c r="C185">
        <v>255.482</v>
      </c>
      <c r="D185">
        <v>292.95800000000003</v>
      </c>
      <c r="E185">
        <v>340.17500000000001</v>
      </c>
      <c r="F185">
        <v>372.38400000000001</v>
      </c>
      <c r="G185">
        <v>370.60899999999998</v>
      </c>
      <c r="H185">
        <v>374.76799999999997</v>
      </c>
      <c r="I185">
        <v>355.62299999999999</v>
      </c>
      <c r="J185">
        <v>360.11200000000002</v>
      </c>
      <c r="K185">
        <v>351.65300000000002</v>
      </c>
      <c r="L185">
        <v>376.476</v>
      </c>
      <c r="M185">
        <v>366.29399999999998</v>
      </c>
      <c r="N185">
        <v>371.42</v>
      </c>
      <c r="O185">
        <v>393.98200000000003</v>
      </c>
      <c r="P185">
        <v>0</v>
      </c>
      <c r="Q185">
        <v>0</v>
      </c>
      <c r="R185">
        <v>438.79199999999997</v>
      </c>
      <c r="S185">
        <v>0</v>
      </c>
      <c r="T185">
        <v>427.86900000000003</v>
      </c>
      <c r="U185">
        <v>431.92500000000001</v>
      </c>
      <c r="V185">
        <v>431.94200000000001</v>
      </c>
      <c r="W185">
        <v>414.56099999999998</v>
      </c>
      <c r="X185">
        <v>421.10899999999998</v>
      </c>
      <c r="Y185">
        <v>401.78</v>
      </c>
    </row>
    <row r="186" spans="1:25" x14ac:dyDescent="0.3">
      <c r="A186">
        <v>4.916666670065994</v>
      </c>
      <c r="B186">
        <v>220.99</v>
      </c>
      <c r="C186">
        <v>258.12599999999998</v>
      </c>
      <c r="D186">
        <v>293.02499999999998</v>
      </c>
      <c r="E186">
        <v>342.01</v>
      </c>
      <c r="F186">
        <v>373.19400000000002</v>
      </c>
      <c r="G186">
        <v>370.62400000000002</v>
      </c>
      <c r="H186">
        <v>374.851</v>
      </c>
      <c r="I186">
        <v>355.99400000000003</v>
      </c>
      <c r="J186">
        <v>360.34699999999998</v>
      </c>
      <c r="K186">
        <v>352.22800000000001</v>
      </c>
      <c r="L186">
        <v>378.25</v>
      </c>
      <c r="M186">
        <v>369.10199999999998</v>
      </c>
      <c r="N186">
        <v>379.56900000000002</v>
      </c>
      <c r="O186">
        <v>405.38200000000001</v>
      </c>
      <c r="P186">
        <v>0</v>
      </c>
      <c r="Q186">
        <v>0</v>
      </c>
      <c r="R186">
        <v>445.017</v>
      </c>
      <c r="S186">
        <v>0</v>
      </c>
      <c r="T186">
        <v>432.96199999999999</v>
      </c>
      <c r="U186">
        <v>439.84500000000003</v>
      </c>
      <c r="V186">
        <v>439.40899999999999</v>
      </c>
      <c r="W186">
        <v>419.983</v>
      </c>
      <c r="X186">
        <v>426.94499999999999</v>
      </c>
      <c r="Y186">
        <v>404.03500000000003</v>
      </c>
    </row>
    <row r="187" spans="1:25" x14ac:dyDescent="0.3">
      <c r="A187">
        <v>4.9500000007140139</v>
      </c>
      <c r="B187">
        <v>224.846</v>
      </c>
      <c r="C187">
        <v>261.279</v>
      </c>
      <c r="D187">
        <v>301.07299999999998</v>
      </c>
      <c r="E187">
        <v>345.83199999999999</v>
      </c>
      <c r="F187">
        <v>375.20800000000003</v>
      </c>
      <c r="G187">
        <v>372.09699999999998</v>
      </c>
      <c r="H187">
        <v>376.56099999999998</v>
      </c>
      <c r="I187">
        <v>358.08</v>
      </c>
      <c r="J187">
        <v>362.53500000000003</v>
      </c>
      <c r="K187">
        <v>354.33499999999998</v>
      </c>
      <c r="L187">
        <v>380.19600000000003</v>
      </c>
      <c r="M187">
        <v>370.947</v>
      </c>
      <c r="N187">
        <v>387.75799999999998</v>
      </c>
      <c r="O187">
        <v>414.24200000000002</v>
      </c>
      <c r="P187">
        <v>0</v>
      </c>
      <c r="Q187">
        <v>0</v>
      </c>
      <c r="R187">
        <v>453.98599999999999</v>
      </c>
      <c r="S187">
        <v>0</v>
      </c>
      <c r="T187">
        <v>443.73099999999999</v>
      </c>
      <c r="U187">
        <v>449.553</v>
      </c>
      <c r="V187">
        <v>451.46</v>
      </c>
      <c r="W187">
        <v>428.255</v>
      </c>
      <c r="X187">
        <v>428.67500000000001</v>
      </c>
      <c r="Y187">
        <v>402.303</v>
      </c>
    </row>
    <row r="188" spans="1:25" x14ac:dyDescent="0.3">
      <c r="A188">
        <v>4.9666666712767134</v>
      </c>
      <c r="B188">
        <v>217.52699999999999</v>
      </c>
      <c r="C188">
        <v>258.26799999999997</v>
      </c>
      <c r="D188">
        <v>303.74900000000002</v>
      </c>
      <c r="E188">
        <v>347.34199999999998</v>
      </c>
      <c r="F188">
        <v>372.57100000000003</v>
      </c>
      <c r="G188">
        <v>372.04599999999999</v>
      </c>
      <c r="H188">
        <v>377.06799999999998</v>
      </c>
      <c r="I188">
        <v>359.62099999999998</v>
      </c>
      <c r="J188">
        <v>363.822</v>
      </c>
      <c r="K188">
        <v>355.86099999999999</v>
      </c>
      <c r="L188">
        <v>382.25599999999997</v>
      </c>
      <c r="M188">
        <v>373.45</v>
      </c>
      <c r="N188">
        <v>397.67099999999999</v>
      </c>
      <c r="O188">
        <v>439.29399999999998</v>
      </c>
      <c r="P188">
        <v>0</v>
      </c>
      <c r="Q188">
        <v>0</v>
      </c>
      <c r="R188">
        <v>471.55900000000003</v>
      </c>
      <c r="S188">
        <v>0</v>
      </c>
      <c r="T188">
        <v>454.72199999999998</v>
      </c>
      <c r="U188">
        <v>454.52100000000002</v>
      </c>
      <c r="V188">
        <v>456.678</v>
      </c>
      <c r="W188">
        <v>433.952</v>
      </c>
      <c r="X188">
        <v>438.74200000000002</v>
      </c>
      <c r="Y188">
        <v>409.25</v>
      </c>
    </row>
    <row r="189" spans="1:25" x14ac:dyDescent="0.3">
      <c r="A189">
        <v>5.0000000019247333</v>
      </c>
      <c r="B189">
        <v>221.55600000000001</v>
      </c>
      <c r="C189">
        <v>257.74299999999999</v>
      </c>
      <c r="D189">
        <v>306.33300000000003</v>
      </c>
      <c r="E189">
        <v>349.173</v>
      </c>
      <c r="F189">
        <v>375.64600000000002</v>
      </c>
      <c r="G189">
        <v>374.15800000000002</v>
      </c>
      <c r="H189">
        <v>379.02800000000002</v>
      </c>
      <c r="I189">
        <v>360.77100000000002</v>
      </c>
      <c r="J189">
        <v>365.09</v>
      </c>
      <c r="K189">
        <v>356.65499999999997</v>
      </c>
      <c r="L189">
        <v>382.03399999999999</v>
      </c>
      <c r="M189">
        <v>373.786</v>
      </c>
      <c r="N189">
        <v>403.64800000000002</v>
      </c>
      <c r="O189">
        <v>449.53399999999999</v>
      </c>
      <c r="P189">
        <v>0</v>
      </c>
      <c r="Q189">
        <v>0</v>
      </c>
      <c r="R189">
        <v>477.99299999999999</v>
      </c>
      <c r="S189">
        <v>0</v>
      </c>
      <c r="T189">
        <v>460.154</v>
      </c>
      <c r="U189">
        <v>461.91</v>
      </c>
      <c r="V189">
        <v>463.59899999999999</v>
      </c>
      <c r="W189">
        <v>438.505</v>
      </c>
      <c r="X189">
        <v>447.27499999999998</v>
      </c>
      <c r="Y189">
        <v>416.173</v>
      </c>
    </row>
    <row r="190" spans="1:25" x14ac:dyDescent="0.3">
      <c r="A190">
        <v>5.0333333325727532</v>
      </c>
      <c r="B190">
        <v>228.345</v>
      </c>
      <c r="C190">
        <v>257.762</v>
      </c>
      <c r="D190">
        <v>308.83</v>
      </c>
      <c r="E190">
        <v>350.685</v>
      </c>
      <c r="F190">
        <v>375.089</v>
      </c>
      <c r="G190">
        <v>375.91800000000001</v>
      </c>
      <c r="H190">
        <v>381.64699999999999</v>
      </c>
      <c r="I190">
        <v>365.6</v>
      </c>
      <c r="J190">
        <v>367.93700000000001</v>
      </c>
      <c r="K190">
        <v>358.28199999999998</v>
      </c>
      <c r="L190">
        <v>382.89600000000002</v>
      </c>
      <c r="M190">
        <v>374.666</v>
      </c>
      <c r="N190">
        <v>391.72300000000001</v>
      </c>
      <c r="O190">
        <v>449.803</v>
      </c>
      <c r="P190">
        <v>0</v>
      </c>
      <c r="Q190">
        <v>0</v>
      </c>
      <c r="R190">
        <v>494.15</v>
      </c>
      <c r="S190">
        <v>0</v>
      </c>
      <c r="T190">
        <v>460.69099999999997</v>
      </c>
      <c r="U190">
        <v>468.834</v>
      </c>
      <c r="V190">
        <v>469.77</v>
      </c>
      <c r="W190">
        <v>443.54599999999999</v>
      </c>
      <c r="X190">
        <v>453.96800000000002</v>
      </c>
      <c r="Y190">
        <v>423.23899999999998</v>
      </c>
    </row>
    <row r="191" spans="1:25" x14ac:dyDescent="0.3">
      <c r="A191">
        <v>5.0500000031354526</v>
      </c>
      <c r="B191">
        <v>230.01900000000001</v>
      </c>
      <c r="C191">
        <v>257.01499999999999</v>
      </c>
      <c r="D191">
        <v>309.51499999999999</v>
      </c>
      <c r="E191">
        <v>351.46699999999998</v>
      </c>
      <c r="F191">
        <v>377.154</v>
      </c>
      <c r="G191">
        <v>377.661</v>
      </c>
      <c r="H191">
        <v>382.64499999999998</v>
      </c>
      <c r="I191">
        <v>366.31299999999999</v>
      </c>
      <c r="J191">
        <v>368.61500000000001</v>
      </c>
      <c r="K191">
        <v>358.89400000000001</v>
      </c>
      <c r="L191">
        <v>381.733</v>
      </c>
      <c r="M191">
        <v>376.10500000000002</v>
      </c>
      <c r="N191">
        <v>387.94400000000002</v>
      </c>
      <c r="O191">
        <v>469.97199999999998</v>
      </c>
      <c r="P191">
        <v>0</v>
      </c>
      <c r="Q191">
        <v>0</v>
      </c>
      <c r="R191">
        <v>495.66500000000002</v>
      </c>
      <c r="S191">
        <v>0</v>
      </c>
      <c r="T191">
        <v>461.495</v>
      </c>
      <c r="U191">
        <v>476.10700000000003</v>
      </c>
      <c r="V191">
        <v>478.31299999999999</v>
      </c>
      <c r="W191">
        <v>452.41399999999999</v>
      </c>
      <c r="X191">
        <v>462.96699999999998</v>
      </c>
      <c r="Y191">
        <v>435.54399999999998</v>
      </c>
    </row>
    <row r="192" spans="1:25" x14ac:dyDescent="0.3">
      <c r="A192">
        <v>5.0833333337834725</v>
      </c>
      <c r="B192">
        <v>227.99199999999999</v>
      </c>
      <c r="C192">
        <v>257.37900000000002</v>
      </c>
      <c r="D192">
        <v>310.642</v>
      </c>
      <c r="E192">
        <v>353.892</v>
      </c>
      <c r="F192">
        <v>380.65100000000001</v>
      </c>
      <c r="G192">
        <v>379.60399999999998</v>
      </c>
      <c r="H192">
        <v>384.19600000000003</v>
      </c>
      <c r="I192">
        <v>368.44400000000002</v>
      </c>
      <c r="J192">
        <v>371.25099999999998</v>
      </c>
      <c r="K192">
        <v>361.50099999999998</v>
      </c>
      <c r="L192">
        <v>384.41500000000002</v>
      </c>
      <c r="M192">
        <v>376.79700000000003</v>
      </c>
      <c r="N192">
        <v>385.428</v>
      </c>
      <c r="O192">
        <v>491.488</v>
      </c>
      <c r="P192">
        <v>0</v>
      </c>
      <c r="Q192">
        <v>0</v>
      </c>
      <c r="R192">
        <v>508.947</v>
      </c>
      <c r="S192">
        <v>0</v>
      </c>
      <c r="T192">
        <v>467.42899999999997</v>
      </c>
      <c r="U192">
        <v>485.41</v>
      </c>
      <c r="V192">
        <v>485.59300000000002</v>
      </c>
      <c r="W192">
        <v>455.67399999999998</v>
      </c>
      <c r="X192">
        <v>481.83600000000001</v>
      </c>
      <c r="Y192">
        <v>456.07600000000002</v>
      </c>
    </row>
    <row r="193" spans="1:25" x14ac:dyDescent="0.3">
      <c r="A193">
        <v>5.100000004346172</v>
      </c>
      <c r="B193">
        <v>223.184</v>
      </c>
      <c r="C193">
        <v>261.52199999999999</v>
      </c>
      <c r="D193">
        <v>312.81299999999999</v>
      </c>
      <c r="E193">
        <v>357.48599999999999</v>
      </c>
      <c r="F193">
        <v>384.36500000000001</v>
      </c>
      <c r="G193">
        <v>381.46199999999999</v>
      </c>
      <c r="H193">
        <v>386.30599999999998</v>
      </c>
      <c r="I193">
        <v>369.78</v>
      </c>
      <c r="J193">
        <v>372.82400000000001</v>
      </c>
      <c r="K193">
        <v>364.262</v>
      </c>
      <c r="L193">
        <v>387.69</v>
      </c>
      <c r="M193">
        <v>381.47899999999998</v>
      </c>
      <c r="N193">
        <v>418.61</v>
      </c>
      <c r="O193">
        <v>515.40099999999995</v>
      </c>
      <c r="P193">
        <v>0</v>
      </c>
      <c r="Q193">
        <v>0</v>
      </c>
      <c r="R193">
        <v>522.11400000000003</v>
      </c>
      <c r="S193">
        <v>0</v>
      </c>
      <c r="T193">
        <v>477.40899999999999</v>
      </c>
      <c r="U193">
        <v>490.22</v>
      </c>
      <c r="V193">
        <v>493.46899999999999</v>
      </c>
      <c r="W193">
        <v>469.887</v>
      </c>
      <c r="X193">
        <v>502.85</v>
      </c>
      <c r="Y193">
        <v>468.46600000000001</v>
      </c>
    </row>
    <row r="194" spans="1:25" x14ac:dyDescent="0.3">
      <c r="A194">
        <v>5.1333333349941919</v>
      </c>
      <c r="B194">
        <v>226.56299999999999</v>
      </c>
      <c r="C194">
        <v>263.875</v>
      </c>
      <c r="D194">
        <v>314.49099999999999</v>
      </c>
      <c r="E194">
        <v>358.726</v>
      </c>
      <c r="F194">
        <v>388.16500000000002</v>
      </c>
      <c r="G194">
        <v>384.21600000000001</v>
      </c>
      <c r="H194">
        <v>390.00400000000002</v>
      </c>
      <c r="I194">
        <v>372.86</v>
      </c>
      <c r="J194">
        <v>376.14100000000002</v>
      </c>
      <c r="K194">
        <v>367.161</v>
      </c>
      <c r="L194">
        <v>388.87400000000002</v>
      </c>
      <c r="M194">
        <v>383.74299999999999</v>
      </c>
      <c r="N194">
        <v>432.84899999999999</v>
      </c>
      <c r="O194">
        <v>561.37599999999998</v>
      </c>
      <c r="P194">
        <v>0</v>
      </c>
      <c r="Q194">
        <v>0</v>
      </c>
      <c r="R194">
        <v>544.846</v>
      </c>
      <c r="S194">
        <v>0</v>
      </c>
      <c r="T194">
        <v>493.32100000000003</v>
      </c>
      <c r="U194">
        <v>505.92399999999998</v>
      </c>
      <c r="V194">
        <v>507.47899999999998</v>
      </c>
      <c r="W194">
        <v>481.77199999999999</v>
      </c>
      <c r="X194">
        <v>521.98299999999995</v>
      </c>
      <c r="Y194">
        <v>483.99299999999999</v>
      </c>
    </row>
    <row r="195" spans="1:25" x14ac:dyDescent="0.3">
      <c r="A195">
        <v>5.1666666656422118</v>
      </c>
      <c r="B195">
        <v>224.01499999999999</v>
      </c>
      <c r="C195">
        <v>267.31700000000001</v>
      </c>
      <c r="D195">
        <v>318.53699999999998</v>
      </c>
      <c r="E195">
        <v>363.19499999999999</v>
      </c>
      <c r="F195">
        <v>393.37599999999998</v>
      </c>
      <c r="G195">
        <v>388.315</v>
      </c>
      <c r="H195">
        <v>396.35700000000003</v>
      </c>
      <c r="I195">
        <v>378.87799999999999</v>
      </c>
      <c r="J195">
        <v>381.78300000000002</v>
      </c>
      <c r="K195">
        <v>370.81200000000001</v>
      </c>
      <c r="L195">
        <v>394.286</v>
      </c>
      <c r="M195">
        <v>390.23899999999998</v>
      </c>
      <c r="N195">
        <v>456.762</v>
      </c>
      <c r="O195">
        <v>582.45000000000005</v>
      </c>
      <c r="P195">
        <v>0</v>
      </c>
      <c r="Q195">
        <v>0</v>
      </c>
      <c r="R195">
        <v>571.70100000000002</v>
      </c>
      <c r="S195">
        <v>0</v>
      </c>
      <c r="T195">
        <v>528.47699999999998</v>
      </c>
      <c r="U195">
        <v>546.61199999999997</v>
      </c>
      <c r="V195">
        <v>547.32899999999995</v>
      </c>
      <c r="W195">
        <v>505.65499999999997</v>
      </c>
      <c r="X195">
        <v>541.60799999999995</v>
      </c>
      <c r="Y195">
        <v>503.69900000000001</v>
      </c>
    </row>
    <row r="196" spans="1:25" x14ac:dyDescent="0.3">
      <c r="A196">
        <v>5.1833333362049112</v>
      </c>
      <c r="B196">
        <v>226.506</v>
      </c>
      <c r="C196">
        <v>264.79300000000001</v>
      </c>
      <c r="D196">
        <v>323.05099999999999</v>
      </c>
      <c r="E196">
        <v>368.49299999999999</v>
      </c>
      <c r="F196">
        <v>400.7</v>
      </c>
      <c r="G196">
        <v>393.62700000000001</v>
      </c>
      <c r="H196">
        <v>404.18700000000001</v>
      </c>
      <c r="I196">
        <v>384.41399999999999</v>
      </c>
      <c r="J196">
        <v>389.76400000000001</v>
      </c>
      <c r="K196">
        <v>375.71300000000002</v>
      </c>
      <c r="L196">
        <v>404.49</v>
      </c>
      <c r="M196">
        <v>399.37</v>
      </c>
      <c r="N196">
        <v>482.286</v>
      </c>
      <c r="O196">
        <v>602.38</v>
      </c>
      <c r="P196">
        <v>0</v>
      </c>
      <c r="Q196">
        <v>0</v>
      </c>
      <c r="R196">
        <v>603.36699999999996</v>
      </c>
      <c r="S196">
        <v>0</v>
      </c>
      <c r="T196">
        <v>563.173</v>
      </c>
      <c r="U196">
        <v>574.51900000000001</v>
      </c>
      <c r="V196">
        <v>570.44799999999998</v>
      </c>
      <c r="W196">
        <v>526.15300000000002</v>
      </c>
      <c r="X196">
        <v>562.48900000000003</v>
      </c>
      <c r="Y196">
        <v>521.19399999999996</v>
      </c>
    </row>
    <row r="197" spans="1:25" x14ac:dyDescent="0.3">
      <c r="A197">
        <v>5.2166666668529311</v>
      </c>
      <c r="B197">
        <v>229.93</v>
      </c>
      <c r="C197">
        <v>269.62</v>
      </c>
      <c r="D197">
        <v>334.02</v>
      </c>
      <c r="E197">
        <v>377.37299999999999</v>
      </c>
      <c r="F197">
        <v>411.99</v>
      </c>
      <c r="G197">
        <v>402.23500000000001</v>
      </c>
      <c r="H197">
        <v>414.37700000000001</v>
      </c>
      <c r="I197">
        <v>393.93200000000002</v>
      </c>
      <c r="J197">
        <v>401.44400000000002</v>
      </c>
      <c r="K197">
        <v>383.40300000000002</v>
      </c>
      <c r="L197">
        <v>411.923</v>
      </c>
      <c r="M197">
        <v>405.46800000000002</v>
      </c>
      <c r="N197">
        <v>546.59500000000003</v>
      </c>
      <c r="O197">
        <v>633.91099999999994</v>
      </c>
      <c r="P197">
        <v>0</v>
      </c>
      <c r="Q197">
        <v>0</v>
      </c>
      <c r="R197">
        <v>634.75</v>
      </c>
      <c r="S197">
        <v>0</v>
      </c>
      <c r="T197">
        <v>578.76</v>
      </c>
      <c r="U197">
        <v>583.73599999999999</v>
      </c>
      <c r="V197">
        <v>583.87</v>
      </c>
      <c r="W197">
        <v>545.84500000000003</v>
      </c>
      <c r="X197">
        <v>583.43600000000004</v>
      </c>
      <c r="Y197">
        <v>542.99300000000005</v>
      </c>
    </row>
    <row r="198" spans="1:25" x14ac:dyDescent="0.3">
      <c r="A198">
        <v>5.2333333374156306</v>
      </c>
      <c r="B198">
        <v>238.76300000000001</v>
      </c>
      <c r="C198">
        <v>276.14699999999999</v>
      </c>
      <c r="D198">
        <v>350.07499999999999</v>
      </c>
      <c r="E198">
        <v>388.11200000000002</v>
      </c>
      <c r="F198">
        <v>434.82299999999998</v>
      </c>
      <c r="G198">
        <v>426.88</v>
      </c>
      <c r="H198">
        <v>434.47199999999998</v>
      </c>
      <c r="I198">
        <v>410.56200000000001</v>
      </c>
      <c r="J198">
        <v>416.46100000000001</v>
      </c>
      <c r="K198">
        <v>395.86900000000003</v>
      </c>
      <c r="L198">
        <v>429.02699999999999</v>
      </c>
      <c r="M198">
        <v>426.17599999999999</v>
      </c>
      <c r="N198">
        <v>603.93899999999996</v>
      </c>
      <c r="O198">
        <v>677.27599999999995</v>
      </c>
      <c r="P198">
        <v>0</v>
      </c>
      <c r="Q198">
        <v>0</v>
      </c>
      <c r="R198">
        <v>671.02800000000002</v>
      </c>
      <c r="S198">
        <v>0</v>
      </c>
      <c r="T198">
        <v>617.29499999999996</v>
      </c>
      <c r="U198">
        <v>615.70299999999997</v>
      </c>
      <c r="V198">
        <v>620.34500000000003</v>
      </c>
      <c r="W198">
        <v>578.00900000000001</v>
      </c>
      <c r="X198">
        <v>639.38300000000004</v>
      </c>
      <c r="Y198">
        <v>593.80899999999997</v>
      </c>
    </row>
    <row r="199" spans="1:25" x14ac:dyDescent="0.3">
      <c r="A199">
        <v>5.2666666680636505</v>
      </c>
      <c r="B199">
        <v>250.624</v>
      </c>
      <c r="C199">
        <v>292.06400000000002</v>
      </c>
      <c r="D199">
        <v>366.37900000000002</v>
      </c>
      <c r="E199">
        <v>404.13799999999998</v>
      </c>
      <c r="F199">
        <v>471.74200000000002</v>
      </c>
      <c r="G199">
        <v>472.64499999999998</v>
      </c>
      <c r="H199">
        <v>465.25599999999997</v>
      </c>
      <c r="I199">
        <v>436.56400000000002</v>
      </c>
      <c r="J199">
        <v>445.87099999999998</v>
      </c>
      <c r="K199">
        <v>426.17500000000001</v>
      </c>
      <c r="L199">
        <v>475.08499999999998</v>
      </c>
      <c r="M199">
        <v>482.33699999999999</v>
      </c>
      <c r="N199">
        <v>666.84</v>
      </c>
      <c r="O199">
        <v>710.86800000000005</v>
      </c>
      <c r="P199">
        <v>0</v>
      </c>
      <c r="Q199">
        <v>0</v>
      </c>
      <c r="R199">
        <v>701.94200000000001</v>
      </c>
      <c r="S199">
        <v>0</v>
      </c>
      <c r="T199">
        <v>657.08</v>
      </c>
      <c r="U199">
        <v>663.78599999999994</v>
      </c>
      <c r="V199">
        <v>672.44500000000005</v>
      </c>
      <c r="W199">
        <v>640.71</v>
      </c>
      <c r="X199">
        <v>702.35</v>
      </c>
      <c r="Y199">
        <v>653.18899999999996</v>
      </c>
    </row>
    <row r="200" spans="1:25" x14ac:dyDescent="0.3">
      <c r="A200">
        <v>5.2999999987116704</v>
      </c>
      <c r="B200">
        <v>270.815</v>
      </c>
      <c r="C200">
        <v>318.572</v>
      </c>
      <c r="D200">
        <v>395.07799999999997</v>
      </c>
      <c r="E200">
        <v>424.39800000000002</v>
      </c>
      <c r="F200">
        <v>494.81700000000001</v>
      </c>
      <c r="G200">
        <v>496.26400000000001</v>
      </c>
      <c r="H200">
        <v>496.41399999999999</v>
      </c>
      <c r="I200">
        <v>466.077</v>
      </c>
      <c r="J200">
        <v>483.62400000000002</v>
      </c>
      <c r="K200">
        <v>460.87599999999998</v>
      </c>
      <c r="L200">
        <v>517.97400000000005</v>
      </c>
      <c r="M200">
        <v>524.01900000000001</v>
      </c>
      <c r="N200">
        <v>732.28599999999994</v>
      </c>
      <c r="O200">
        <v>728.30399999999997</v>
      </c>
      <c r="P200">
        <v>0</v>
      </c>
      <c r="Q200">
        <v>0</v>
      </c>
      <c r="R200">
        <v>763.471</v>
      </c>
      <c r="S200">
        <v>0</v>
      </c>
      <c r="T200">
        <v>725.29899999999998</v>
      </c>
      <c r="U200">
        <v>736.13099999999997</v>
      </c>
      <c r="V200">
        <v>747.74199999999996</v>
      </c>
      <c r="W200">
        <v>690.25699999999995</v>
      </c>
      <c r="X200">
        <v>735.02</v>
      </c>
      <c r="Y200">
        <v>680.88099999999997</v>
      </c>
    </row>
    <row r="201" spans="1:25" x14ac:dyDescent="0.3">
      <c r="A201">
        <v>5.3166666692743698</v>
      </c>
      <c r="B201">
        <v>295.05200000000002</v>
      </c>
      <c r="C201">
        <v>339.24099999999999</v>
      </c>
      <c r="D201">
        <v>432.57900000000001</v>
      </c>
      <c r="E201">
        <v>454.89</v>
      </c>
      <c r="F201">
        <v>531.89800000000002</v>
      </c>
      <c r="G201">
        <v>532.61500000000001</v>
      </c>
      <c r="H201">
        <v>546.66200000000003</v>
      </c>
      <c r="I201">
        <v>515.38499999999999</v>
      </c>
      <c r="J201">
        <v>538.255</v>
      </c>
      <c r="K201">
        <v>507.31</v>
      </c>
      <c r="L201">
        <v>567.83100000000002</v>
      </c>
      <c r="M201">
        <v>572.77</v>
      </c>
      <c r="N201">
        <v>765.86300000000006</v>
      </c>
      <c r="O201">
        <v>746.21600000000001</v>
      </c>
      <c r="P201">
        <v>0</v>
      </c>
      <c r="Q201">
        <v>0</v>
      </c>
      <c r="R201">
        <v>808.01599999999996</v>
      </c>
      <c r="S201">
        <v>0</v>
      </c>
      <c r="T201">
        <v>767.86199999999997</v>
      </c>
      <c r="U201">
        <v>781.97299999999996</v>
      </c>
      <c r="V201">
        <v>774.98</v>
      </c>
      <c r="W201">
        <v>706.99300000000005</v>
      </c>
      <c r="X201">
        <v>736.33600000000001</v>
      </c>
      <c r="Y201">
        <v>689.01900000000001</v>
      </c>
    </row>
    <row r="202" spans="1:25" x14ac:dyDescent="0.3">
      <c r="A202">
        <v>5.3499999999223897</v>
      </c>
      <c r="B202">
        <v>332.49</v>
      </c>
      <c r="C202">
        <v>389.12400000000002</v>
      </c>
      <c r="D202">
        <v>477.61</v>
      </c>
      <c r="E202">
        <v>487.93200000000002</v>
      </c>
      <c r="F202">
        <v>566.94500000000005</v>
      </c>
      <c r="G202">
        <v>566.32799999999997</v>
      </c>
      <c r="H202">
        <v>587.19200000000001</v>
      </c>
      <c r="I202">
        <v>577.79200000000003</v>
      </c>
      <c r="J202">
        <v>619.47299999999996</v>
      </c>
      <c r="K202">
        <v>571.51700000000005</v>
      </c>
      <c r="L202">
        <v>639.65099999999995</v>
      </c>
      <c r="M202">
        <v>625.53899999999999</v>
      </c>
      <c r="N202">
        <v>760.25599999999997</v>
      </c>
      <c r="O202">
        <v>735.77099999999996</v>
      </c>
      <c r="P202">
        <v>0</v>
      </c>
      <c r="Q202">
        <v>0</v>
      </c>
      <c r="R202">
        <v>812.03099999999995</v>
      </c>
      <c r="S202">
        <v>0</v>
      </c>
      <c r="T202">
        <v>789.16200000000003</v>
      </c>
      <c r="U202">
        <v>786.56899999999996</v>
      </c>
      <c r="V202">
        <v>773.99699999999996</v>
      </c>
      <c r="W202">
        <v>717.03099999999995</v>
      </c>
      <c r="X202">
        <v>737.87300000000005</v>
      </c>
      <c r="Y202">
        <v>703.96600000000001</v>
      </c>
    </row>
    <row r="203" spans="1:25" x14ac:dyDescent="0.3">
      <c r="A203">
        <v>5.3666666704850892</v>
      </c>
      <c r="B203">
        <v>409.50299999999999</v>
      </c>
      <c r="C203">
        <v>466.52800000000002</v>
      </c>
      <c r="D203">
        <v>530.529</v>
      </c>
      <c r="E203">
        <v>520.64499999999998</v>
      </c>
      <c r="F203">
        <v>596.96699999999998</v>
      </c>
      <c r="G203">
        <v>592.221</v>
      </c>
      <c r="H203">
        <v>614.69799999999998</v>
      </c>
      <c r="I203">
        <v>604.12300000000005</v>
      </c>
      <c r="J203">
        <v>647.08299999999997</v>
      </c>
      <c r="K203">
        <v>608.005</v>
      </c>
      <c r="L203">
        <v>679.73</v>
      </c>
      <c r="M203">
        <v>663.029</v>
      </c>
      <c r="N203">
        <v>720.03200000000004</v>
      </c>
      <c r="O203">
        <v>713.35199999999998</v>
      </c>
      <c r="P203">
        <v>0</v>
      </c>
      <c r="Q203">
        <v>0</v>
      </c>
      <c r="R203">
        <v>785.68899999999996</v>
      </c>
      <c r="S203">
        <v>0</v>
      </c>
      <c r="T203">
        <v>774.99699999999996</v>
      </c>
      <c r="U203">
        <v>774.35900000000004</v>
      </c>
      <c r="V203">
        <v>763.91700000000003</v>
      </c>
      <c r="W203">
        <v>722.75900000000001</v>
      </c>
      <c r="X203">
        <v>733.755</v>
      </c>
      <c r="Y203">
        <v>705.02099999999996</v>
      </c>
    </row>
    <row r="204" spans="1:25" x14ac:dyDescent="0.3">
      <c r="A204">
        <v>5.4000000011331091</v>
      </c>
      <c r="B204">
        <v>494.8</v>
      </c>
      <c r="C204">
        <v>533.91700000000003</v>
      </c>
      <c r="D204">
        <v>588.66300000000001</v>
      </c>
      <c r="E204">
        <v>566.83000000000004</v>
      </c>
      <c r="F204">
        <v>624.87</v>
      </c>
      <c r="G204">
        <v>625.38900000000001</v>
      </c>
      <c r="H204">
        <v>659.54200000000003</v>
      </c>
      <c r="I204">
        <v>656.52599999999995</v>
      </c>
      <c r="J204">
        <v>698.67</v>
      </c>
      <c r="K204">
        <v>659.35599999999999</v>
      </c>
      <c r="L204">
        <v>728.61099999999999</v>
      </c>
      <c r="M204">
        <v>698.90700000000004</v>
      </c>
      <c r="N204">
        <v>698.53399999999999</v>
      </c>
      <c r="O204">
        <v>701.96100000000001</v>
      </c>
      <c r="P204">
        <v>0</v>
      </c>
      <c r="Q204">
        <v>0</v>
      </c>
      <c r="R204">
        <v>802.07299999999998</v>
      </c>
      <c r="S204">
        <v>0</v>
      </c>
      <c r="T204">
        <v>789.68100000000004</v>
      </c>
      <c r="U204">
        <v>771.20600000000002</v>
      </c>
      <c r="V204">
        <v>761.99300000000005</v>
      </c>
      <c r="W204">
        <v>725.93</v>
      </c>
      <c r="X204">
        <v>728.697</v>
      </c>
      <c r="Y204">
        <v>706.79</v>
      </c>
    </row>
    <row r="205" spans="1:25" x14ac:dyDescent="0.3">
      <c r="A205">
        <v>5.433333331781129</v>
      </c>
      <c r="B205">
        <v>589.24699999999996</v>
      </c>
      <c r="C205">
        <v>584.55499999999995</v>
      </c>
      <c r="D205">
        <v>612.35500000000002</v>
      </c>
      <c r="E205">
        <v>576.79100000000005</v>
      </c>
      <c r="F205">
        <v>631.81399999999996</v>
      </c>
      <c r="G205">
        <v>639.03</v>
      </c>
      <c r="H205">
        <v>672.22699999999998</v>
      </c>
      <c r="I205">
        <v>667.61800000000005</v>
      </c>
      <c r="J205">
        <v>712.70600000000002</v>
      </c>
      <c r="K205">
        <v>684.33199999999999</v>
      </c>
      <c r="L205">
        <v>739.24099999999999</v>
      </c>
      <c r="M205">
        <v>713.67499999999995</v>
      </c>
      <c r="N205">
        <v>679.08699999999999</v>
      </c>
      <c r="O205">
        <v>691.93600000000004</v>
      </c>
      <c r="P205">
        <v>0</v>
      </c>
      <c r="Q205">
        <v>0</v>
      </c>
      <c r="R205">
        <v>806.43399999999997</v>
      </c>
      <c r="S205">
        <v>0</v>
      </c>
      <c r="T205">
        <v>813.66600000000005</v>
      </c>
      <c r="U205">
        <v>780.88400000000001</v>
      </c>
      <c r="V205">
        <v>766.75900000000001</v>
      </c>
      <c r="W205">
        <v>724.73599999999999</v>
      </c>
      <c r="X205">
        <v>720.06600000000003</v>
      </c>
      <c r="Y205">
        <v>693.327</v>
      </c>
    </row>
    <row r="206" spans="1:25" x14ac:dyDescent="0.3">
      <c r="A206">
        <v>5.4500000023438284</v>
      </c>
      <c r="B206">
        <v>656.46</v>
      </c>
      <c r="C206">
        <v>644.41200000000003</v>
      </c>
      <c r="D206">
        <v>639.08199999999999</v>
      </c>
      <c r="E206">
        <v>594.32799999999997</v>
      </c>
      <c r="F206">
        <v>641.06600000000003</v>
      </c>
      <c r="G206">
        <v>661.41300000000001</v>
      </c>
      <c r="H206">
        <v>684.46900000000005</v>
      </c>
      <c r="I206">
        <v>686.56700000000001</v>
      </c>
      <c r="J206">
        <v>723.596</v>
      </c>
      <c r="K206">
        <v>699.94299999999998</v>
      </c>
      <c r="L206">
        <v>749.98800000000006</v>
      </c>
      <c r="M206">
        <v>726.255</v>
      </c>
      <c r="N206">
        <v>671.85699999999997</v>
      </c>
      <c r="O206">
        <v>683.80899999999997</v>
      </c>
      <c r="P206">
        <v>0</v>
      </c>
      <c r="Q206">
        <v>0</v>
      </c>
      <c r="R206">
        <v>785.86300000000006</v>
      </c>
      <c r="S206">
        <v>0</v>
      </c>
      <c r="T206">
        <v>795.71400000000006</v>
      </c>
      <c r="U206">
        <v>772</v>
      </c>
      <c r="V206">
        <v>759.21100000000001</v>
      </c>
      <c r="W206">
        <v>726.97199999999998</v>
      </c>
      <c r="X206">
        <v>718.5</v>
      </c>
      <c r="Y206">
        <v>693.125</v>
      </c>
    </row>
    <row r="207" spans="1:25" x14ac:dyDescent="0.3">
      <c r="A207">
        <v>5.4833333329918483</v>
      </c>
      <c r="B207">
        <v>711.44799999999998</v>
      </c>
      <c r="C207">
        <v>659.03599999999994</v>
      </c>
      <c r="D207">
        <v>657.46900000000005</v>
      </c>
      <c r="E207">
        <v>626.57899999999995</v>
      </c>
      <c r="F207">
        <v>661.27700000000004</v>
      </c>
      <c r="G207">
        <v>687.56399999999996</v>
      </c>
      <c r="H207">
        <v>698.56799999999998</v>
      </c>
      <c r="I207">
        <v>697.02499999999998</v>
      </c>
      <c r="J207">
        <v>721.85599999999999</v>
      </c>
      <c r="K207">
        <v>700.56899999999996</v>
      </c>
      <c r="L207">
        <v>741.77800000000002</v>
      </c>
      <c r="M207">
        <v>718.65200000000004</v>
      </c>
      <c r="N207">
        <v>679.95</v>
      </c>
      <c r="O207">
        <v>686.66800000000001</v>
      </c>
      <c r="P207">
        <v>0</v>
      </c>
      <c r="Q207">
        <v>0</v>
      </c>
      <c r="R207">
        <v>781.351</v>
      </c>
      <c r="S207">
        <v>0</v>
      </c>
      <c r="T207">
        <v>793.51099999999997</v>
      </c>
      <c r="U207">
        <v>771.654</v>
      </c>
      <c r="V207">
        <v>759.00300000000004</v>
      </c>
      <c r="W207">
        <v>727.39800000000002</v>
      </c>
      <c r="X207">
        <v>712.82500000000005</v>
      </c>
      <c r="Y207">
        <v>680.28800000000001</v>
      </c>
    </row>
    <row r="208" spans="1:25" x14ac:dyDescent="0.3">
      <c r="A208">
        <v>5.5000000035545478</v>
      </c>
      <c r="B208">
        <v>719.41800000000001</v>
      </c>
      <c r="C208">
        <v>658.59699999999998</v>
      </c>
      <c r="D208">
        <v>666.18299999999999</v>
      </c>
      <c r="E208">
        <v>631.78</v>
      </c>
      <c r="F208">
        <v>658.46299999999997</v>
      </c>
      <c r="G208">
        <v>681.32</v>
      </c>
      <c r="H208">
        <v>689.81600000000003</v>
      </c>
      <c r="I208">
        <v>686.07399999999996</v>
      </c>
      <c r="J208">
        <v>715.29300000000001</v>
      </c>
      <c r="K208">
        <v>701.24699999999996</v>
      </c>
      <c r="L208">
        <v>738.91600000000005</v>
      </c>
      <c r="M208">
        <v>714.69600000000003</v>
      </c>
      <c r="N208">
        <v>677.66499999999996</v>
      </c>
      <c r="O208">
        <v>685.56700000000001</v>
      </c>
      <c r="P208">
        <v>0</v>
      </c>
      <c r="Q208">
        <v>0</v>
      </c>
      <c r="R208">
        <v>774.46199999999999</v>
      </c>
      <c r="S208">
        <v>0</v>
      </c>
      <c r="T208">
        <v>784.04600000000005</v>
      </c>
      <c r="U208">
        <v>769.30899999999997</v>
      </c>
      <c r="V208">
        <v>760.30799999999999</v>
      </c>
      <c r="W208">
        <v>730.59299999999996</v>
      </c>
      <c r="X208">
        <v>717.21900000000005</v>
      </c>
      <c r="Y208">
        <v>682.16600000000005</v>
      </c>
    </row>
    <row r="209" spans="1:25" x14ac:dyDescent="0.3">
      <c r="A209">
        <v>5.5333333342025677</v>
      </c>
      <c r="B209">
        <v>720.32100000000003</v>
      </c>
      <c r="C209">
        <v>695.803</v>
      </c>
      <c r="D209">
        <v>705.15700000000004</v>
      </c>
      <c r="E209">
        <v>660.95600000000002</v>
      </c>
      <c r="F209">
        <v>677.428</v>
      </c>
      <c r="G209">
        <v>693.17399999999998</v>
      </c>
      <c r="H209">
        <v>692.29200000000003</v>
      </c>
      <c r="I209">
        <v>692.07100000000003</v>
      </c>
      <c r="J209">
        <v>717.54300000000001</v>
      </c>
      <c r="K209">
        <v>709.322</v>
      </c>
      <c r="L209">
        <v>755.73699999999997</v>
      </c>
      <c r="M209">
        <v>728.04700000000003</v>
      </c>
      <c r="N209">
        <v>676.53099999999995</v>
      </c>
      <c r="O209">
        <v>684.41600000000005</v>
      </c>
      <c r="P209">
        <v>0</v>
      </c>
      <c r="Q209">
        <v>0</v>
      </c>
      <c r="R209">
        <v>773.29</v>
      </c>
      <c r="S209">
        <v>0</v>
      </c>
      <c r="T209">
        <v>791.79399999999998</v>
      </c>
      <c r="U209">
        <v>779.01700000000005</v>
      </c>
      <c r="V209">
        <v>768.15499999999997</v>
      </c>
      <c r="W209">
        <v>740.49199999999996</v>
      </c>
      <c r="X209">
        <v>721.75300000000004</v>
      </c>
      <c r="Y209">
        <v>682.38599999999997</v>
      </c>
    </row>
    <row r="210" spans="1:25" x14ac:dyDescent="0.3">
      <c r="A210">
        <v>5.5666666648505876</v>
      </c>
      <c r="B210">
        <v>750.26199999999994</v>
      </c>
      <c r="C210">
        <v>728.23699999999997</v>
      </c>
      <c r="D210">
        <v>742.25900000000001</v>
      </c>
      <c r="E210">
        <v>690.98800000000006</v>
      </c>
      <c r="F210">
        <v>713.06500000000005</v>
      </c>
      <c r="G210">
        <v>729.92899999999997</v>
      </c>
      <c r="H210">
        <v>727.22799999999995</v>
      </c>
      <c r="I210">
        <v>719.21600000000001</v>
      </c>
      <c r="J210">
        <v>740.34</v>
      </c>
      <c r="K210">
        <v>728.04899999999998</v>
      </c>
      <c r="L210">
        <v>765.76099999999997</v>
      </c>
      <c r="M210">
        <v>734.95299999999997</v>
      </c>
      <c r="N210">
        <v>677.59900000000005</v>
      </c>
      <c r="O210">
        <v>685.18</v>
      </c>
      <c r="P210">
        <v>0</v>
      </c>
      <c r="Q210">
        <v>0</v>
      </c>
      <c r="R210">
        <v>766.29600000000005</v>
      </c>
      <c r="S210">
        <v>0</v>
      </c>
      <c r="T210">
        <v>786.96900000000005</v>
      </c>
      <c r="U210">
        <v>778.82899999999995</v>
      </c>
      <c r="V210">
        <v>771.48299999999995</v>
      </c>
      <c r="W210">
        <v>745.39499999999998</v>
      </c>
      <c r="X210">
        <v>721.56799999999998</v>
      </c>
      <c r="Y210">
        <v>683.11599999999999</v>
      </c>
    </row>
    <row r="211" spans="1:25" x14ac:dyDescent="0.3">
      <c r="A211">
        <v>5.583333335413287</v>
      </c>
      <c r="B211">
        <v>773.32500000000005</v>
      </c>
      <c r="C211">
        <v>745.702</v>
      </c>
      <c r="D211">
        <v>732.45600000000002</v>
      </c>
      <c r="E211">
        <v>689.07</v>
      </c>
      <c r="F211">
        <v>712.50199999999995</v>
      </c>
      <c r="G211">
        <v>734.42200000000003</v>
      </c>
      <c r="H211">
        <v>724.85599999999999</v>
      </c>
      <c r="I211">
        <v>716.947</v>
      </c>
      <c r="J211">
        <v>738.35199999999998</v>
      </c>
      <c r="K211">
        <v>729.58500000000004</v>
      </c>
      <c r="L211">
        <v>768.72400000000005</v>
      </c>
      <c r="M211">
        <v>736.07899999999995</v>
      </c>
      <c r="N211">
        <v>689.32399999999996</v>
      </c>
      <c r="O211">
        <v>697.44799999999998</v>
      </c>
      <c r="P211">
        <v>0</v>
      </c>
      <c r="Q211">
        <v>0</v>
      </c>
      <c r="R211">
        <v>799.404</v>
      </c>
      <c r="S211">
        <v>0</v>
      </c>
      <c r="T211">
        <v>813.66600000000005</v>
      </c>
      <c r="U211">
        <v>799.69799999999998</v>
      </c>
      <c r="V211">
        <v>789.97500000000002</v>
      </c>
      <c r="W211">
        <v>757.62800000000004</v>
      </c>
      <c r="X211">
        <v>730.04700000000003</v>
      </c>
      <c r="Y211">
        <v>689.053</v>
      </c>
    </row>
    <row r="212" spans="1:25" x14ac:dyDescent="0.3">
      <c r="A212">
        <v>5.6166666660613069</v>
      </c>
      <c r="B212">
        <v>760.67100000000005</v>
      </c>
      <c r="C212">
        <v>733.774</v>
      </c>
      <c r="D212">
        <v>747.22900000000004</v>
      </c>
      <c r="E212">
        <v>700.16399999999999</v>
      </c>
      <c r="F212">
        <v>731.41600000000005</v>
      </c>
      <c r="G212">
        <v>767.91600000000005</v>
      </c>
      <c r="H212">
        <v>759.88099999999997</v>
      </c>
      <c r="I212">
        <v>759.69200000000001</v>
      </c>
      <c r="J212">
        <v>768.24300000000005</v>
      </c>
      <c r="K212">
        <v>746.49199999999996</v>
      </c>
      <c r="L212">
        <v>775.75699999999995</v>
      </c>
      <c r="M212">
        <v>747.10900000000004</v>
      </c>
      <c r="N212">
        <v>700.58799999999997</v>
      </c>
      <c r="O212">
        <v>710.24199999999996</v>
      </c>
      <c r="P212">
        <v>0</v>
      </c>
      <c r="Q212">
        <v>0</v>
      </c>
      <c r="R212">
        <v>822.55499999999995</v>
      </c>
      <c r="S212">
        <v>0</v>
      </c>
      <c r="T212">
        <v>824.29899999999998</v>
      </c>
      <c r="U212">
        <v>801.03499999999997</v>
      </c>
      <c r="V212">
        <v>783.06299999999999</v>
      </c>
      <c r="W212">
        <v>751.61599999999999</v>
      </c>
      <c r="X212">
        <v>724.125</v>
      </c>
      <c r="Y212">
        <v>689.80100000000004</v>
      </c>
    </row>
    <row r="213" spans="1:25" x14ac:dyDescent="0.3">
      <c r="A213">
        <v>5.6499999967093268</v>
      </c>
      <c r="B213">
        <v>757.23500000000001</v>
      </c>
      <c r="C213">
        <v>767.77800000000002</v>
      </c>
      <c r="D213">
        <v>781.85400000000004</v>
      </c>
      <c r="E213">
        <v>722.93100000000004</v>
      </c>
      <c r="F213">
        <v>725.625</v>
      </c>
      <c r="G213">
        <v>754.02099999999996</v>
      </c>
      <c r="H213">
        <v>751.428</v>
      </c>
      <c r="I213">
        <v>751.68499999999995</v>
      </c>
      <c r="J213">
        <v>766.26099999999997</v>
      </c>
      <c r="K213">
        <v>750.69100000000003</v>
      </c>
      <c r="L213">
        <v>780.62599999999998</v>
      </c>
      <c r="M213">
        <v>754.14200000000005</v>
      </c>
      <c r="N213">
        <v>702.64200000000005</v>
      </c>
      <c r="O213">
        <v>709.86800000000005</v>
      </c>
      <c r="P213">
        <v>0</v>
      </c>
      <c r="Q213">
        <v>0</v>
      </c>
      <c r="R213">
        <v>811.73900000000003</v>
      </c>
      <c r="S213">
        <v>0</v>
      </c>
      <c r="T213">
        <v>817.74300000000005</v>
      </c>
      <c r="U213">
        <v>796.33799999999997</v>
      </c>
      <c r="V213">
        <v>777.17</v>
      </c>
      <c r="W213">
        <v>746.64599999999996</v>
      </c>
      <c r="X213">
        <v>718.80600000000004</v>
      </c>
      <c r="Y213">
        <v>685.18</v>
      </c>
    </row>
    <row r="214" spans="1:25" x14ac:dyDescent="0.3">
      <c r="A214">
        <v>5.6666666672720263</v>
      </c>
      <c r="B214">
        <v>774.87599999999998</v>
      </c>
      <c r="C214">
        <v>788.16</v>
      </c>
      <c r="D214">
        <v>798.24199999999996</v>
      </c>
      <c r="E214">
        <v>737.87400000000002</v>
      </c>
      <c r="F214">
        <v>733.53300000000002</v>
      </c>
      <c r="G214">
        <v>758.72799999999995</v>
      </c>
      <c r="H214">
        <v>757.09500000000003</v>
      </c>
      <c r="I214">
        <v>755.78899999999999</v>
      </c>
      <c r="J214">
        <v>765.19100000000003</v>
      </c>
      <c r="K214">
        <v>756.54499999999996</v>
      </c>
      <c r="L214">
        <v>781.50599999999997</v>
      </c>
      <c r="M214">
        <v>753.76199999999994</v>
      </c>
      <c r="N214">
        <v>706.17700000000002</v>
      </c>
      <c r="O214">
        <v>710.85299999999995</v>
      </c>
      <c r="P214">
        <v>0</v>
      </c>
      <c r="Q214">
        <v>0</v>
      </c>
      <c r="R214">
        <v>799.178</v>
      </c>
      <c r="S214">
        <v>0</v>
      </c>
      <c r="T214">
        <v>805.65200000000004</v>
      </c>
      <c r="U214">
        <v>792.57500000000005</v>
      </c>
      <c r="V214">
        <v>780.29600000000005</v>
      </c>
      <c r="W214">
        <v>749.02700000000004</v>
      </c>
      <c r="X214">
        <v>723.11699999999996</v>
      </c>
      <c r="Y214">
        <v>687.49599999999998</v>
      </c>
    </row>
    <row r="215" spans="1:25" x14ac:dyDescent="0.3">
      <c r="A215">
        <v>5.6999999979200462</v>
      </c>
      <c r="B215">
        <v>771.87800000000004</v>
      </c>
      <c r="C215">
        <v>766.31100000000004</v>
      </c>
      <c r="D215">
        <v>787.62400000000002</v>
      </c>
      <c r="E215">
        <v>730.98599999999999</v>
      </c>
      <c r="F215">
        <v>726.54300000000001</v>
      </c>
      <c r="G215">
        <v>754.00199999999995</v>
      </c>
      <c r="H215">
        <v>756.52800000000002</v>
      </c>
      <c r="I215">
        <v>760.17100000000005</v>
      </c>
      <c r="J215">
        <v>779.29399999999998</v>
      </c>
      <c r="K215">
        <v>767.96500000000003</v>
      </c>
      <c r="L215">
        <v>784.73800000000006</v>
      </c>
      <c r="M215">
        <v>750.87800000000004</v>
      </c>
      <c r="N215">
        <v>704.375</v>
      </c>
      <c r="O215">
        <v>710.61500000000001</v>
      </c>
      <c r="P215">
        <v>0</v>
      </c>
      <c r="Q215">
        <v>0</v>
      </c>
      <c r="R215">
        <v>789.76700000000005</v>
      </c>
      <c r="S215">
        <v>0</v>
      </c>
      <c r="T215">
        <v>792.71299999999997</v>
      </c>
      <c r="U215">
        <v>784.202</v>
      </c>
      <c r="V215">
        <v>773.87699999999995</v>
      </c>
      <c r="W215">
        <v>748.58100000000002</v>
      </c>
      <c r="X215">
        <v>725.52099999999996</v>
      </c>
      <c r="Y215">
        <v>691.02</v>
      </c>
    </row>
    <row r="216" spans="1:25" x14ac:dyDescent="0.3">
      <c r="A216">
        <v>5.7166666684827456</v>
      </c>
      <c r="B216">
        <v>772.07</v>
      </c>
      <c r="C216">
        <v>779.67700000000002</v>
      </c>
      <c r="D216">
        <v>793.75599999999997</v>
      </c>
      <c r="E216">
        <v>737.70600000000002</v>
      </c>
      <c r="F216">
        <v>732.73199999999997</v>
      </c>
      <c r="G216">
        <v>753.76400000000001</v>
      </c>
      <c r="H216">
        <v>747.53800000000001</v>
      </c>
      <c r="I216">
        <v>748.51499999999999</v>
      </c>
      <c r="J216">
        <v>767.02</v>
      </c>
      <c r="K216">
        <v>764.38400000000001</v>
      </c>
      <c r="L216">
        <v>787.28099999999995</v>
      </c>
      <c r="M216">
        <v>754.72699999999998</v>
      </c>
      <c r="N216">
        <v>706.91099999999994</v>
      </c>
      <c r="O216">
        <v>710.94</v>
      </c>
      <c r="P216">
        <v>0</v>
      </c>
      <c r="Q216">
        <v>0</v>
      </c>
      <c r="R216">
        <v>784.18799999999999</v>
      </c>
      <c r="S216">
        <v>0</v>
      </c>
      <c r="T216">
        <v>785.74300000000005</v>
      </c>
      <c r="U216">
        <v>781.49099999999999</v>
      </c>
      <c r="V216">
        <v>774.74099999999999</v>
      </c>
      <c r="W216">
        <v>750.82899999999995</v>
      </c>
      <c r="X216">
        <v>729.48500000000001</v>
      </c>
      <c r="Y216">
        <v>696.56899999999996</v>
      </c>
    </row>
    <row r="217" spans="1:25" x14ac:dyDescent="0.3">
      <c r="A217">
        <v>5.7499999991307655</v>
      </c>
      <c r="B217">
        <v>751.83900000000006</v>
      </c>
      <c r="C217">
        <v>775.75699999999995</v>
      </c>
      <c r="D217">
        <v>787.57399999999996</v>
      </c>
      <c r="E217">
        <v>740.37400000000002</v>
      </c>
      <c r="F217">
        <v>735.02200000000005</v>
      </c>
      <c r="G217">
        <v>749.52499999999998</v>
      </c>
      <c r="H217">
        <v>742.73900000000003</v>
      </c>
      <c r="I217">
        <v>743.596</v>
      </c>
      <c r="J217">
        <v>771.20699999999999</v>
      </c>
      <c r="K217">
        <v>780.17700000000002</v>
      </c>
      <c r="L217">
        <v>796.00800000000004</v>
      </c>
      <c r="M217">
        <v>760.86</v>
      </c>
      <c r="N217">
        <v>709.06899999999996</v>
      </c>
      <c r="O217">
        <v>715.125</v>
      </c>
      <c r="P217">
        <v>0</v>
      </c>
      <c r="Q217">
        <v>0</v>
      </c>
      <c r="R217">
        <v>788.76700000000005</v>
      </c>
      <c r="S217">
        <v>0</v>
      </c>
      <c r="T217">
        <v>799.7</v>
      </c>
      <c r="U217">
        <v>796.14700000000005</v>
      </c>
      <c r="V217">
        <v>788.21400000000006</v>
      </c>
      <c r="W217">
        <v>763.67899999999997</v>
      </c>
      <c r="X217">
        <v>738.93499999999995</v>
      </c>
      <c r="Y217">
        <v>702.25099999999998</v>
      </c>
    </row>
    <row r="218" spans="1:25" x14ac:dyDescent="0.3">
      <c r="A218">
        <v>5.7833333297787854</v>
      </c>
      <c r="B218">
        <v>762.82</v>
      </c>
      <c r="C218">
        <v>767.38199999999995</v>
      </c>
      <c r="D218">
        <v>800.55</v>
      </c>
      <c r="E218">
        <v>750.14300000000003</v>
      </c>
      <c r="F218">
        <v>747.16099999999994</v>
      </c>
      <c r="G218">
        <v>759.48699999999997</v>
      </c>
      <c r="H218">
        <v>747.79499999999996</v>
      </c>
      <c r="I218">
        <v>742.03700000000003</v>
      </c>
      <c r="J218">
        <v>764.745</v>
      </c>
      <c r="K218">
        <v>771.74199999999996</v>
      </c>
      <c r="L218">
        <v>798.64400000000001</v>
      </c>
      <c r="M218">
        <v>764.96900000000005</v>
      </c>
      <c r="N218">
        <v>710.61699999999996</v>
      </c>
      <c r="O218">
        <v>718.62</v>
      </c>
      <c r="P218">
        <v>0</v>
      </c>
      <c r="Q218">
        <v>0</v>
      </c>
      <c r="R218">
        <v>786.625</v>
      </c>
      <c r="S218">
        <v>0</v>
      </c>
      <c r="T218">
        <v>794.44899999999996</v>
      </c>
      <c r="U218">
        <v>789.14800000000002</v>
      </c>
      <c r="V218">
        <v>782.35599999999999</v>
      </c>
      <c r="W218">
        <v>760.27700000000004</v>
      </c>
      <c r="X218">
        <v>736.35500000000002</v>
      </c>
      <c r="Y218">
        <v>700.09699999999998</v>
      </c>
    </row>
    <row r="219" spans="1:25" x14ac:dyDescent="0.3">
      <c r="A219">
        <v>5.8000000003414849</v>
      </c>
      <c r="B219">
        <v>742.14</v>
      </c>
      <c r="C219">
        <v>753.47199999999998</v>
      </c>
      <c r="D219">
        <v>785.89800000000002</v>
      </c>
      <c r="E219">
        <v>741.57399999999996</v>
      </c>
      <c r="F219">
        <v>734.8</v>
      </c>
      <c r="G219">
        <v>754.10799999999995</v>
      </c>
      <c r="H219">
        <v>748.24099999999999</v>
      </c>
      <c r="I219">
        <v>748.80600000000004</v>
      </c>
      <c r="J219">
        <v>769.96699999999998</v>
      </c>
      <c r="K219">
        <v>777.63699999999994</v>
      </c>
      <c r="L219">
        <v>795.09</v>
      </c>
      <c r="M219">
        <v>761.13599999999997</v>
      </c>
      <c r="N219">
        <v>725.59100000000001</v>
      </c>
      <c r="O219">
        <v>733.02200000000005</v>
      </c>
      <c r="P219">
        <v>0</v>
      </c>
      <c r="Q219">
        <v>0</v>
      </c>
      <c r="R219">
        <v>814.67700000000002</v>
      </c>
      <c r="S219">
        <v>0</v>
      </c>
      <c r="T219">
        <v>813.79</v>
      </c>
      <c r="U219">
        <v>800.55</v>
      </c>
      <c r="V219">
        <v>788.50800000000004</v>
      </c>
      <c r="W219">
        <v>764.65899999999999</v>
      </c>
      <c r="X219">
        <v>743.90499999999997</v>
      </c>
      <c r="Y219">
        <v>704.29200000000003</v>
      </c>
    </row>
    <row r="220" spans="1:25" x14ac:dyDescent="0.3">
      <c r="A220">
        <v>5.8333333309895048</v>
      </c>
      <c r="B220">
        <v>729.38</v>
      </c>
      <c r="C220">
        <v>727.72199999999998</v>
      </c>
      <c r="D220">
        <v>766.98299999999995</v>
      </c>
      <c r="E220">
        <v>731.072</v>
      </c>
      <c r="F220">
        <v>719.98</v>
      </c>
      <c r="G220">
        <v>743.49099999999999</v>
      </c>
      <c r="H220">
        <v>740.52599999999995</v>
      </c>
      <c r="I220">
        <v>742.274</v>
      </c>
      <c r="J220">
        <v>766.5</v>
      </c>
      <c r="K220">
        <v>779.48400000000004</v>
      </c>
      <c r="L220">
        <v>808.12</v>
      </c>
      <c r="M220">
        <v>781.54</v>
      </c>
      <c r="N220">
        <v>731.31100000000004</v>
      </c>
      <c r="O220">
        <v>740.11500000000001</v>
      </c>
      <c r="P220">
        <v>0</v>
      </c>
      <c r="Q220">
        <v>0</v>
      </c>
      <c r="R220">
        <v>845.98599999999999</v>
      </c>
      <c r="S220">
        <v>0</v>
      </c>
      <c r="T220">
        <v>841.26599999999996</v>
      </c>
      <c r="U220">
        <v>815.78700000000003</v>
      </c>
      <c r="V220">
        <v>793.71799999999996</v>
      </c>
      <c r="W220">
        <v>765.22500000000002</v>
      </c>
      <c r="X220">
        <v>739.18899999999996</v>
      </c>
      <c r="Y220">
        <v>703.67700000000002</v>
      </c>
    </row>
    <row r="221" spans="1:25" x14ac:dyDescent="0.3">
      <c r="A221">
        <v>5.8500000015522042</v>
      </c>
      <c r="B221">
        <v>719.41800000000001</v>
      </c>
      <c r="C221">
        <v>708.88</v>
      </c>
      <c r="D221">
        <v>754.98199999999997</v>
      </c>
      <c r="E221">
        <v>722.36699999999996</v>
      </c>
      <c r="F221">
        <v>710.63199999999995</v>
      </c>
      <c r="G221">
        <v>734.84900000000005</v>
      </c>
      <c r="H221">
        <v>732.62699999999995</v>
      </c>
      <c r="I221">
        <v>736.54100000000005</v>
      </c>
      <c r="J221">
        <v>768.31</v>
      </c>
      <c r="K221">
        <v>784.84199999999998</v>
      </c>
      <c r="L221">
        <v>804.29600000000005</v>
      </c>
      <c r="M221">
        <v>779.43200000000002</v>
      </c>
      <c r="N221">
        <v>727.29499999999996</v>
      </c>
      <c r="O221">
        <v>738.11300000000006</v>
      </c>
      <c r="P221">
        <v>0</v>
      </c>
      <c r="Q221">
        <v>0</v>
      </c>
      <c r="R221">
        <v>835.12800000000004</v>
      </c>
      <c r="S221">
        <v>0</v>
      </c>
      <c r="T221">
        <v>836.73699999999997</v>
      </c>
      <c r="U221">
        <v>817.54899999999998</v>
      </c>
      <c r="V221">
        <v>798.20799999999997</v>
      </c>
      <c r="W221">
        <v>765.63900000000001</v>
      </c>
      <c r="X221">
        <v>739.00199999999995</v>
      </c>
      <c r="Y221">
        <v>705.58199999999999</v>
      </c>
    </row>
    <row r="222" spans="1:25" x14ac:dyDescent="0.3">
      <c r="A222">
        <v>5.8833333322002241</v>
      </c>
      <c r="B222">
        <v>719.52300000000002</v>
      </c>
      <c r="C222">
        <v>706.07799999999997</v>
      </c>
      <c r="D222">
        <v>751.82299999999998</v>
      </c>
      <c r="E222">
        <v>716.745</v>
      </c>
      <c r="F222">
        <v>704.70100000000002</v>
      </c>
      <c r="G222">
        <v>726.76800000000003</v>
      </c>
      <c r="H222">
        <v>727.43399999999997</v>
      </c>
      <c r="I222">
        <v>727.11</v>
      </c>
      <c r="J222">
        <v>757.37300000000005</v>
      </c>
      <c r="K222">
        <v>790.67100000000005</v>
      </c>
      <c r="L222">
        <v>807.75800000000004</v>
      </c>
      <c r="M222">
        <v>777.10199999999998</v>
      </c>
      <c r="N222">
        <v>725.42100000000005</v>
      </c>
      <c r="O222">
        <v>734.28800000000001</v>
      </c>
      <c r="P222">
        <v>0</v>
      </c>
      <c r="Q222">
        <v>0</v>
      </c>
      <c r="R222">
        <v>823.51499999999999</v>
      </c>
      <c r="S222">
        <v>0</v>
      </c>
      <c r="T222">
        <v>820.41099999999994</v>
      </c>
      <c r="U222">
        <v>808.57500000000005</v>
      </c>
      <c r="V222">
        <v>794.9</v>
      </c>
      <c r="W222">
        <v>767.899</v>
      </c>
      <c r="X222">
        <v>742.31100000000004</v>
      </c>
      <c r="Y222">
        <v>709.64800000000002</v>
      </c>
    </row>
    <row r="223" spans="1:25" x14ac:dyDescent="0.3">
      <c r="A223">
        <v>5.916666673325623</v>
      </c>
      <c r="B223">
        <v>728.04700000000003</v>
      </c>
      <c r="C223">
        <v>718.65200000000004</v>
      </c>
      <c r="D223">
        <v>766.50099999999998</v>
      </c>
      <c r="E223">
        <v>716.96400000000006</v>
      </c>
      <c r="F223">
        <v>704.34100000000001</v>
      </c>
      <c r="G223">
        <v>727.46600000000001</v>
      </c>
      <c r="H223">
        <v>731.00400000000002</v>
      </c>
      <c r="I223">
        <v>731.72199999999998</v>
      </c>
      <c r="J223">
        <v>754.69</v>
      </c>
      <c r="K223">
        <v>792.87</v>
      </c>
      <c r="L223">
        <v>796.423</v>
      </c>
      <c r="M223">
        <v>764.29600000000005</v>
      </c>
      <c r="N223">
        <v>731.12400000000002</v>
      </c>
      <c r="O223">
        <v>735.24199999999996</v>
      </c>
      <c r="P223">
        <v>0</v>
      </c>
      <c r="Q223">
        <v>0</v>
      </c>
      <c r="R223">
        <v>819.60699999999997</v>
      </c>
      <c r="S223">
        <v>0</v>
      </c>
      <c r="T223">
        <v>827.50599999999997</v>
      </c>
      <c r="U223">
        <v>815.47500000000002</v>
      </c>
      <c r="V223">
        <v>797.53200000000004</v>
      </c>
      <c r="W223">
        <v>765.96699999999998</v>
      </c>
      <c r="X223">
        <v>738.64300000000003</v>
      </c>
      <c r="Y223">
        <v>707.79300000000001</v>
      </c>
    </row>
    <row r="224" spans="1:25" x14ac:dyDescent="0.3">
      <c r="A224">
        <v>5.9333333334109435</v>
      </c>
      <c r="B224">
        <v>727.96400000000006</v>
      </c>
      <c r="C224">
        <v>724.80700000000002</v>
      </c>
      <c r="D224">
        <v>777.68899999999996</v>
      </c>
      <c r="E224">
        <v>726.17100000000005</v>
      </c>
      <c r="F224">
        <v>705.346</v>
      </c>
      <c r="G224">
        <v>726.10199999999998</v>
      </c>
      <c r="H224">
        <v>727.75900000000001</v>
      </c>
      <c r="I224">
        <v>729.48500000000001</v>
      </c>
      <c r="J224">
        <v>750.53700000000003</v>
      </c>
      <c r="K224">
        <v>793.58199999999999</v>
      </c>
      <c r="L224">
        <v>797.81100000000004</v>
      </c>
      <c r="M224">
        <v>764.64099999999996</v>
      </c>
      <c r="N224">
        <v>744.96699999999998</v>
      </c>
      <c r="O224">
        <v>749.32</v>
      </c>
      <c r="P224">
        <v>0</v>
      </c>
      <c r="Q224">
        <v>0</v>
      </c>
      <c r="R224">
        <v>846.93600000000004</v>
      </c>
      <c r="S224">
        <v>0</v>
      </c>
      <c r="T224">
        <v>828.24</v>
      </c>
      <c r="U224">
        <v>810.53899999999999</v>
      </c>
      <c r="V224">
        <v>792.29899999999998</v>
      </c>
      <c r="W224">
        <v>763.14599999999996</v>
      </c>
      <c r="X224">
        <v>736.33799999999997</v>
      </c>
      <c r="Y224">
        <v>705.80499999999995</v>
      </c>
    </row>
    <row r="225" spans="1:25" x14ac:dyDescent="0.3">
      <c r="A225">
        <v>5.9666666640589634</v>
      </c>
      <c r="B225">
        <v>722.86500000000001</v>
      </c>
      <c r="C225">
        <v>714.34199999999998</v>
      </c>
      <c r="D225">
        <v>768.58900000000006</v>
      </c>
      <c r="E225">
        <v>726.51199999999994</v>
      </c>
      <c r="F225">
        <v>701.36900000000003</v>
      </c>
      <c r="G225">
        <v>723.99</v>
      </c>
      <c r="H225">
        <v>726.274</v>
      </c>
      <c r="I225">
        <v>729.79300000000001</v>
      </c>
      <c r="J225">
        <v>753.09500000000003</v>
      </c>
      <c r="K225">
        <v>787.43700000000001</v>
      </c>
      <c r="L225">
        <v>801.625</v>
      </c>
      <c r="M225">
        <v>779.072</v>
      </c>
      <c r="N225">
        <v>753.00900000000001</v>
      </c>
      <c r="O225">
        <v>758.64499999999998</v>
      </c>
      <c r="P225">
        <v>0</v>
      </c>
      <c r="Q225">
        <v>0</v>
      </c>
      <c r="R225">
        <v>877.69200000000001</v>
      </c>
      <c r="S225">
        <v>0</v>
      </c>
      <c r="T225">
        <v>844.62099999999998</v>
      </c>
      <c r="U225">
        <v>810.471</v>
      </c>
      <c r="V225">
        <v>788.42200000000003</v>
      </c>
      <c r="W225">
        <v>760.827</v>
      </c>
      <c r="X225">
        <v>732.88699999999994</v>
      </c>
      <c r="Y225">
        <v>705.38099999999997</v>
      </c>
    </row>
    <row r="226" spans="1:25" x14ac:dyDescent="0.3">
      <c r="A226">
        <v>5.9833333346216628</v>
      </c>
      <c r="B226">
        <v>740.30600000000004</v>
      </c>
      <c r="C226">
        <v>708.16899999999998</v>
      </c>
      <c r="D226">
        <v>759.34900000000005</v>
      </c>
      <c r="E226">
        <v>727.36599999999999</v>
      </c>
      <c r="F226">
        <v>700.14700000000005</v>
      </c>
      <c r="G226">
        <v>723.29</v>
      </c>
      <c r="H226">
        <v>726.61400000000003</v>
      </c>
      <c r="I226">
        <v>733.75699999999995</v>
      </c>
      <c r="J226">
        <v>759.86400000000003</v>
      </c>
      <c r="K226">
        <v>793.27</v>
      </c>
      <c r="L226">
        <v>807.16700000000003</v>
      </c>
      <c r="M226">
        <v>785.44899999999996</v>
      </c>
      <c r="N226">
        <v>759.29700000000003</v>
      </c>
      <c r="O226">
        <v>765.09</v>
      </c>
      <c r="P226">
        <v>0</v>
      </c>
      <c r="Q226">
        <v>0</v>
      </c>
      <c r="R226">
        <v>881.80899999999997</v>
      </c>
      <c r="S226">
        <v>0</v>
      </c>
      <c r="T226">
        <v>855.50099999999998</v>
      </c>
      <c r="U226">
        <v>816.76700000000005</v>
      </c>
      <c r="V226">
        <v>793.02700000000004</v>
      </c>
      <c r="W226">
        <v>762.01199999999994</v>
      </c>
      <c r="X226">
        <v>730.25400000000002</v>
      </c>
      <c r="Y226">
        <v>705.19299999999998</v>
      </c>
    </row>
    <row r="227" spans="1:25" x14ac:dyDescent="0.3">
      <c r="A227">
        <v>6.0166666652696827</v>
      </c>
      <c r="B227">
        <v>745.08500000000004</v>
      </c>
      <c r="C227">
        <v>700.50099999999998</v>
      </c>
      <c r="D227">
        <v>744.245</v>
      </c>
      <c r="E227">
        <v>733.12300000000005</v>
      </c>
      <c r="F227">
        <v>721.25900000000001</v>
      </c>
      <c r="G227">
        <v>745.23900000000003</v>
      </c>
      <c r="H227">
        <v>746.52499999999998</v>
      </c>
      <c r="I227">
        <v>755.46299999999997</v>
      </c>
      <c r="J227">
        <v>772.10199999999998</v>
      </c>
      <c r="K227">
        <v>796.76900000000001</v>
      </c>
      <c r="L227">
        <v>810.05</v>
      </c>
      <c r="M227">
        <v>791.36099999999999</v>
      </c>
      <c r="N227">
        <v>760.13699999999994</v>
      </c>
      <c r="O227">
        <v>766.36300000000006</v>
      </c>
      <c r="P227">
        <v>0</v>
      </c>
      <c r="Q227">
        <v>0</v>
      </c>
      <c r="R227">
        <v>863.87599999999998</v>
      </c>
      <c r="S227">
        <v>0</v>
      </c>
      <c r="T227">
        <v>848.42499999999995</v>
      </c>
      <c r="U227">
        <v>816.71199999999999</v>
      </c>
      <c r="V227">
        <v>794.88</v>
      </c>
      <c r="W227">
        <v>769.62</v>
      </c>
      <c r="X227">
        <v>736.57500000000005</v>
      </c>
      <c r="Y227">
        <v>709.73099999999999</v>
      </c>
    </row>
    <row r="228" spans="1:25" x14ac:dyDescent="0.3">
      <c r="A228">
        <v>6.0500000063950816</v>
      </c>
      <c r="B228">
        <v>735.99599999999998</v>
      </c>
      <c r="C228">
        <v>704.95500000000004</v>
      </c>
      <c r="D228">
        <v>737.79</v>
      </c>
      <c r="E228">
        <v>733.51800000000003</v>
      </c>
      <c r="F228">
        <v>733.36400000000003</v>
      </c>
      <c r="G228">
        <v>765.899</v>
      </c>
      <c r="H228">
        <v>771.25900000000001</v>
      </c>
      <c r="I228">
        <v>779.52</v>
      </c>
      <c r="J228">
        <v>796.11199999999997</v>
      </c>
      <c r="K228">
        <v>810.78200000000004</v>
      </c>
      <c r="L228">
        <v>821.03800000000001</v>
      </c>
      <c r="M228">
        <v>799.49199999999996</v>
      </c>
      <c r="N228">
        <v>764.07399999999996</v>
      </c>
      <c r="O228">
        <v>770.70699999999999</v>
      </c>
      <c r="P228">
        <v>0</v>
      </c>
      <c r="Q228">
        <v>0</v>
      </c>
      <c r="R228">
        <v>867.13400000000001</v>
      </c>
      <c r="S228">
        <v>0</v>
      </c>
      <c r="T228">
        <v>851.49699999999996</v>
      </c>
      <c r="U228">
        <v>822.29399999999998</v>
      </c>
      <c r="V228">
        <v>803.04600000000005</v>
      </c>
      <c r="W228">
        <v>776.51499999999999</v>
      </c>
      <c r="X228">
        <v>745.48099999999999</v>
      </c>
      <c r="Y228">
        <v>715.96</v>
      </c>
    </row>
    <row r="229" spans="1:25" x14ac:dyDescent="0.3">
      <c r="A229">
        <v>6.0666666664804021</v>
      </c>
      <c r="B229">
        <v>759.88300000000004</v>
      </c>
      <c r="C229">
        <v>715.70600000000002</v>
      </c>
      <c r="D229">
        <v>746.83699999999999</v>
      </c>
      <c r="E229">
        <v>756.66899999999998</v>
      </c>
      <c r="F229">
        <v>771.89800000000002</v>
      </c>
      <c r="G229">
        <v>806.52499999999998</v>
      </c>
      <c r="H229">
        <v>811.61900000000003</v>
      </c>
      <c r="I229">
        <v>809.82799999999997</v>
      </c>
      <c r="J229">
        <v>821.40599999999995</v>
      </c>
      <c r="K229">
        <v>824.47500000000002</v>
      </c>
      <c r="L229">
        <v>827.40499999999997</v>
      </c>
      <c r="M229">
        <v>804.97799999999995</v>
      </c>
      <c r="N229">
        <v>758.01</v>
      </c>
      <c r="O229">
        <v>769.572</v>
      </c>
      <c r="P229">
        <v>0</v>
      </c>
      <c r="Q229">
        <v>0</v>
      </c>
      <c r="R229">
        <v>859.60299999999995</v>
      </c>
      <c r="S229">
        <v>0</v>
      </c>
      <c r="T229">
        <v>849.84900000000005</v>
      </c>
      <c r="U229">
        <v>824.47500000000002</v>
      </c>
      <c r="V229">
        <v>807.41099999999994</v>
      </c>
      <c r="W229">
        <v>781.87300000000005</v>
      </c>
      <c r="X229">
        <v>751.36099999999999</v>
      </c>
      <c r="Y229">
        <v>721.24599999999998</v>
      </c>
    </row>
    <row r="230" spans="1:25" x14ac:dyDescent="0.3">
      <c r="A230">
        <v>6.099999997128422</v>
      </c>
      <c r="B230">
        <v>771.99900000000002</v>
      </c>
      <c r="C230">
        <v>721.17399999999998</v>
      </c>
      <c r="D230">
        <v>754.60400000000004</v>
      </c>
      <c r="E230">
        <v>772.154</v>
      </c>
      <c r="F230">
        <v>801.88300000000004</v>
      </c>
      <c r="G230">
        <v>844.70600000000002</v>
      </c>
      <c r="H230">
        <v>844.63499999999999</v>
      </c>
      <c r="I230">
        <v>835.18100000000004</v>
      </c>
      <c r="J230">
        <v>841.82799999999997</v>
      </c>
      <c r="K230">
        <v>827.71600000000001</v>
      </c>
      <c r="L230">
        <v>822.31</v>
      </c>
      <c r="M230">
        <v>797.37599999999998</v>
      </c>
      <c r="N230">
        <v>763.83199999999999</v>
      </c>
      <c r="O230">
        <v>769.22400000000005</v>
      </c>
      <c r="P230">
        <v>0</v>
      </c>
      <c r="Q230">
        <v>0</v>
      </c>
      <c r="R230">
        <v>838.76599999999996</v>
      </c>
      <c r="S230">
        <v>0</v>
      </c>
      <c r="T230">
        <v>831.68299999999999</v>
      </c>
      <c r="U230">
        <v>816.52099999999996</v>
      </c>
      <c r="V230">
        <v>801.9</v>
      </c>
      <c r="W230">
        <v>779.45</v>
      </c>
      <c r="X230">
        <v>752.90300000000002</v>
      </c>
      <c r="Y230">
        <v>723.71400000000006</v>
      </c>
    </row>
    <row r="231" spans="1:25" x14ac:dyDescent="0.3">
      <c r="A231">
        <v>6.1166666676911214</v>
      </c>
      <c r="B231">
        <v>783.548</v>
      </c>
      <c r="C231">
        <v>731.63900000000001</v>
      </c>
      <c r="D231">
        <v>765.91700000000003</v>
      </c>
      <c r="E231">
        <v>791</v>
      </c>
      <c r="F231">
        <v>824.09100000000001</v>
      </c>
      <c r="G231">
        <v>853.79600000000005</v>
      </c>
      <c r="H231">
        <v>846.70799999999997</v>
      </c>
      <c r="I231">
        <v>830.68899999999996</v>
      </c>
      <c r="J231">
        <v>833.41700000000003</v>
      </c>
      <c r="K231">
        <v>821.54499999999996</v>
      </c>
      <c r="L231">
        <v>817.84799999999996</v>
      </c>
      <c r="M231">
        <v>793.27099999999996</v>
      </c>
      <c r="N231">
        <v>765.83100000000002</v>
      </c>
      <c r="O231">
        <v>770.77700000000004</v>
      </c>
      <c r="P231">
        <v>0</v>
      </c>
      <c r="Q231">
        <v>0</v>
      </c>
      <c r="R231">
        <v>831.476</v>
      </c>
      <c r="S231">
        <v>0</v>
      </c>
      <c r="T231">
        <v>827.33399999999995</v>
      </c>
      <c r="U231">
        <v>810.36599999999999</v>
      </c>
      <c r="V231">
        <v>796.73699999999997</v>
      </c>
      <c r="W231">
        <v>776.34400000000005</v>
      </c>
      <c r="X231">
        <v>750.58900000000006</v>
      </c>
      <c r="Y231">
        <v>722.89800000000002</v>
      </c>
    </row>
    <row r="232" spans="1:25" x14ac:dyDescent="0.3">
      <c r="A232">
        <v>6.1499999983391413</v>
      </c>
      <c r="B232">
        <v>800.22199999999998</v>
      </c>
      <c r="C232">
        <v>767.19299999999998</v>
      </c>
      <c r="D232">
        <v>787.99099999999999</v>
      </c>
      <c r="E232">
        <v>779.14200000000005</v>
      </c>
      <c r="F232">
        <v>789.21799999999996</v>
      </c>
      <c r="G232">
        <v>820.09799999999996</v>
      </c>
      <c r="H232">
        <v>819.54</v>
      </c>
      <c r="I232">
        <v>822.85400000000004</v>
      </c>
      <c r="J232">
        <v>830.55</v>
      </c>
      <c r="K232">
        <v>813.68700000000001</v>
      </c>
      <c r="L232">
        <v>811.20100000000002</v>
      </c>
      <c r="M232">
        <v>788.94100000000003</v>
      </c>
      <c r="N232">
        <v>769.81299999999999</v>
      </c>
      <c r="O232">
        <v>769.46799999999996</v>
      </c>
      <c r="P232">
        <v>0</v>
      </c>
      <c r="Q232">
        <v>0</v>
      </c>
      <c r="R232">
        <v>822.34799999999996</v>
      </c>
      <c r="S232">
        <v>0</v>
      </c>
      <c r="T232">
        <v>815.70399999999995</v>
      </c>
      <c r="U232">
        <v>799.07799999999997</v>
      </c>
      <c r="V232">
        <v>790.08199999999999</v>
      </c>
      <c r="W232">
        <v>771.65700000000004</v>
      </c>
      <c r="X232">
        <v>749.202</v>
      </c>
      <c r="Y232">
        <v>725.47299999999996</v>
      </c>
    </row>
    <row r="233" spans="1:25" x14ac:dyDescent="0.3">
      <c r="A233">
        <v>6.1833333394645402</v>
      </c>
      <c r="B233">
        <v>800.23800000000006</v>
      </c>
      <c r="C233">
        <v>796.59799999999996</v>
      </c>
      <c r="D233">
        <v>791.78</v>
      </c>
      <c r="E233">
        <v>768.70899999999995</v>
      </c>
      <c r="F233">
        <v>767.19299999999998</v>
      </c>
      <c r="G233">
        <v>797.39599999999996</v>
      </c>
      <c r="H233">
        <v>794.93399999999997</v>
      </c>
      <c r="I233">
        <v>803.84699999999998</v>
      </c>
      <c r="J233">
        <v>836.18</v>
      </c>
      <c r="K233">
        <v>827.05499999999995</v>
      </c>
      <c r="L233">
        <v>821.63199999999995</v>
      </c>
      <c r="M233">
        <v>789.63199999999995</v>
      </c>
      <c r="N233">
        <v>787.471</v>
      </c>
      <c r="O233">
        <v>779.93600000000004</v>
      </c>
      <c r="P233">
        <v>0</v>
      </c>
      <c r="Q233">
        <v>0</v>
      </c>
      <c r="R233">
        <v>831.26599999999996</v>
      </c>
      <c r="S233">
        <v>0</v>
      </c>
      <c r="T233">
        <v>821.31799999999998</v>
      </c>
      <c r="U233">
        <v>805.30700000000002</v>
      </c>
      <c r="V233">
        <v>790.70500000000004</v>
      </c>
      <c r="W233">
        <v>769.65700000000004</v>
      </c>
      <c r="X233">
        <v>749.16600000000005</v>
      </c>
      <c r="Y233">
        <v>730.75</v>
      </c>
    </row>
    <row r="234" spans="1:25" x14ac:dyDescent="0.3">
      <c r="A234">
        <v>6.1999999995498607</v>
      </c>
      <c r="B234">
        <v>783.26900000000001</v>
      </c>
      <c r="C234">
        <v>803.49699999999996</v>
      </c>
      <c r="D234">
        <v>789.31799999999998</v>
      </c>
      <c r="E234">
        <v>762.61199999999997</v>
      </c>
      <c r="F234">
        <v>755.79</v>
      </c>
      <c r="G234">
        <v>782.76800000000003</v>
      </c>
      <c r="H234">
        <v>777.16899999999998</v>
      </c>
      <c r="I234">
        <v>784.47900000000004</v>
      </c>
      <c r="J234">
        <v>818.22900000000004</v>
      </c>
      <c r="K234">
        <v>825.34400000000005</v>
      </c>
      <c r="L234">
        <v>826.86099999999999</v>
      </c>
      <c r="M234">
        <v>793.35500000000002</v>
      </c>
      <c r="N234">
        <v>786.70899999999995</v>
      </c>
      <c r="O234">
        <v>783.78800000000001</v>
      </c>
      <c r="P234">
        <v>0</v>
      </c>
      <c r="Q234">
        <v>0</v>
      </c>
      <c r="R234">
        <v>846.96900000000005</v>
      </c>
      <c r="S234">
        <v>0</v>
      </c>
      <c r="T234">
        <v>829.88199999999995</v>
      </c>
      <c r="U234">
        <v>817.54899999999998</v>
      </c>
      <c r="V234">
        <v>800.375</v>
      </c>
      <c r="W234">
        <v>773.10199999999998</v>
      </c>
      <c r="X234">
        <v>752.02700000000004</v>
      </c>
      <c r="Y234">
        <v>737.77200000000005</v>
      </c>
    </row>
    <row r="235" spans="1:25" x14ac:dyDescent="0.3">
      <c r="A235">
        <v>6.2333333301978806</v>
      </c>
      <c r="B235">
        <v>781.32</v>
      </c>
      <c r="C235">
        <v>807.63699999999994</v>
      </c>
      <c r="D235">
        <v>791.60699999999997</v>
      </c>
      <c r="E235">
        <v>771.38099999999997</v>
      </c>
      <c r="F235">
        <v>750.52099999999996</v>
      </c>
      <c r="G235">
        <v>776.327</v>
      </c>
      <c r="H235">
        <v>774.96600000000001</v>
      </c>
      <c r="I235">
        <v>793.89499999999998</v>
      </c>
      <c r="J235">
        <v>837.58</v>
      </c>
      <c r="K235">
        <v>833.59299999999996</v>
      </c>
      <c r="L235">
        <v>825.76599999999996</v>
      </c>
      <c r="M235">
        <v>789.84</v>
      </c>
      <c r="N235">
        <v>781.71699999999998</v>
      </c>
      <c r="O235">
        <v>784.11900000000003</v>
      </c>
      <c r="P235">
        <v>0</v>
      </c>
      <c r="Q235">
        <v>0</v>
      </c>
      <c r="R235">
        <v>874.33799999999997</v>
      </c>
      <c r="S235">
        <v>0</v>
      </c>
      <c r="T235">
        <v>849.44600000000003</v>
      </c>
      <c r="U235">
        <v>833.78499999999997</v>
      </c>
      <c r="V235">
        <v>812.38300000000004</v>
      </c>
      <c r="W235">
        <v>785.07</v>
      </c>
      <c r="X235">
        <v>762.59799999999996</v>
      </c>
      <c r="Y235">
        <v>743.75199999999995</v>
      </c>
    </row>
    <row r="236" spans="1:25" x14ac:dyDescent="0.3">
      <c r="A236">
        <v>6.2666666713232795</v>
      </c>
      <c r="B236">
        <v>791.45100000000002</v>
      </c>
      <c r="C236">
        <v>805.65599999999995</v>
      </c>
      <c r="D236">
        <v>810.29700000000003</v>
      </c>
      <c r="E236">
        <v>783.79100000000005</v>
      </c>
      <c r="F236">
        <v>762.37400000000002</v>
      </c>
      <c r="G236">
        <v>776.5</v>
      </c>
      <c r="H236">
        <v>772.32899999999995</v>
      </c>
      <c r="I236">
        <v>778.17399999999998</v>
      </c>
      <c r="J236">
        <v>816.87199999999996</v>
      </c>
      <c r="K236">
        <v>835.32399999999996</v>
      </c>
      <c r="L236">
        <v>829.30799999999999</v>
      </c>
      <c r="M236">
        <v>792.97699999999998</v>
      </c>
      <c r="N236">
        <v>775.60400000000004</v>
      </c>
      <c r="O236">
        <v>783.23800000000006</v>
      </c>
      <c r="P236">
        <v>0</v>
      </c>
      <c r="Q236">
        <v>0</v>
      </c>
      <c r="R236">
        <v>879.38699999999994</v>
      </c>
      <c r="S236">
        <v>0</v>
      </c>
      <c r="T236">
        <v>860.78200000000004</v>
      </c>
      <c r="U236">
        <v>836.98599999999999</v>
      </c>
      <c r="V236">
        <v>816.62800000000004</v>
      </c>
      <c r="W236">
        <v>788.85500000000002</v>
      </c>
      <c r="X236">
        <v>762.35699999999997</v>
      </c>
      <c r="Y236">
        <v>740.82100000000003</v>
      </c>
    </row>
    <row r="237" spans="1:25" x14ac:dyDescent="0.3">
      <c r="A237">
        <v>6.2833333314086</v>
      </c>
      <c r="B237">
        <v>799.995</v>
      </c>
      <c r="C237">
        <v>812.53800000000001</v>
      </c>
      <c r="D237">
        <v>813.23400000000004</v>
      </c>
      <c r="E237">
        <v>781.21400000000006</v>
      </c>
      <c r="F237">
        <v>760.053</v>
      </c>
      <c r="G237">
        <v>773.44799999999998</v>
      </c>
      <c r="H237">
        <v>767.33</v>
      </c>
      <c r="I237">
        <v>777.06700000000001</v>
      </c>
      <c r="J237">
        <v>805.08</v>
      </c>
      <c r="K237">
        <v>835.67200000000003</v>
      </c>
      <c r="L237">
        <v>837.33399999999995</v>
      </c>
      <c r="M237">
        <v>803.44600000000003</v>
      </c>
      <c r="N237">
        <v>779.81399999999996</v>
      </c>
      <c r="O237">
        <v>788.59400000000005</v>
      </c>
      <c r="P237">
        <v>0</v>
      </c>
      <c r="Q237">
        <v>0</v>
      </c>
      <c r="R237">
        <v>891.14200000000005</v>
      </c>
      <c r="S237">
        <v>0</v>
      </c>
      <c r="T237">
        <v>858.79200000000003</v>
      </c>
      <c r="U237">
        <v>830.63499999999999</v>
      </c>
      <c r="V237">
        <v>808.76599999999996</v>
      </c>
      <c r="W237">
        <v>785.29300000000001</v>
      </c>
      <c r="X237">
        <v>760.99800000000005</v>
      </c>
      <c r="Y237">
        <v>738.01199999999994</v>
      </c>
    </row>
    <row r="238" spans="1:25" x14ac:dyDescent="0.3">
      <c r="A238">
        <v>6.3166666725339988</v>
      </c>
      <c r="B238">
        <v>800.62</v>
      </c>
      <c r="C238">
        <v>824.71900000000005</v>
      </c>
      <c r="D238">
        <v>829.30700000000002</v>
      </c>
      <c r="E238">
        <v>791.13900000000001</v>
      </c>
      <c r="F238">
        <v>766.88300000000004</v>
      </c>
      <c r="G238">
        <v>779.41800000000001</v>
      </c>
      <c r="H238">
        <v>771.15700000000004</v>
      </c>
      <c r="I238">
        <v>778.76099999999997</v>
      </c>
      <c r="J238">
        <v>807.18499999999995</v>
      </c>
      <c r="K238">
        <v>835.34100000000001</v>
      </c>
      <c r="L238">
        <v>841.86599999999999</v>
      </c>
      <c r="M238">
        <v>810.57500000000005</v>
      </c>
      <c r="N238">
        <v>784.87900000000002</v>
      </c>
      <c r="O238">
        <v>795.36800000000005</v>
      </c>
      <c r="P238">
        <v>0</v>
      </c>
      <c r="Q238">
        <v>0</v>
      </c>
      <c r="R238">
        <v>900.46400000000006</v>
      </c>
      <c r="S238">
        <v>0</v>
      </c>
      <c r="T238">
        <v>860.553</v>
      </c>
      <c r="U238">
        <v>828.74800000000005</v>
      </c>
      <c r="V238">
        <v>806.577</v>
      </c>
      <c r="W238">
        <v>783.22</v>
      </c>
      <c r="X238">
        <v>758.851</v>
      </c>
      <c r="Y238">
        <v>735.84299999999996</v>
      </c>
    </row>
    <row r="239" spans="1:25" x14ac:dyDescent="0.3">
      <c r="A239">
        <v>6.3333333326193193</v>
      </c>
      <c r="B239">
        <v>815.495</v>
      </c>
      <c r="C239">
        <v>827.54399999999998</v>
      </c>
      <c r="D239">
        <v>841.98900000000003</v>
      </c>
      <c r="E239">
        <v>805.96799999999996</v>
      </c>
      <c r="F239">
        <v>776.53399999999999</v>
      </c>
      <c r="G239">
        <v>778.96900000000005</v>
      </c>
      <c r="H239">
        <v>765.19399999999996</v>
      </c>
      <c r="I239">
        <v>773.94899999999996</v>
      </c>
      <c r="J239">
        <v>796.56399999999996</v>
      </c>
      <c r="K239">
        <v>829.41200000000003</v>
      </c>
      <c r="L239">
        <v>835.18399999999997</v>
      </c>
      <c r="M239">
        <v>808.22799999999995</v>
      </c>
      <c r="N239">
        <v>790.04700000000003</v>
      </c>
      <c r="O239">
        <v>800.89700000000005</v>
      </c>
      <c r="P239">
        <v>0</v>
      </c>
      <c r="Q239">
        <v>0</v>
      </c>
      <c r="R239">
        <v>908.62699999999995</v>
      </c>
      <c r="S239">
        <v>0</v>
      </c>
      <c r="T239">
        <v>864.28399999999999</v>
      </c>
      <c r="U239">
        <v>832.38499999999999</v>
      </c>
      <c r="V239">
        <v>812.54</v>
      </c>
      <c r="W239">
        <v>786.17600000000004</v>
      </c>
      <c r="X239">
        <v>759.00599999999997</v>
      </c>
      <c r="Y239">
        <v>736.83399999999995</v>
      </c>
    </row>
    <row r="240" spans="1:25" x14ac:dyDescent="0.3">
      <c r="A240">
        <v>6.3666666632673392</v>
      </c>
      <c r="B240">
        <v>832.29700000000003</v>
      </c>
      <c r="C240">
        <v>832.47199999999998</v>
      </c>
      <c r="D240">
        <v>864.44100000000003</v>
      </c>
      <c r="E240">
        <v>820.88199999999995</v>
      </c>
      <c r="F240">
        <v>783.61699999999996</v>
      </c>
      <c r="G240">
        <v>781.64700000000005</v>
      </c>
      <c r="H240">
        <v>770.20799999999997</v>
      </c>
      <c r="I240">
        <v>771.70699999999999</v>
      </c>
      <c r="J240">
        <v>787.97199999999998</v>
      </c>
      <c r="K240">
        <v>813.07799999999997</v>
      </c>
      <c r="L240">
        <v>831.178</v>
      </c>
      <c r="M240">
        <v>810.279</v>
      </c>
      <c r="N240">
        <v>805.70699999999999</v>
      </c>
      <c r="O240">
        <v>815.05899999999997</v>
      </c>
      <c r="P240">
        <v>0</v>
      </c>
      <c r="Q240">
        <v>0</v>
      </c>
      <c r="R240">
        <v>915.846</v>
      </c>
      <c r="S240">
        <v>0</v>
      </c>
      <c r="T240">
        <v>874.51300000000003</v>
      </c>
      <c r="U240">
        <v>839.48500000000001</v>
      </c>
      <c r="V240">
        <v>820.202</v>
      </c>
      <c r="W240">
        <v>794.17100000000005</v>
      </c>
      <c r="X240">
        <v>766.50300000000004</v>
      </c>
      <c r="Y240">
        <v>741.745</v>
      </c>
    </row>
    <row r="241" spans="1:25" x14ac:dyDescent="0.3">
      <c r="A241">
        <v>6.4000000043927381</v>
      </c>
      <c r="B241">
        <v>846.28800000000001</v>
      </c>
      <c r="C241">
        <v>858.05399999999997</v>
      </c>
      <c r="D241">
        <v>867.62900000000002</v>
      </c>
      <c r="E241">
        <v>817.58699999999999</v>
      </c>
      <c r="F241">
        <v>774.58699999999999</v>
      </c>
      <c r="G241">
        <v>778.31200000000001</v>
      </c>
      <c r="H241">
        <v>772.74300000000005</v>
      </c>
      <c r="I241">
        <v>777.86300000000006</v>
      </c>
      <c r="J241">
        <v>794.71</v>
      </c>
      <c r="K241">
        <v>818.82500000000005</v>
      </c>
      <c r="L241">
        <v>838.54200000000003</v>
      </c>
      <c r="M241">
        <v>816.55899999999997</v>
      </c>
      <c r="N241">
        <v>808.95899999999995</v>
      </c>
      <c r="O241">
        <v>818.54600000000005</v>
      </c>
      <c r="P241">
        <v>0</v>
      </c>
      <c r="Q241">
        <v>0</v>
      </c>
      <c r="R241">
        <v>918.7</v>
      </c>
      <c r="S241">
        <v>0</v>
      </c>
      <c r="T241">
        <v>884.00599999999997</v>
      </c>
      <c r="U241">
        <v>847.53300000000002</v>
      </c>
      <c r="V241">
        <v>826.60299999999995</v>
      </c>
      <c r="W241">
        <v>800.34299999999996</v>
      </c>
      <c r="X241">
        <v>771.08799999999997</v>
      </c>
      <c r="Y241">
        <v>744.48900000000003</v>
      </c>
    </row>
    <row r="242" spans="1:25" x14ac:dyDescent="0.3">
      <c r="A242">
        <v>6.4166666644780586</v>
      </c>
      <c r="B242">
        <v>842.18499999999995</v>
      </c>
      <c r="C242">
        <v>879.23</v>
      </c>
      <c r="D242">
        <v>874.005</v>
      </c>
      <c r="E242">
        <v>813.58500000000004</v>
      </c>
      <c r="F242">
        <v>765.16200000000003</v>
      </c>
      <c r="G242">
        <v>773.00400000000002</v>
      </c>
      <c r="H242">
        <v>768.798</v>
      </c>
      <c r="I242">
        <v>776.69200000000001</v>
      </c>
      <c r="J242">
        <v>801.22900000000004</v>
      </c>
      <c r="K242">
        <v>820.93799999999999</v>
      </c>
      <c r="L242">
        <v>837.44299999999998</v>
      </c>
      <c r="M242">
        <v>817.45</v>
      </c>
      <c r="N242">
        <v>807.95299999999997</v>
      </c>
      <c r="O242">
        <v>819.87400000000002</v>
      </c>
      <c r="P242">
        <v>0</v>
      </c>
      <c r="Q242">
        <v>0</v>
      </c>
      <c r="R242">
        <v>919.30799999999999</v>
      </c>
      <c r="S242">
        <v>0</v>
      </c>
      <c r="T242">
        <v>884.78800000000001</v>
      </c>
      <c r="U242">
        <v>850.67600000000004</v>
      </c>
      <c r="V242">
        <v>830.74400000000003</v>
      </c>
      <c r="W242">
        <v>803.78</v>
      </c>
      <c r="X242">
        <v>772.33100000000002</v>
      </c>
      <c r="Y242">
        <v>747.59299999999996</v>
      </c>
    </row>
    <row r="243" spans="1:25" x14ac:dyDescent="0.3">
      <c r="A243">
        <v>6.4500000056034574</v>
      </c>
      <c r="B243">
        <v>835.02700000000004</v>
      </c>
      <c r="C243">
        <v>890.75400000000002</v>
      </c>
      <c r="D243">
        <v>879.52800000000002</v>
      </c>
      <c r="E243">
        <v>817.86599999999999</v>
      </c>
      <c r="F243">
        <v>767.69299999999998</v>
      </c>
      <c r="G243">
        <v>775.12099999999998</v>
      </c>
      <c r="H243">
        <v>769.17499999999995</v>
      </c>
      <c r="I243">
        <v>777.51700000000005</v>
      </c>
      <c r="J243">
        <v>800.43</v>
      </c>
      <c r="K243">
        <v>820.58699999999999</v>
      </c>
      <c r="L243">
        <v>839.31200000000001</v>
      </c>
      <c r="M243">
        <v>817.04700000000003</v>
      </c>
      <c r="N243">
        <v>815.58199999999999</v>
      </c>
      <c r="O243">
        <v>826.84699999999998</v>
      </c>
      <c r="P243">
        <v>0</v>
      </c>
      <c r="Q243">
        <v>0</v>
      </c>
      <c r="R243">
        <v>926.94200000000001</v>
      </c>
      <c r="S243">
        <v>0</v>
      </c>
      <c r="T243">
        <v>898.97199999999998</v>
      </c>
      <c r="U243">
        <v>866.44899999999996</v>
      </c>
      <c r="V243">
        <v>845.69100000000003</v>
      </c>
      <c r="W243">
        <v>815.91300000000001</v>
      </c>
      <c r="X243">
        <v>782.99599999999998</v>
      </c>
      <c r="Y243">
        <v>755.27700000000004</v>
      </c>
    </row>
    <row r="244" spans="1:25" x14ac:dyDescent="0.3">
      <c r="A244">
        <v>6.4666666656887779</v>
      </c>
      <c r="B244">
        <v>839.101</v>
      </c>
      <c r="C244">
        <v>892.04600000000005</v>
      </c>
      <c r="D244">
        <v>880.995</v>
      </c>
      <c r="E244">
        <v>826.21799999999996</v>
      </c>
      <c r="F244">
        <v>789.476</v>
      </c>
      <c r="G244">
        <v>791.67600000000004</v>
      </c>
      <c r="H244">
        <v>788.26599999999996</v>
      </c>
      <c r="I244">
        <v>792.52499999999998</v>
      </c>
      <c r="J244">
        <v>811.02700000000004</v>
      </c>
      <c r="K244">
        <v>832.08799999999997</v>
      </c>
      <c r="L244">
        <v>846.04100000000005</v>
      </c>
      <c r="M244">
        <v>819.697</v>
      </c>
      <c r="N244">
        <v>806.08900000000006</v>
      </c>
      <c r="O244">
        <v>816.24400000000003</v>
      </c>
      <c r="P244">
        <v>0</v>
      </c>
      <c r="Q244">
        <v>0</v>
      </c>
      <c r="R244">
        <v>894.38699999999994</v>
      </c>
      <c r="S244">
        <v>0</v>
      </c>
      <c r="T244">
        <v>876.54399999999998</v>
      </c>
      <c r="U244">
        <v>853.077</v>
      </c>
      <c r="V244">
        <v>836.72199999999998</v>
      </c>
      <c r="W244">
        <v>814.45100000000002</v>
      </c>
      <c r="X244">
        <v>783.42700000000002</v>
      </c>
      <c r="Y244">
        <v>757.11500000000001</v>
      </c>
    </row>
    <row r="245" spans="1:25" x14ac:dyDescent="0.3">
      <c r="A245">
        <v>6.4999999963367978</v>
      </c>
      <c r="B245">
        <v>845.51599999999996</v>
      </c>
      <c r="C245">
        <v>878.91</v>
      </c>
      <c r="D245">
        <v>882.05799999999999</v>
      </c>
      <c r="E245">
        <v>835.70899999999995</v>
      </c>
      <c r="F245">
        <v>800.34299999999996</v>
      </c>
      <c r="G245">
        <v>796.77300000000002</v>
      </c>
      <c r="H245">
        <v>802.40599999999995</v>
      </c>
      <c r="I245">
        <v>824.63199999999995</v>
      </c>
      <c r="J245">
        <v>841.84900000000005</v>
      </c>
      <c r="K245">
        <v>838.83900000000006</v>
      </c>
      <c r="L245">
        <v>840.09900000000005</v>
      </c>
      <c r="M245">
        <v>811.04499999999996</v>
      </c>
      <c r="N245">
        <v>804.59500000000003</v>
      </c>
      <c r="O245">
        <v>808.87199999999996</v>
      </c>
      <c r="P245">
        <v>0</v>
      </c>
      <c r="Q245">
        <v>0</v>
      </c>
      <c r="R245">
        <v>877.49800000000005</v>
      </c>
      <c r="S245">
        <v>0</v>
      </c>
      <c r="T245">
        <v>864.56600000000003</v>
      </c>
      <c r="U245">
        <v>847.06</v>
      </c>
      <c r="V245">
        <v>833.68</v>
      </c>
      <c r="W245">
        <v>814.01800000000003</v>
      </c>
      <c r="X245">
        <v>784.41300000000001</v>
      </c>
      <c r="Y245">
        <v>758.577</v>
      </c>
    </row>
    <row r="246" spans="1:25" x14ac:dyDescent="0.3">
      <c r="A246">
        <v>6.5333333374621967</v>
      </c>
      <c r="B246">
        <v>856.29700000000003</v>
      </c>
      <c r="C246">
        <v>875.18799999999999</v>
      </c>
      <c r="D246">
        <v>888.52499999999998</v>
      </c>
      <c r="E246">
        <v>839.26099999999997</v>
      </c>
      <c r="F246">
        <v>796.06399999999996</v>
      </c>
      <c r="G246">
        <v>800.71</v>
      </c>
      <c r="H246">
        <v>815.82799999999997</v>
      </c>
      <c r="I246">
        <v>848.02700000000004</v>
      </c>
      <c r="J246">
        <v>856.56100000000004</v>
      </c>
      <c r="K246">
        <v>842.22</v>
      </c>
      <c r="L246">
        <v>834.32899999999995</v>
      </c>
      <c r="M246">
        <v>802.13099999999997</v>
      </c>
      <c r="N246">
        <v>801.28200000000004</v>
      </c>
      <c r="O246">
        <v>803.41499999999996</v>
      </c>
      <c r="P246">
        <v>0</v>
      </c>
      <c r="Q246">
        <v>0</v>
      </c>
      <c r="R246">
        <v>861.50599999999997</v>
      </c>
      <c r="S246">
        <v>0</v>
      </c>
      <c r="T246">
        <v>852.09699999999998</v>
      </c>
      <c r="U246">
        <v>839.13900000000001</v>
      </c>
      <c r="V246">
        <v>828.03499999999997</v>
      </c>
      <c r="W246">
        <v>809.70799999999997</v>
      </c>
      <c r="X246">
        <v>783.46500000000003</v>
      </c>
      <c r="Y246">
        <v>759.36900000000003</v>
      </c>
    </row>
    <row r="247" spans="1:25" x14ac:dyDescent="0.3">
      <c r="A247">
        <v>6.5499999975475172</v>
      </c>
      <c r="B247">
        <v>870.59500000000003</v>
      </c>
      <c r="C247">
        <v>864.79399999999998</v>
      </c>
      <c r="D247">
        <v>902.29399999999998</v>
      </c>
      <c r="E247">
        <v>859.32100000000003</v>
      </c>
      <c r="F247">
        <v>840.72799999999995</v>
      </c>
      <c r="G247">
        <v>851.76099999999997</v>
      </c>
      <c r="H247">
        <v>861.39800000000002</v>
      </c>
      <c r="I247">
        <v>873.93100000000004</v>
      </c>
      <c r="J247">
        <v>867.1</v>
      </c>
      <c r="K247">
        <v>838.99599999999998</v>
      </c>
      <c r="L247">
        <v>823.81200000000001</v>
      </c>
      <c r="M247">
        <v>791.12199999999996</v>
      </c>
      <c r="N247">
        <v>797.79499999999996</v>
      </c>
      <c r="O247">
        <v>799.23400000000004</v>
      </c>
      <c r="P247">
        <v>0</v>
      </c>
      <c r="Q247">
        <v>0</v>
      </c>
      <c r="R247">
        <v>852.95399999999995</v>
      </c>
      <c r="S247">
        <v>0</v>
      </c>
      <c r="T247">
        <v>842.91899999999998</v>
      </c>
      <c r="U247">
        <v>832.12300000000005</v>
      </c>
      <c r="V247">
        <v>822.73099999999999</v>
      </c>
      <c r="W247">
        <v>806.99400000000003</v>
      </c>
      <c r="X247">
        <v>783.09900000000005</v>
      </c>
      <c r="Y247">
        <v>760.07100000000003</v>
      </c>
    </row>
    <row r="248" spans="1:25" x14ac:dyDescent="0.3">
      <c r="A248">
        <v>6.583333338672916</v>
      </c>
      <c r="B248">
        <v>871.31899999999996</v>
      </c>
      <c r="C248">
        <v>855.83699999999999</v>
      </c>
      <c r="D248">
        <v>915.79399999999998</v>
      </c>
      <c r="E248">
        <v>880.35799999999995</v>
      </c>
      <c r="F248">
        <v>872.97799999999995</v>
      </c>
      <c r="G248">
        <v>894.601</v>
      </c>
      <c r="H248">
        <v>906.61300000000006</v>
      </c>
      <c r="I248">
        <v>899.94899999999996</v>
      </c>
      <c r="J248">
        <v>881.65099999999995</v>
      </c>
      <c r="K248">
        <v>851.86699999999996</v>
      </c>
      <c r="L248">
        <v>835.81399999999996</v>
      </c>
      <c r="M248">
        <v>802.77</v>
      </c>
      <c r="N248">
        <v>809.55</v>
      </c>
      <c r="O248">
        <v>808.08900000000006</v>
      </c>
      <c r="P248">
        <v>0</v>
      </c>
      <c r="Q248">
        <v>0</v>
      </c>
      <c r="R248">
        <v>861.27499999999998</v>
      </c>
      <c r="S248">
        <v>0</v>
      </c>
      <c r="T248">
        <v>842.69100000000003</v>
      </c>
      <c r="U248">
        <v>825.01599999999996</v>
      </c>
      <c r="V248">
        <v>814.53899999999999</v>
      </c>
      <c r="W248">
        <v>801.14099999999996</v>
      </c>
      <c r="X248">
        <v>777.10299999999995</v>
      </c>
      <c r="Y248">
        <v>756.85799999999995</v>
      </c>
    </row>
    <row r="249" spans="1:25" x14ac:dyDescent="0.3">
      <c r="A249">
        <v>6.5999999987582365</v>
      </c>
      <c r="B249">
        <v>891.02200000000005</v>
      </c>
      <c r="C249">
        <v>868.95500000000004</v>
      </c>
      <c r="D249">
        <v>923.31299999999999</v>
      </c>
      <c r="E249">
        <v>896.71699999999998</v>
      </c>
      <c r="F249">
        <v>899.80899999999997</v>
      </c>
      <c r="G249">
        <v>914.08399999999995</v>
      </c>
      <c r="H249">
        <v>927.35599999999999</v>
      </c>
      <c r="I249">
        <v>906.81100000000004</v>
      </c>
      <c r="J249">
        <v>889.83500000000004</v>
      </c>
      <c r="K249">
        <v>863.30100000000004</v>
      </c>
      <c r="L249">
        <v>851.67600000000004</v>
      </c>
      <c r="M249">
        <v>818.93200000000002</v>
      </c>
      <c r="N249">
        <v>824.024</v>
      </c>
      <c r="O249">
        <v>822.19299999999998</v>
      </c>
      <c r="P249">
        <v>0</v>
      </c>
      <c r="Q249">
        <v>0</v>
      </c>
      <c r="R249">
        <v>893.11099999999999</v>
      </c>
      <c r="S249">
        <v>0</v>
      </c>
      <c r="T249">
        <v>858.33799999999997</v>
      </c>
      <c r="U249">
        <v>836.27</v>
      </c>
      <c r="V249">
        <v>824.89599999999996</v>
      </c>
      <c r="W249">
        <v>806.005</v>
      </c>
      <c r="X249">
        <v>776.88099999999997</v>
      </c>
      <c r="Y249">
        <v>759.04200000000003</v>
      </c>
    </row>
    <row r="250" spans="1:25" x14ac:dyDescent="0.3">
      <c r="A250">
        <v>6.6333333398836354</v>
      </c>
      <c r="B250">
        <v>914.01099999999997</v>
      </c>
      <c r="C250">
        <v>871.56600000000003</v>
      </c>
      <c r="D250">
        <v>930.98500000000001</v>
      </c>
      <c r="E250">
        <v>909.73299999999995</v>
      </c>
      <c r="F250">
        <v>902.88099999999997</v>
      </c>
      <c r="G250">
        <v>911.55100000000004</v>
      </c>
      <c r="H250">
        <v>917.755</v>
      </c>
      <c r="I250">
        <v>888.93</v>
      </c>
      <c r="J250">
        <v>875.57399999999996</v>
      </c>
      <c r="K250">
        <v>856.101</v>
      </c>
      <c r="L250">
        <v>849.32299999999998</v>
      </c>
      <c r="M250">
        <v>822.01700000000005</v>
      </c>
      <c r="N250">
        <v>818.39</v>
      </c>
      <c r="O250">
        <v>820.22</v>
      </c>
      <c r="P250">
        <v>0</v>
      </c>
      <c r="Q250">
        <v>0</v>
      </c>
      <c r="R250">
        <v>887.38900000000001</v>
      </c>
      <c r="S250">
        <v>0</v>
      </c>
      <c r="T250">
        <v>862.96400000000006</v>
      </c>
      <c r="U250">
        <v>845.077</v>
      </c>
      <c r="V250">
        <v>833.66300000000001</v>
      </c>
      <c r="W250">
        <v>814.678</v>
      </c>
      <c r="X250">
        <v>780.74900000000002</v>
      </c>
      <c r="Y250">
        <v>760.82799999999997</v>
      </c>
    </row>
    <row r="251" spans="1:25" x14ac:dyDescent="0.3">
      <c r="A251">
        <v>6.6666666705316553</v>
      </c>
      <c r="B251">
        <v>932.13199999999995</v>
      </c>
      <c r="C251">
        <v>869.66200000000003</v>
      </c>
      <c r="D251">
        <v>939.81100000000004</v>
      </c>
      <c r="E251">
        <v>923.29600000000005</v>
      </c>
      <c r="F251">
        <v>917.06200000000001</v>
      </c>
      <c r="G251">
        <v>930.14700000000005</v>
      </c>
      <c r="H251">
        <v>921.61500000000001</v>
      </c>
      <c r="I251">
        <v>888.29499999999996</v>
      </c>
      <c r="J251">
        <v>872.57500000000005</v>
      </c>
      <c r="K251">
        <v>854.995</v>
      </c>
      <c r="L251">
        <v>849.78200000000004</v>
      </c>
      <c r="M251">
        <v>824.70500000000004</v>
      </c>
      <c r="N251">
        <v>815.88099999999997</v>
      </c>
      <c r="O251">
        <v>830.93700000000001</v>
      </c>
      <c r="P251">
        <v>0</v>
      </c>
      <c r="Q251">
        <v>0</v>
      </c>
      <c r="R251">
        <v>889.00300000000004</v>
      </c>
      <c r="S251">
        <v>0</v>
      </c>
      <c r="T251">
        <v>865.29</v>
      </c>
      <c r="U251">
        <v>842.04499999999996</v>
      </c>
      <c r="V251">
        <v>829.66</v>
      </c>
      <c r="W251">
        <v>811.69100000000003</v>
      </c>
      <c r="X251">
        <v>780.11199999999997</v>
      </c>
      <c r="Y251">
        <v>760.22900000000004</v>
      </c>
    </row>
    <row r="252" spans="1:25" x14ac:dyDescent="0.3">
      <c r="A252">
        <v>6.6833333306169758</v>
      </c>
      <c r="B252">
        <v>920.53899999999999</v>
      </c>
      <c r="C252">
        <v>892.54300000000001</v>
      </c>
      <c r="D252">
        <v>931.18200000000002</v>
      </c>
      <c r="E252">
        <v>896.78700000000003</v>
      </c>
      <c r="F252">
        <v>879.81100000000004</v>
      </c>
      <c r="G252">
        <v>900.23400000000004</v>
      </c>
      <c r="H252">
        <v>898.95500000000004</v>
      </c>
      <c r="I252">
        <v>881.08500000000004</v>
      </c>
      <c r="J252">
        <v>879.98800000000006</v>
      </c>
      <c r="K252">
        <v>864.02099999999996</v>
      </c>
      <c r="L252">
        <v>855.50300000000004</v>
      </c>
      <c r="M252">
        <v>826.44600000000003</v>
      </c>
      <c r="N252">
        <v>813.375</v>
      </c>
      <c r="O252">
        <v>824.702</v>
      </c>
      <c r="P252">
        <v>0</v>
      </c>
      <c r="Q252">
        <v>0</v>
      </c>
      <c r="R252">
        <v>879.40499999999997</v>
      </c>
      <c r="S252">
        <v>0</v>
      </c>
      <c r="T252">
        <v>850.30600000000004</v>
      </c>
      <c r="U252">
        <v>829.08100000000002</v>
      </c>
      <c r="V252">
        <v>815.18299999999999</v>
      </c>
      <c r="W252">
        <v>802.32</v>
      </c>
      <c r="X252">
        <v>772.10599999999999</v>
      </c>
      <c r="Y252">
        <v>757.25400000000002</v>
      </c>
    </row>
    <row r="253" spans="1:25" x14ac:dyDescent="0.3">
      <c r="A253">
        <v>6.7166666717423746</v>
      </c>
      <c r="B253">
        <v>931.005</v>
      </c>
      <c r="C253">
        <v>910.14499999999998</v>
      </c>
      <c r="D253">
        <v>931.95299999999997</v>
      </c>
      <c r="E253">
        <v>894.24800000000005</v>
      </c>
      <c r="F253">
        <v>858.83100000000002</v>
      </c>
      <c r="G253">
        <v>879.03599999999994</v>
      </c>
      <c r="H253">
        <v>874.51700000000005</v>
      </c>
      <c r="I253">
        <v>873.82799999999997</v>
      </c>
      <c r="J253">
        <v>879.97199999999998</v>
      </c>
      <c r="K253">
        <v>868.63800000000003</v>
      </c>
      <c r="L253">
        <v>855.08199999999999</v>
      </c>
      <c r="M253">
        <v>822.89099999999996</v>
      </c>
      <c r="N253">
        <v>805.01499999999999</v>
      </c>
      <c r="O253">
        <v>813.48099999999999</v>
      </c>
      <c r="P253">
        <v>0</v>
      </c>
      <c r="Q253">
        <v>0</v>
      </c>
      <c r="R253">
        <v>863.35400000000004</v>
      </c>
      <c r="S253">
        <v>0</v>
      </c>
      <c r="T253">
        <v>837.74</v>
      </c>
      <c r="U253">
        <v>812.577</v>
      </c>
      <c r="V253">
        <v>799.06299999999999</v>
      </c>
      <c r="W253">
        <v>790.65599999999995</v>
      </c>
      <c r="X253">
        <v>763.51099999999997</v>
      </c>
      <c r="Y253">
        <v>751.94600000000003</v>
      </c>
    </row>
    <row r="254" spans="1:25" x14ac:dyDescent="0.3">
      <c r="A254">
        <v>6.7333333318276951</v>
      </c>
      <c r="B254">
        <v>961.37099999999998</v>
      </c>
      <c r="C254">
        <v>935.30700000000002</v>
      </c>
      <c r="D254">
        <v>946.90300000000002</v>
      </c>
      <c r="E254">
        <v>905.15899999999999</v>
      </c>
      <c r="F254">
        <v>844.48400000000004</v>
      </c>
      <c r="G254">
        <v>859.76400000000001</v>
      </c>
      <c r="H254">
        <v>858.49699999999996</v>
      </c>
      <c r="I254">
        <v>884.59400000000005</v>
      </c>
      <c r="J254">
        <v>887.76400000000001</v>
      </c>
      <c r="K254">
        <v>864.48099999999999</v>
      </c>
      <c r="L254">
        <v>846.8</v>
      </c>
      <c r="M254">
        <v>812.14300000000003</v>
      </c>
      <c r="N254">
        <v>802.18399999999997</v>
      </c>
      <c r="O254">
        <v>810.16099999999994</v>
      </c>
      <c r="P254">
        <v>0</v>
      </c>
      <c r="Q254">
        <v>0</v>
      </c>
      <c r="R254">
        <v>854.78399999999999</v>
      </c>
      <c r="S254">
        <v>0</v>
      </c>
      <c r="T254">
        <v>821.58399999999995</v>
      </c>
      <c r="U254">
        <v>796.49800000000005</v>
      </c>
      <c r="V254">
        <v>786.35199999999998</v>
      </c>
      <c r="W254">
        <v>782.32500000000005</v>
      </c>
      <c r="X254">
        <v>758.04700000000003</v>
      </c>
      <c r="Y254">
        <v>749.27300000000002</v>
      </c>
    </row>
    <row r="255" spans="1:25" x14ac:dyDescent="0.3">
      <c r="A255">
        <v>6.766666672953094</v>
      </c>
      <c r="B255">
        <v>948.23500000000001</v>
      </c>
      <c r="C255">
        <v>944.04600000000005</v>
      </c>
      <c r="D255">
        <v>942.09</v>
      </c>
      <c r="E255">
        <v>905.51400000000001</v>
      </c>
      <c r="F255">
        <v>839.524</v>
      </c>
      <c r="G255">
        <v>853.43100000000004</v>
      </c>
      <c r="H255">
        <v>857.98699999999997</v>
      </c>
      <c r="I255">
        <v>885.40800000000002</v>
      </c>
      <c r="J255">
        <v>900.45</v>
      </c>
      <c r="K255">
        <v>871.97500000000002</v>
      </c>
      <c r="L255">
        <v>849.36099999999999</v>
      </c>
      <c r="M255">
        <v>813.27300000000002</v>
      </c>
      <c r="N255">
        <v>802.21799999999996</v>
      </c>
      <c r="O255">
        <v>811.98599999999999</v>
      </c>
      <c r="P255">
        <v>0</v>
      </c>
      <c r="Q255">
        <v>0</v>
      </c>
      <c r="R255">
        <v>853.34299999999996</v>
      </c>
      <c r="S255">
        <v>0</v>
      </c>
      <c r="T255">
        <v>821.11199999999997</v>
      </c>
      <c r="U255">
        <v>792.85799999999995</v>
      </c>
      <c r="V255">
        <v>779.69799999999998</v>
      </c>
      <c r="W255">
        <v>778.22799999999995</v>
      </c>
      <c r="X255">
        <v>754.00800000000004</v>
      </c>
      <c r="Y255">
        <v>745.99900000000002</v>
      </c>
    </row>
    <row r="256" spans="1:25" x14ac:dyDescent="0.3">
      <c r="A256">
        <v>6.8000000036011139</v>
      </c>
      <c r="B256">
        <v>917.31100000000004</v>
      </c>
      <c r="C256">
        <v>926.83699999999999</v>
      </c>
      <c r="D256">
        <v>928.125</v>
      </c>
      <c r="E256">
        <v>891.64099999999996</v>
      </c>
      <c r="F256">
        <v>830.95399999999995</v>
      </c>
      <c r="G256">
        <v>844.92100000000005</v>
      </c>
      <c r="H256">
        <v>853.51800000000003</v>
      </c>
      <c r="I256">
        <v>881.26300000000003</v>
      </c>
      <c r="J256">
        <v>901.51499999999999</v>
      </c>
      <c r="K256">
        <v>879.44200000000001</v>
      </c>
      <c r="L256">
        <v>861.62900000000002</v>
      </c>
      <c r="M256">
        <v>826.29100000000005</v>
      </c>
      <c r="N256">
        <v>796.84400000000005</v>
      </c>
      <c r="O256">
        <v>806.75300000000004</v>
      </c>
      <c r="P256">
        <v>0</v>
      </c>
      <c r="Q256">
        <v>0</v>
      </c>
      <c r="R256">
        <v>850.41300000000001</v>
      </c>
      <c r="S256">
        <v>0</v>
      </c>
      <c r="T256">
        <v>827.30200000000002</v>
      </c>
      <c r="U256">
        <v>795.73500000000001</v>
      </c>
      <c r="V256">
        <v>780.45699999999999</v>
      </c>
      <c r="W256">
        <v>777.86500000000001</v>
      </c>
      <c r="X256">
        <v>755.31399999999996</v>
      </c>
      <c r="Y256">
        <v>746.97500000000002</v>
      </c>
    </row>
    <row r="257" spans="1:25" x14ac:dyDescent="0.3">
      <c r="A257">
        <v>6.8166666636864344</v>
      </c>
      <c r="B257">
        <v>920.971</v>
      </c>
      <c r="C257">
        <v>930.32600000000002</v>
      </c>
      <c r="D257">
        <v>931.22</v>
      </c>
      <c r="E257">
        <v>896.07899999999995</v>
      </c>
      <c r="F257">
        <v>838.07299999999998</v>
      </c>
      <c r="G257">
        <v>848.62400000000002</v>
      </c>
      <c r="H257">
        <v>852.04499999999996</v>
      </c>
      <c r="I257">
        <v>880.76800000000003</v>
      </c>
      <c r="J257">
        <v>907.27499999999998</v>
      </c>
      <c r="K257">
        <v>885.01900000000001</v>
      </c>
      <c r="L257">
        <v>862.21</v>
      </c>
      <c r="M257">
        <v>826.20399999999995</v>
      </c>
      <c r="N257">
        <v>799.32299999999998</v>
      </c>
      <c r="O257">
        <v>806.30200000000002</v>
      </c>
      <c r="P257">
        <v>0</v>
      </c>
      <c r="Q257">
        <v>0</v>
      </c>
      <c r="R257">
        <v>852.13300000000004</v>
      </c>
      <c r="S257">
        <v>0</v>
      </c>
      <c r="T257">
        <v>833.15800000000002</v>
      </c>
      <c r="U257">
        <v>805.57100000000003</v>
      </c>
      <c r="V257">
        <v>793.55100000000004</v>
      </c>
      <c r="W257">
        <v>790.84699999999998</v>
      </c>
      <c r="X257">
        <v>770.85</v>
      </c>
      <c r="Y257">
        <v>757.89200000000005</v>
      </c>
    </row>
    <row r="258" spans="1:25" x14ac:dyDescent="0.3">
      <c r="A258">
        <v>6.8500000048118332</v>
      </c>
      <c r="B258">
        <v>942.62800000000004</v>
      </c>
      <c r="C258">
        <v>931.38099999999997</v>
      </c>
      <c r="D258">
        <v>943.84900000000005</v>
      </c>
      <c r="E258">
        <v>917.70399999999995</v>
      </c>
      <c r="F258">
        <v>870.31500000000005</v>
      </c>
      <c r="G258">
        <v>870.54499999999996</v>
      </c>
      <c r="H258">
        <v>864.97299999999996</v>
      </c>
      <c r="I258">
        <v>883.70799999999997</v>
      </c>
      <c r="J258">
        <v>904.19899999999996</v>
      </c>
      <c r="K258">
        <v>881.14</v>
      </c>
      <c r="L258">
        <v>858.12699999999995</v>
      </c>
      <c r="M258">
        <v>822.05399999999997</v>
      </c>
      <c r="N258">
        <v>802.40899999999999</v>
      </c>
      <c r="O258">
        <v>808.80499999999995</v>
      </c>
      <c r="P258">
        <v>0</v>
      </c>
      <c r="Q258">
        <v>0</v>
      </c>
      <c r="R258">
        <v>871.09199999999998</v>
      </c>
      <c r="S258">
        <v>0</v>
      </c>
      <c r="T258">
        <v>852.15</v>
      </c>
      <c r="U258">
        <v>827.96500000000003</v>
      </c>
      <c r="V258">
        <v>812.64700000000005</v>
      </c>
      <c r="W258">
        <v>798.94200000000001</v>
      </c>
      <c r="X258">
        <v>776.27800000000002</v>
      </c>
      <c r="Y258">
        <v>764.11300000000006</v>
      </c>
    </row>
    <row r="259" spans="1:25" x14ac:dyDescent="0.3">
      <c r="A259">
        <v>6.8666666648971537</v>
      </c>
      <c r="B259">
        <v>955.20399999999995</v>
      </c>
      <c r="C259">
        <v>938.66200000000003</v>
      </c>
      <c r="D259">
        <v>954.12400000000002</v>
      </c>
      <c r="E259">
        <v>927.428</v>
      </c>
      <c r="F259">
        <v>877.90700000000004</v>
      </c>
      <c r="G259">
        <v>865.30799999999999</v>
      </c>
      <c r="H259">
        <v>857.68700000000001</v>
      </c>
      <c r="I259">
        <v>871.03899999999999</v>
      </c>
      <c r="J259">
        <v>896.23900000000003</v>
      </c>
      <c r="K259">
        <v>884.94799999999998</v>
      </c>
      <c r="L259">
        <v>861.82299999999998</v>
      </c>
      <c r="M259">
        <v>825.97799999999995</v>
      </c>
      <c r="N259">
        <v>803.60699999999997</v>
      </c>
      <c r="O259">
        <v>809.952</v>
      </c>
      <c r="P259">
        <v>0</v>
      </c>
      <c r="Q259">
        <v>0</v>
      </c>
      <c r="R259">
        <v>868.99099999999999</v>
      </c>
      <c r="S259">
        <v>0</v>
      </c>
      <c r="T259">
        <v>854.44899999999996</v>
      </c>
      <c r="U259">
        <v>833.94500000000005</v>
      </c>
      <c r="V259">
        <v>820.03099999999995</v>
      </c>
      <c r="W259">
        <v>806.02300000000002</v>
      </c>
      <c r="X259">
        <v>779.69799999999998</v>
      </c>
      <c r="Y259">
        <v>763.30499999999995</v>
      </c>
    </row>
    <row r="260" spans="1:25" x14ac:dyDescent="0.3">
      <c r="A260">
        <v>6.9000000060225526</v>
      </c>
      <c r="B260">
        <v>975.69600000000003</v>
      </c>
      <c r="C260">
        <v>967.51700000000005</v>
      </c>
      <c r="D260">
        <v>971.09500000000003</v>
      </c>
      <c r="E260">
        <v>932.51</v>
      </c>
      <c r="F260">
        <v>875.61400000000003</v>
      </c>
      <c r="G260">
        <v>864.11300000000006</v>
      </c>
      <c r="H260">
        <v>861.82500000000005</v>
      </c>
      <c r="I260">
        <v>872.66600000000005</v>
      </c>
      <c r="J260">
        <v>887.85500000000002</v>
      </c>
      <c r="K260">
        <v>882.20500000000004</v>
      </c>
      <c r="L260">
        <v>863.07500000000005</v>
      </c>
      <c r="M260">
        <v>827.30499999999995</v>
      </c>
      <c r="N260">
        <v>802.89599999999996</v>
      </c>
      <c r="O260">
        <v>814.30100000000004</v>
      </c>
      <c r="P260">
        <v>0</v>
      </c>
      <c r="Q260">
        <v>0</v>
      </c>
      <c r="R260">
        <v>866.19</v>
      </c>
      <c r="S260">
        <v>0</v>
      </c>
      <c r="T260">
        <v>852.55600000000004</v>
      </c>
      <c r="U260">
        <v>833.51</v>
      </c>
      <c r="V260">
        <v>820.53899999999999</v>
      </c>
      <c r="W260">
        <v>806.84299999999996</v>
      </c>
      <c r="X260">
        <v>778.35199999999998</v>
      </c>
      <c r="Y260">
        <v>762.37900000000002</v>
      </c>
    </row>
    <row r="261" spans="1:25" x14ac:dyDescent="0.3">
      <c r="A261">
        <v>6.9333333366705725</v>
      </c>
      <c r="B261">
        <v>977.8</v>
      </c>
      <c r="C261">
        <v>972.01700000000005</v>
      </c>
      <c r="D261">
        <v>964.08299999999997</v>
      </c>
      <c r="E261">
        <v>946.04</v>
      </c>
      <c r="F261">
        <v>875.04899999999998</v>
      </c>
      <c r="G261">
        <v>880.64700000000005</v>
      </c>
      <c r="H261">
        <v>891.60900000000004</v>
      </c>
      <c r="I261">
        <v>899.29700000000003</v>
      </c>
      <c r="J261">
        <v>895.495</v>
      </c>
      <c r="K261">
        <v>880.78800000000001</v>
      </c>
      <c r="L261">
        <v>863.49699999999996</v>
      </c>
      <c r="M261">
        <v>829.34799999999996</v>
      </c>
      <c r="N261">
        <v>807.06899999999996</v>
      </c>
      <c r="O261">
        <v>812.66700000000003</v>
      </c>
      <c r="P261">
        <v>0</v>
      </c>
      <c r="Q261">
        <v>0</v>
      </c>
      <c r="R261">
        <v>862.82899999999995</v>
      </c>
      <c r="S261">
        <v>0</v>
      </c>
      <c r="T261">
        <v>850.29300000000001</v>
      </c>
      <c r="U261">
        <v>831.95399999999995</v>
      </c>
      <c r="V261">
        <v>823.34699999999998</v>
      </c>
      <c r="W261">
        <v>812.16200000000003</v>
      </c>
      <c r="X261">
        <v>784.38300000000004</v>
      </c>
      <c r="Y261">
        <v>766.56100000000004</v>
      </c>
    </row>
    <row r="262" spans="1:25" x14ac:dyDescent="0.3">
      <c r="A262">
        <v>6.949999996755893</v>
      </c>
      <c r="B262">
        <v>967.78599999999994</v>
      </c>
      <c r="C262">
        <v>968.00300000000004</v>
      </c>
      <c r="D262">
        <v>972.08699999999999</v>
      </c>
      <c r="E262">
        <v>946.54300000000001</v>
      </c>
      <c r="F262">
        <v>881.548</v>
      </c>
      <c r="G262">
        <v>891.02300000000002</v>
      </c>
      <c r="H262">
        <v>900.94799999999998</v>
      </c>
      <c r="I262">
        <v>911.66099999999994</v>
      </c>
      <c r="J262">
        <v>902.22699999999998</v>
      </c>
      <c r="K262">
        <v>881.28200000000004</v>
      </c>
      <c r="L262">
        <v>858.25099999999998</v>
      </c>
      <c r="M262">
        <v>823.22299999999996</v>
      </c>
      <c r="N262">
        <v>818.846</v>
      </c>
      <c r="O262">
        <v>817.55600000000004</v>
      </c>
      <c r="P262">
        <v>0</v>
      </c>
      <c r="Q262">
        <v>0</v>
      </c>
      <c r="R262">
        <v>860.20399999999995</v>
      </c>
      <c r="S262">
        <v>0</v>
      </c>
      <c r="T262">
        <v>847.74699999999996</v>
      </c>
      <c r="U262">
        <v>833.14099999999996</v>
      </c>
      <c r="V262">
        <v>826.11699999999996</v>
      </c>
      <c r="W262">
        <v>814.40300000000002</v>
      </c>
      <c r="X262">
        <v>787.90700000000004</v>
      </c>
      <c r="Y262">
        <v>769.45399999999995</v>
      </c>
    </row>
    <row r="263" spans="1:25" x14ac:dyDescent="0.3">
      <c r="A263">
        <v>6.9833333378812918</v>
      </c>
      <c r="B263">
        <v>973.22900000000004</v>
      </c>
      <c r="C263">
        <v>962.83699999999999</v>
      </c>
      <c r="D263">
        <v>987.47199999999998</v>
      </c>
      <c r="E263">
        <v>958.77200000000005</v>
      </c>
      <c r="F263">
        <v>895.70799999999997</v>
      </c>
      <c r="G263">
        <v>900.16800000000001</v>
      </c>
      <c r="H263">
        <v>906.13800000000003</v>
      </c>
      <c r="I263">
        <v>914.83600000000001</v>
      </c>
      <c r="J263">
        <v>909.97</v>
      </c>
      <c r="K263">
        <v>886.59699999999998</v>
      </c>
      <c r="L263">
        <v>864.21900000000005</v>
      </c>
      <c r="M263">
        <v>828.17700000000002</v>
      </c>
      <c r="N263">
        <v>826.625</v>
      </c>
      <c r="O263">
        <v>825.14300000000003</v>
      </c>
      <c r="P263">
        <v>0</v>
      </c>
      <c r="Q263">
        <v>0</v>
      </c>
      <c r="R263">
        <v>875.50800000000004</v>
      </c>
      <c r="S263">
        <v>0</v>
      </c>
      <c r="T263">
        <v>858.28800000000001</v>
      </c>
      <c r="U263">
        <v>836.83299999999997</v>
      </c>
      <c r="V263">
        <v>827.82799999999997</v>
      </c>
      <c r="W263">
        <v>816.947</v>
      </c>
      <c r="X263">
        <v>790.95399999999995</v>
      </c>
      <c r="Y263">
        <v>771.78300000000002</v>
      </c>
    </row>
    <row r="264" spans="1:25" x14ac:dyDescent="0.3">
      <c r="A264">
        <v>7.0166666685293118</v>
      </c>
      <c r="B264">
        <v>976.25900000000001</v>
      </c>
      <c r="C264">
        <v>972.21600000000001</v>
      </c>
      <c r="D264">
        <v>981.69899999999996</v>
      </c>
      <c r="E264">
        <v>958.73699999999997</v>
      </c>
      <c r="F264">
        <v>891.52099999999996</v>
      </c>
      <c r="G264">
        <v>891.875</v>
      </c>
      <c r="H264">
        <v>886.33199999999999</v>
      </c>
      <c r="I264">
        <v>895.904</v>
      </c>
      <c r="J264">
        <v>899.45699999999999</v>
      </c>
      <c r="K264">
        <v>887.74900000000002</v>
      </c>
      <c r="L264">
        <v>873.19600000000003</v>
      </c>
      <c r="M264">
        <v>837.48099999999999</v>
      </c>
      <c r="N264">
        <v>825.07299999999998</v>
      </c>
      <c r="O264">
        <v>825.12599999999998</v>
      </c>
      <c r="P264">
        <v>0</v>
      </c>
      <c r="Q264">
        <v>0</v>
      </c>
      <c r="R264">
        <v>870.971</v>
      </c>
      <c r="S264">
        <v>0</v>
      </c>
      <c r="T264">
        <v>858.97500000000002</v>
      </c>
      <c r="U264">
        <v>829.01599999999996</v>
      </c>
      <c r="V264">
        <v>815.69200000000001</v>
      </c>
      <c r="W264">
        <v>807.74699999999996</v>
      </c>
      <c r="X264">
        <v>780.97900000000004</v>
      </c>
      <c r="Y264">
        <v>766.97500000000002</v>
      </c>
    </row>
    <row r="265" spans="1:25" x14ac:dyDescent="0.3">
      <c r="A265">
        <v>7.0333333390920112</v>
      </c>
      <c r="B265">
        <v>953.22400000000005</v>
      </c>
      <c r="C265">
        <v>949.06399999999996</v>
      </c>
      <c r="D265">
        <v>959.34699999999998</v>
      </c>
      <c r="E265">
        <v>933.72799999999995</v>
      </c>
      <c r="F265">
        <v>865.20299999999997</v>
      </c>
      <c r="G265">
        <v>871.88699999999994</v>
      </c>
      <c r="H265">
        <v>866.76900000000001</v>
      </c>
      <c r="I265">
        <v>885.10799999999995</v>
      </c>
      <c r="J265">
        <v>910.98400000000004</v>
      </c>
      <c r="K265">
        <v>898.62</v>
      </c>
      <c r="L265">
        <v>880.62699999999995</v>
      </c>
      <c r="M265">
        <v>844.01099999999997</v>
      </c>
      <c r="N265">
        <v>822.00300000000004</v>
      </c>
      <c r="O265">
        <v>822.90899999999999</v>
      </c>
      <c r="P265">
        <v>0</v>
      </c>
      <c r="Q265">
        <v>0</v>
      </c>
      <c r="R265">
        <v>864.21699999999998</v>
      </c>
      <c r="S265">
        <v>0</v>
      </c>
      <c r="T265">
        <v>847.23900000000003</v>
      </c>
      <c r="U265">
        <v>815.32500000000005</v>
      </c>
      <c r="V265">
        <v>801.005</v>
      </c>
      <c r="W265">
        <v>798.04100000000005</v>
      </c>
      <c r="X265">
        <v>774.98699999999997</v>
      </c>
      <c r="Y265">
        <v>763.28899999999999</v>
      </c>
    </row>
    <row r="266" spans="1:25" x14ac:dyDescent="0.3">
      <c r="A266">
        <v>7.0666666697400311</v>
      </c>
      <c r="B266">
        <v>938.9</v>
      </c>
      <c r="C266">
        <v>914.28499999999997</v>
      </c>
      <c r="D266">
        <v>928.68399999999997</v>
      </c>
      <c r="E266">
        <v>909.9</v>
      </c>
      <c r="F266">
        <v>851.154</v>
      </c>
      <c r="G266">
        <v>867.79499999999996</v>
      </c>
      <c r="H266">
        <v>882.47199999999998</v>
      </c>
      <c r="I266">
        <v>900.06299999999999</v>
      </c>
      <c r="J266">
        <v>909.61500000000001</v>
      </c>
      <c r="K266">
        <v>885.83699999999999</v>
      </c>
      <c r="L266">
        <v>862.12599999999998</v>
      </c>
      <c r="M266">
        <v>827.30700000000002</v>
      </c>
      <c r="N266">
        <v>813.572</v>
      </c>
      <c r="O266">
        <v>818.15200000000004</v>
      </c>
      <c r="P266">
        <v>0</v>
      </c>
      <c r="Q266">
        <v>0</v>
      </c>
      <c r="R266">
        <v>850.97900000000004</v>
      </c>
      <c r="S266">
        <v>0</v>
      </c>
      <c r="T266">
        <v>831.72799999999995</v>
      </c>
      <c r="U266">
        <v>799.43100000000004</v>
      </c>
      <c r="V266">
        <v>786.73599999999999</v>
      </c>
      <c r="W266">
        <v>786.42499999999995</v>
      </c>
      <c r="X266">
        <v>766.49300000000005</v>
      </c>
      <c r="Y266">
        <v>756.52099999999996</v>
      </c>
    </row>
    <row r="267" spans="1:25" x14ac:dyDescent="0.3">
      <c r="A267">
        <v>7.0833333298253516</v>
      </c>
      <c r="B267">
        <v>926.89200000000005</v>
      </c>
      <c r="C267">
        <v>916.65300000000002</v>
      </c>
      <c r="D267">
        <v>920.846</v>
      </c>
      <c r="E267">
        <v>901.16099999999994</v>
      </c>
      <c r="F267">
        <v>847.43100000000004</v>
      </c>
      <c r="G267">
        <v>862.15800000000002</v>
      </c>
      <c r="H267">
        <v>887.72900000000004</v>
      </c>
      <c r="I267">
        <v>919.755</v>
      </c>
      <c r="J267">
        <v>904.55499999999995</v>
      </c>
      <c r="K267">
        <v>876.03599999999994</v>
      </c>
      <c r="L267">
        <v>853.67700000000002</v>
      </c>
      <c r="M267">
        <v>818.70699999999999</v>
      </c>
      <c r="N267">
        <v>810.99599999999998</v>
      </c>
      <c r="O267">
        <v>812.33399999999995</v>
      </c>
      <c r="P267">
        <v>0</v>
      </c>
      <c r="Q267">
        <v>0</v>
      </c>
      <c r="R267">
        <v>842.51900000000001</v>
      </c>
      <c r="S267">
        <v>0</v>
      </c>
      <c r="T267">
        <v>822.83900000000006</v>
      </c>
      <c r="U267">
        <v>791.78399999999999</v>
      </c>
      <c r="V267">
        <v>777.22699999999998</v>
      </c>
      <c r="W267">
        <v>778.97199999999998</v>
      </c>
      <c r="X267">
        <v>759.21600000000001</v>
      </c>
      <c r="Y267">
        <v>751.03800000000001</v>
      </c>
    </row>
    <row r="268" spans="1:25" x14ac:dyDescent="0.3">
      <c r="A268">
        <v>7.1166666709507505</v>
      </c>
      <c r="B268">
        <v>950.93899999999996</v>
      </c>
      <c r="C268">
        <v>944.74800000000005</v>
      </c>
      <c r="D268">
        <v>937.01400000000001</v>
      </c>
      <c r="E268">
        <v>926.78599999999994</v>
      </c>
      <c r="F268">
        <v>883.16099999999994</v>
      </c>
      <c r="G268">
        <v>897.84</v>
      </c>
      <c r="H268">
        <v>918.31299999999999</v>
      </c>
      <c r="I268">
        <v>933.80100000000004</v>
      </c>
      <c r="J268">
        <v>915.88800000000003</v>
      </c>
      <c r="K268">
        <v>879.16300000000001</v>
      </c>
      <c r="L268">
        <v>853.81899999999996</v>
      </c>
      <c r="M268">
        <v>820.95799999999997</v>
      </c>
      <c r="N268">
        <v>808.82500000000005</v>
      </c>
      <c r="O268">
        <v>808.28599999999994</v>
      </c>
      <c r="P268">
        <v>0</v>
      </c>
      <c r="Q268">
        <v>0</v>
      </c>
      <c r="R268">
        <v>836.53599999999994</v>
      </c>
      <c r="S268">
        <v>0</v>
      </c>
      <c r="T268">
        <v>820.01599999999996</v>
      </c>
      <c r="U268">
        <v>790.33</v>
      </c>
      <c r="V268">
        <v>778.24800000000005</v>
      </c>
      <c r="W268">
        <v>782.53399999999999</v>
      </c>
      <c r="X268">
        <v>766.19899999999996</v>
      </c>
      <c r="Y268">
        <v>760.11099999999999</v>
      </c>
    </row>
    <row r="269" spans="1:25" x14ac:dyDescent="0.3">
      <c r="A269">
        <v>7.1500000015987704</v>
      </c>
      <c r="B269">
        <v>970.89700000000005</v>
      </c>
      <c r="C269">
        <v>976.33199999999999</v>
      </c>
      <c r="D269">
        <v>957.72900000000004</v>
      </c>
      <c r="E269">
        <v>939.54499999999996</v>
      </c>
      <c r="F269">
        <v>906.33500000000004</v>
      </c>
      <c r="G269">
        <v>901.73299999999995</v>
      </c>
      <c r="H269">
        <v>906.13900000000001</v>
      </c>
      <c r="I269">
        <v>910.54100000000005</v>
      </c>
      <c r="J269">
        <v>902.51400000000001</v>
      </c>
      <c r="K269">
        <v>884.20799999999997</v>
      </c>
      <c r="L269">
        <v>859.57399999999996</v>
      </c>
      <c r="M269">
        <v>824.74300000000005</v>
      </c>
      <c r="N269">
        <v>811.53800000000001</v>
      </c>
      <c r="O269">
        <v>809.43399999999997</v>
      </c>
      <c r="P269">
        <v>0</v>
      </c>
      <c r="Q269">
        <v>0</v>
      </c>
      <c r="R269">
        <v>844.46900000000005</v>
      </c>
      <c r="S269">
        <v>0</v>
      </c>
      <c r="T269">
        <v>832.21699999999998</v>
      </c>
      <c r="U269">
        <v>809.452</v>
      </c>
      <c r="V269">
        <v>799.08399999999995</v>
      </c>
      <c r="W269">
        <v>795.87800000000004</v>
      </c>
      <c r="X269">
        <v>778.02499999999998</v>
      </c>
      <c r="Y269">
        <v>769.25</v>
      </c>
    </row>
    <row r="270" spans="1:25" x14ac:dyDescent="0.3">
      <c r="A270">
        <v>7.1666666721614698</v>
      </c>
      <c r="B270">
        <v>986.10699999999997</v>
      </c>
      <c r="C270">
        <v>989.00099999999998</v>
      </c>
      <c r="D270">
        <v>972.18</v>
      </c>
      <c r="E270">
        <v>942.14700000000005</v>
      </c>
      <c r="F270">
        <v>900.84299999999996</v>
      </c>
      <c r="G270">
        <v>888.88199999999995</v>
      </c>
      <c r="H270">
        <v>883.64</v>
      </c>
      <c r="I270">
        <v>885.67700000000002</v>
      </c>
      <c r="J270">
        <v>889.04200000000003</v>
      </c>
      <c r="K270">
        <v>881.95799999999997</v>
      </c>
      <c r="L270">
        <v>859.48500000000001</v>
      </c>
      <c r="M270">
        <v>826.99199999999996</v>
      </c>
      <c r="N270">
        <v>815.93600000000004</v>
      </c>
      <c r="O270">
        <v>814.92700000000002</v>
      </c>
      <c r="P270">
        <v>0</v>
      </c>
      <c r="Q270">
        <v>0</v>
      </c>
      <c r="R270">
        <v>853.94299999999998</v>
      </c>
      <c r="S270">
        <v>0</v>
      </c>
      <c r="T270">
        <v>841.90700000000004</v>
      </c>
      <c r="U270">
        <v>824.32399999999996</v>
      </c>
      <c r="V270">
        <v>816.529</v>
      </c>
      <c r="W270">
        <v>809.38099999999997</v>
      </c>
      <c r="X270">
        <v>784.93700000000001</v>
      </c>
      <c r="Y270">
        <v>771.26599999999996</v>
      </c>
    </row>
    <row r="271" spans="1:25" x14ac:dyDescent="0.3">
      <c r="A271">
        <v>7.2000000028094897</v>
      </c>
      <c r="B271">
        <v>1008.713</v>
      </c>
      <c r="C271">
        <v>1003.342</v>
      </c>
      <c r="D271">
        <v>987.76400000000001</v>
      </c>
      <c r="E271">
        <v>964.91600000000005</v>
      </c>
      <c r="F271">
        <v>915.47900000000004</v>
      </c>
      <c r="G271">
        <v>898.89</v>
      </c>
      <c r="H271">
        <v>884.774</v>
      </c>
      <c r="I271">
        <v>880.93100000000004</v>
      </c>
      <c r="J271">
        <v>880.38199999999995</v>
      </c>
      <c r="K271">
        <v>881.28499999999997</v>
      </c>
      <c r="L271">
        <v>864.48400000000004</v>
      </c>
      <c r="M271">
        <v>832.899</v>
      </c>
      <c r="N271">
        <v>824.58600000000001</v>
      </c>
      <c r="O271">
        <v>832.58500000000004</v>
      </c>
      <c r="P271">
        <v>0</v>
      </c>
      <c r="Q271">
        <v>0</v>
      </c>
      <c r="R271">
        <v>876.14499999999998</v>
      </c>
      <c r="S271">
        <v>0</v>
      </c>
      <c r="T271">
        <v>855.61400000000003</v>
      </c>
      <c r="U271">
        <v>831.53499999999997</v>
      </c>
      <c r="V271">
        <v>817.40200000000004</v>
      </c>
      <c r="W271">
        <v>809.12099999999998</v>
      </c>
      <c r="X271">
        <v>785.31799999999998</v>
      </c>
      <c r="Y271">
        <v>770.11199999999997</v>
      </c>
    </row>
    <row r="272" spans="1:25" x14ac:dyDescent="0.3">
      <c r="A272">
        <v>7.2166666733721891</v>
      </c>
      <c r="B272">
        <v>981.28499999999997</v>
      </c>
      <c r="C272">
        <v>984.13300000000004</v>
      </c>
      <c r="D272">
        <v>971.279</v>
      </c>
      <c r="E272">
        <v>942.27499999999998</v>
      </c>
      <c r="F272">
        <v>885.34299999999996</v>
      </c>
      <c r="G272">
        <v>885.37900000000002</v>
      </c>
      <c r="H272">
        <v>877.59500000000003</v>
      </c>
      <c r="I272">
        <v>883.48400000000004</v>
      </c>
      <c r="J272">
        <v>892.76400000000001</v>
      </c>
      <c r="K272">
        <v>895.28499999999997</v>
      </c>
      <c r="L272">
        <v>876.077</v>
      </c>
      <c r="M272">
        <v>837.65899999999999</v>
      </c>
      <c r="N272">
        <v>825.14599999999996</v>
      </c>
      <c r="O272">
        <v>832.67399999999998</v>
      </c>
      <c r="P272">
        <v>0</v>
      </c>
      <c r="Q272">
        <v>0</v>
      </c>
      <c r="R272">
        <v>884.31600000000003</v>
      </c>
      <c r="S272">
        <v>0</v>
      </c>
      <c r="T272">
        <v>865.08500000000004</v>
      </c>
      <c r="U272">
        <v>835.77</v>
      </c>
      <c r="V272">
        <v>818.78200000000004</v>
      </c>
      <c r="W272">
        <v>810.79300000000001</v>
      </c>
      <c r="X272">
        <v>780.93</v>
      </c>
      <c r="Y272">
        <v>767.47699999999998</v>
      </c>
    </row>
    <row r="273" spans="1:25" x14ac:dyDescent="0.3">
      <c r="A273">
        <v>7.2500000040202091</v>
      </c>
      <c r="B273">
        <v>948.61699999999996</v>
      </c>
      <c r="C273">
        <v>954.75800000000004</v>
      </c>
      <c r="D273">
        <v>957.02700000000004</v>
      </c>
      <c r="E273">
        <v>918.47400000000005</v>
      </c>
      <c r="F273">
        <v>856.91700000000003</v>
      </c>
      <c r="G273">
        <v>864.02700000000004</v>
      </c>
      <c r="H273">
        <v>853.34699999999998</v>
      </c>
      <c r="I273">
        <v>864.22</v>
      </c>
      <c r="J273">
        <v>883.19799999999998</v>
      </c>
      <c r="K273">
        <v>887.66099999999994</v>
      </c>
      <c r="L273">
        <v>871.94299999999998</v>
      </c>
      <c r="M273">
        <v>838.12900000000002</v>
      </c>
      <c r="N273">
        <v>815.34500000000003</v>
      </c>
      <c r="O273">
        <v>825.82399999999996</v>
      </c>
      <c r="P273">
        <v>0</v>
      </c>
      <c r="Q273">
        <v>0</v>
      </c>
      <c r="R273">
        <v>882.47199999999998</v>
      </c>
      <c r="S273">
        <v>0</v>
      </c>
      <c r="T273">
        <v>863.97400000000005</v>
      </c>
      <c r="U273">
        <v>828.75400000000002</v>
      </c>
      <c r="V273">
        <v>804.63599999999997</v>
      </c>
      <c r="W273">
        <v>799.39599999999996</v>
      </c>
      <c r="X273">
        <v>772.43899999999996</v>
      </c>
      <c r="Y273">
        <v>763.89300000000003</v>
      </c>
    </row>
    <row r="274" spans="1:25" x14ac:dyDescent="0.3">
      <c r="A274">
        <v>7.283333334668229</v>
      </c>
      <c r="B274">
        <v>918.08299999999997</v>
      </c>
      <c r="C274">
        <v>918.43899999999996</v>
      </c>
      <c r="D274">
        <v>925.64400000000001</v>
      </c>
      <c r="E274">
        <v>899.726</v>
      </c>
      <c r="F274">
        <v>844.48800000000006</v>
      </c>
      <c r="G274">
        <v>854.471</v>
      </c>
      <c r="H274">
        <v>846.97900000000004</v>
      </c>
      <c r="I274">
        <v>861.59900000000005</v>
      </c>
      <c r="J274">
        <v>891.505</v>
      </c>
      <c r="K274">
        <v>898.89099999999996</v>
      </c>
      <c r="L274">
        <v>877.57600000000002</v>
      </c>
      <c r="M274">
        <v>840.33299999999997</v>
      </c>
      <c r="N274">
        <v>806.91399999999999</v>
      </c>
      <c r="O274">
        <v>821.11699999999996</v>
      </c>
      <c r="P274">
        <v>0</v>
      </c>
      <c r="Q274">
        <v>0</v>
      </c>
      <c r="R274">
        <v>884.01400000000001</v>
      </c>
      <c r="S274">
        <v>0</v>
      </c>
      <c r="T274">
        <v>866.01599999999996</v>
      </c>
      <c r="U274">
        <v>823.24400000000003</v>
      </c>
      <c r="V274">
        <v>802.63800000000003</v>
      </c>
      <c r="W274">
        <v>797.28200000000004</v>
      </c>
      <c r="X274">
        <v>772.31899999999996</v>
      </c>
      <c r="Y274">
        <v>767.49300000000005</v>
      </c>
    </row>
    <row r="275" spans="1:25" x14ac:dyDescent="0.3">
      <c r="A275">
        <v>7.3000000052309284</v>
      </c>
      <c r="B275">
        <v>918.69100000000003</v>
      </c>
      <c r="C275">
        <v>910.50900000000001</v>
      </c>
      <c r="D275">
        <v>909.90300000000002</v>
      </c>
      <c r="E275">
        <v>892.375</v>
      </c>
      <c r="F275">
        <v>840.66800000000001</v>
      </c>
      <c r="G275">
        <v>851.91099999999994</v>
      </c>
      <c r="H275">
        <v>846.22699999999998</v>
      </c>
      <c r="I275">
        <v>861.51300000000003</v>
      </c>
      <c r="J275">
        <v>893.24300000000005</v>
      </c>
      <c r="K275">
        <v>906.37300000000005</v>
      </c>
      <c r="L275">
        <v>888.03599999999994</v>
      </c>
      <c r="M275">
        <v>853.57799999999997</v>
      </c>
      <c r="N275">
        <v>799.971</v>
      </c>
      <c r="O275">
        <v>816.16700000000003</v>
      </c>
      <c r="P275">
        <v>0</v>
      </c>
      <c r="Q275">
        <v>0</v>
      </c>
      <c r="R275">
        <v>876.16600000000005</v>
      </c>
      <c r="S275">
        <v>0</v>
      </c>
      <c r="T275">
        <v>853.73599999999999</v>
      </c>
      <c r="U275">
        <v>808.42899999999997</v>
      </c>
      <c r="V275">
        <v>792.17100000000005</v>
      </c>
      <c r="W275">
        <v>791.84199999999998</v>
      </c>
      <c r="X275">
        <v>771.44200000000001</v>
      </c>
      <c r="Y275">
        <v>766.77200000000005</v>
      </c>
    </row>
    <row r="276" spans="1:25" x14ac:dyDescent="0.3">
      <c r="A276">
        <v>7.3333333358789483</v>
      </c>
      <c r="B276">
        <v>929.15200000000004</v>
      </c>
      <c r="C276">
        <v>899.83500000000004</v>
      </c>
      <c r="D276">
        <v>902.447</v>
      </c>
      <c r="E276">
        <v>890.99400000000003</v>
      </c>
      <c r="F276">
        <v>844.77099999999996</v>
      </c>
      <c r="G276">
        <v>854.08699999999999</v>
      </c>
      <c r="H276">
        <v>845.29700000000003</v>
      </c>
      <c r="I276">
        <v>855.40599999999995</v>
      </c>
      <c r="J276">
        <v>886.46</v>
      </c>
      <c r="K276">
        <v>905.05899999999997</v>
      </c>
      <c r="L276">
        <v>888.76199999999994</v>
      </c>
      <c r="M276">
        <v>849.91099999999994</v>
      </c>
      <c r="N276">
        <v>798.94899999999996</v>
      </c>
      <c r="O276">
        <v>815.24400000000003</v>
      </c>
      <c r="P276">
        <v>0</v>
      </c>
      <c r="Q276">
        <v>0</v>
      </c>
      <c r="R276">
        <v>881.25300000000004</v>
      </c>
      <c r="S276">
        <v>0</v>
      </c>
      <c r="T276">
        <v>861.16099999999994</v>
      </c>
      <c r="U276">
        <v>813.54</v>
      </c>
      <c r="V276">
        <v>793.85299999999995</v>
      </c>
      <c r="W276">
        <v>786.42700000000002</v>
      </c>
      <c r="X276">
        <v>761.79899999999998</v>
      </c>
      <c r="Y276">
        <v>759.37599999999998</v>
      </c>
    </row>
    <row r="277" spans="1:25" x14ac:dyDescent="0.3">
      <c r="A277">
        <v>7.3500000064416477</v>
      </c>
      <c r="B277">
        <v>939.58199999999999</v>
      </c>
      <c r="C277">
        <v>920.01</v>
      </c>
      <c r="D277">
        <v>912.45</v>
      </c>
      <c r="E277">
        <v>889.43299999999999</v>
      </c>
      <c r="F277">
        <v>838.25199999999995</v>
      </c>
      <c r="G277">
        <v>846.36500000000001</v>
      </c>
      <c r="H277">
        <v>834.54399999999998</v>
      </c>
      <c r="I277">
        <v>843.90899999999999</v>
      </c>
      <c r="J277">
        <v>867.01900000000001</v>
      </c>
      <c r="K277">
        <v>897.75300000000004</v>
      </c>
      <c r="L277">
        <v>890.10599999999999</v>
      </c>
      <c r="M277">
        <v>857.65700000000004</v>
      </c>
      <c r="N277">
        <v>801.61599999999999</v>
      </c>
      <c r="O277">
        <v>821.01199999999994</v>
      </c>
      <c r="P277">
        <v>0</v>
      </c>
      <c r="Q277">
        <v>0</v>
      </c>
      <c r="R277">
        <v>901.16499999999996</v>
      </c>
      <c r="S277">
        <v>0</v>
      </c>
      <c r="T277">
        <v>884.846</v>
      </c>
      <c r="U277">
        <v>846.97900000000004</v>
      </c>
      <c r="V277">
        <v>822.024</v>
      </c>
      <c r="W277">
        <v>800.47199999999998</v>
      </c>
      <c r="X277">
        <v>769.56100000000004</v>
      </c>
      <c r="Y277">
        <v>760.49099999999999</v>
      </c>
    </row>
    <row r="278" spans="1:25" x14ac:dyDescent="0.3">
      <c r="A278">
        <v>7.3833333370896677</v>
      </c>
      <c r="B278">
        <v>953.28499999999997</v>
      </c>
      <c r="C278">
        <v>942.68899999999996</v>
      </c>
      <c r="D278">
        <v>923.07100000000003</v>
      </c>
      <c r="E278">
        <v>904.13499999999999</v>
      </c>
      <c r="F278">
        <v>855.44200000000001</v>
      </c>
      <c r="G278">
        <v>848.40300000000002</v>
      </c>
      <c r="H278">
        <v>832.78</v>
      </c>
      <c r="I278">
        <v>840.63300000000004</v>
      </c>
      <c r="J278">
        <v>851.68399999999997</v>
      </c>
      <c r="K278">
        <v>881.73199999999997</v>
      </c>
      <c r="L278">
        <v>892.41099999999994</v>
      </c>
      <c r="M278">
        <v>869.42200000000003</v>
      </c>
      <c r="N278">
        <v>807.75099999999998</v>
      </c>
      <c r="O278">
        <v>826.03700000000003</v>
      </c>
      <c r="P278">
        <v>0</v>
      </c>
      <c r="Q278">
        <v>0</v>
      </c>
      <c r="R278">
        <v>910.93700000000001</v>
      </c>
      <c r="S278">
        <v>0</v>
      </c>
      <c r="T278">
        <v>892.74699999999996</v>
      </c>
      <c r="U278">
        <v>849.73599999999999</v>
      </c>
      <c r="V278">
        <v>824.71199999999999</v>
      </c>
      <c r="W278">
        <v>806.11699999999996</v>
      </c>
      <c r="X278">
        <v>775.82</v>
      </c>
      <c r="Y278">
        <v>764.85900000000004</v>
      </c>
    </row>
    <row r="279" spans="1:25" x14ac:dyDescent="0.3">
      <c r="A279">
        <v>7.4166666677376876</v>
      </c>
      <c r="B279">
        <v>962.24400000000003</v>
      </c>
      <c r="C279">
        <v>936.98199999999997</v>
      </c>
      <c r="D279">
        <v>933.10500000000002</v>
      </c>
      <c r="E279">
        <v>923.49900000000002</v>
      </c>
      <c r="F279">
        <v>871.452</v>
      </c>
      <c r="G279">
        <v>865.75400000000002</v>
      </c>
      <c r="H279">
        <v>849.43700000000001</v>
      </c>
      <c r="I279">
        <v>848.47199999999998</v>
      </c>
      <c r="J279">
        <v>852.01599999999996</v>
      </c>
      <c r="K279">
        <v>873.30499999999995</v>
      </c>
      <c r="L279">
        <v>884.79499999999996</v>
      </c>
      <c r="M279">
        <v>864.62800000000004</v>
      </c>
      <c r="N279">
        <v>820.14200000000005</v>
      </c>
      <c r="O279">
        <v>835.43799999999999</v>
      </c>
      <c r="P279">
        <v>0</v>
      </c>
      <c r="Q279">
        <v>0</v>
      </c>
      <c r="R279">
        <v>925.53800000000001</v>
      </c>
      <c r="S279">
        <v>0</v>
      </c>
      <c r="T279">
        <v>898.30600000000004</v>
      </c>
      <c r="U279">
        <v>859.78800000000001</v>
      </c>
      <c r="V279">
        <v>832.30700000000002</v>
      </c>
      <c r="W279">
        <v>808.89800000000002</v>
      </c>
      <c r="X279">
        <v>775.80200000000002</v>
      </c>
      <c r="Y279">
        <v>764.17</v>
      </c>
    </row>
    <row r="280" spans="1:25" x14ac:dyDescent="0.3">
      <c r="A280">
        <v>7.433333338300387</v>
      </c>
      <c r="B280">
        <v>952.149</v>
      </c>
      <c r="C280">
        <v>931.87</v>
      </c>
      <c r="D280">
        <v>918.74400000000003</v>
      </c>
      <c r="E280">
        <v>903.72500000000002</v>
      </c>
      <c r="F280">
        <v>846.77</v>
      </c>
      <c r="G280">
        <v>847.49</v>
      </c>
      <c r="H280">
        <v>839.63499999999999</v>
      </c>
      <c r="I280">
        <v>844.78800000000001</v>
      </c>
      <c r="J280">
        <v>856.90200000000004</v>
      </c>
      <c r="K280">
        <v>883.16499999999996</v>
      </c>
      <c r="L280">
        <v>890.69200000000001</v>
      </c>
      <c r="M280">
        <v>864.01199999999994</v>
      </c>
      <c r="N280">
        <v>838.23599999999999</v>
      </c>
      <c r="O280">
        <v>848.84100000000001</v>
      </c>
      <c r="P280">
        <v>0</v>
      </c>
      <c r="Q280">
        <v>0</v>
      </c>
      <c r="R280">
        <v>929.29499999999996</v>
      </c>
      <c r="S280">
        <v>0</v>
      </c>
      <c r="T280">
        <v>901.00699999999995</v>
      </c>
      <c r="U280">
        <v>870.16300000000001</v>
      </c>
      <c r="V280">
        <v>846.68299999999999</v>
      </c>
      <c r="W280">
        <v>824.57100000000003</v>
      </c>
      <c r="X280">
        <v>789.15700000000004</v>
      </c>
      <c r="Y280">
        <v>773.99199999999996</v>
      </c>
    </row>
    <row r="281" spans="1:25" x14ac:dyDescent="0.3">
      <c r="A281">
        <v>7.4666666689484069</v>
      </c>
      <c r="B281">
        <v>964.52300000000002</v>
      </c>
      <c r="C281">
        <v>941.721</v>
      </c>
      <c r="D281">
        <v>931.01300000000003</v>
      </c>
      <c r="E281">
        <v>903.47799999999995</v>
      </c>
      <c r="F281">
        <v>839.09400000000005</v>
      </c>
      <c r="G281">
        <v>839.11199999999997</v>
      </c>
      <c r="H281">
        <v>830.96199999999999</v>
      </c>
      <c r="I281">
        <v>838.78</v>
      </c>
      <c r="J281">
        <v>849.03499999999997</v>
      </c>
      <c r="K281">
        <v>877.50800000000004</v>
      </c>
      <c r="L281">
        <v>883.29100000000005</v>
      </c>
      <c r="M281">
        <v>858.68</v>
      </c>
      <c r="N281">
        <v>846.21</v>
      </c>
      <c r="O281">
        <v>852.12300000000005</v>
      </c>
      <c r="P281">
        <v>0</v>
      </c>
      <c r="Q281">
        <v>0</v>
      </c>
      <c r="R281">
        <v>919.81600000000003</v>
      </c>
      <c r="S281">
        <v>0</v>
      </c>
      <c r="T281">
        <v>896.51300000000003</v>
      </c>
      <c r="U281">
        <v>862.04200000000003</v>
      </c>
      <c r="V281">
        <v>839.53200000000004</v>
      </c>
      <c r="W281">
        <v>821.81700000000001</v>
      </c>
      <c r="X281">
        <v>795.15300000000002</v>
      </c>
      <c r="Y281">
        <v>781.98599999999999</v>
      </c>
    </row>
    <row r="282" spans="1:25" x14ac:dyDescent="0.3">
      <c r="A282">
        <v>7.4833333395111064</v>
      </c>
      <c r="B282">
        <v>957.71400000000006</v>
      </c>
      <c r="C282">
        <v>944.03499999999997</v>
      </c>
      <c r="D282">
        <v>924.09</v>
      </c>
      <c r="E282">
        <v>890.62099999999998</v>
      </c>
      <c r="F282">
        <v>830.33100000000002</v>
      </c>
      <c r="G282">
        <v>832.30700000000002</v>
      </c>
      <c r="H282">
        <v>828.32</v>
      </c>
      <c r="I282">
        <v>838.74300000000005</v>
      </c>
      <c r="J282">
        <v>859.80600000000004</v>
      </c>
      <c r="K282">
        <v>885.45</v>
      </c>
      <c r="L282">
        <v>883.87400000000002</v>
      </c>
      <c r="M282">
        <v>855.03599999999994</v>
      </c>
      <c r="N282">
        <v>852.56</v>
      </c>
      <c r="O282">
        <v>854.01599999999996</v>
      </c>
      <c r="P282">
        <v>0</v>
      </c>
      <c r="Q282">
        <v>0</v>
      </c>
      <c r="R282">
        <v>909.84900000000005</v>
      </c>
      <c r="S282">
        <v>0</v>
      </c>
      <c r="T282">
        <v>888.88599999999997</v>
      </c>
      <c r="U282">
        <v>855.846</v>
      </c>
      <c r="V282">
        <v>832.65700000000004</v>
      </c>
      <c r="W282">
        <v>818.73</v>
      </c>
      <c r="X282">
        <v>794.94399999999996</v>
      </c>
      <c r="Y282">
        <v>780.77499999999998</v>
      </c>
    </row>
    <row r="283" spans="1:25" x14ac:dyDescent="0.3">
      <c r="A283">
        <v>7.5166666701591263</v>
      </c>
      <c r="B283">
        <v>960.02200000000005</v>
      </c>
      <c r="C283">
        <v>945.72199999999998</v>
      </c>
      <c r="D283">
        <v>937.75400000000002</v>
      </c>
      <c r="E283">
        <v>898.68</v>
      </c>
      <c r="F283">
        <v>835.98099999999999</v>
      </c>
      <c r="G283">
        <v>838.01</v>
      </c>
      <c r="H283">
        <v>836.59299999999996</v>
      </c>
      <c r="I283">
        <v>853.45600000000002</v>
      </c>
      <c r="J283">
        <v>883.11300000000006</v>
      </c>
      <c r="K283">
        <v>891.56100000000004</v>
      </c>
      <c r="L283">
        <v>881.60799999999995</v>
      </c>
      <c r="M283">
        <v>849.38499999999999</v>
      </c>
      <c r="N283">
        <v>856.30399999999997</v>
      </c>
      <c r="O283">
        <v>859.57799999999997</v>
      </c>
      <c r="P283">
        <v>0</v>
      </c>
      <c r="Q283">
        <v>0</v>
      </c>
      <c r="R283">
        <v>904.57899999999995</v>
      </c>
      <c r="S283">
        <v>0</v>
      </c>
      <c r="T283">
        <v>882.31600000000003</v>
      </c>
      <c r="U283">
        <v>847.84199999999998</v>
      </c>
      <c r="V283">
        <v>825.13</v>
      </c>
      <c r="W283">
        <v>813.48800000000006</v>
      </c>
      <c r="X283">
        <v>790.35199999999998</v>
      </c>
      <c r="Y283">
        <v>778.63300000000004</v>
      </c>
    </row>
    <row r="284" spans="1:25" x14ac:dyDescent="0.3">
      <c r="A284">
        <v>7.5500000008071462</v>
      </c>
      <c r="B284">
        <v>965.42600000000004</v>
      </c>
      <c r="C284">
        <v>951.64599999999996</v>
      </c>
      <c r="D284">
        <v>928.50900000000001</v>
      </c>
      <c r="E284">
        <v>888.63900000000001</v>
      </c>
      <c r="F284">
        <v>834.495</v>
      </c>
      <c r="G284">
        <v>838.95500000000004</v>
      </c>
      <c r="H284">
        <v>839.322</v>
      </c>
      <c r="I284">
        <v>860.22900000000004</v>
      </c>
      <c r="J284">
        <v>890.67600000000004</v>
      </c>
      <c r="K284">
        <v>886.58500000000004</v>
      </c>
      <c r="L284">
        <v>872.26499999999999</v>
      </c>
      <c r="M284">
        <v>841.10599999999999</v>
      </c>
      <c r="N284">
        <v>855.40700000000004</v>
      </c>
      <c r="O284">
        <v>861.197</v>
      </c>
      <c r="P284">
        <v>0</v>
      </c>
      <c r="Q284">
        <v>0</v>
      </c>
      <c r="R284">
        <v>922.62400000000002</v>
      </c>
      <c r="S284">
        <v>0</v>
      </c>
      <c r="T284">
        <v>894.06100000000004</v>
      </c>
      <c r="U284">
        <v>859.15599999999995</v>
      </c>
      <c r="V284">
        <v>833.97</v>
      </c>
      <c r="W284">
        <v>817.63199999999995</v>
      </c>
      <c r="X284">
        <v>793.68</v>
      </c>
      <c r="Y284">
        <v>785.91</v>
      </c>
    </row>
    <row r="285" spans="1:25" x14ac:dyDescent="0.3">
      <c r="A285">
        <v>7.5666666713698456</v>
      </c>
      <c r="B285">
        <v>959.49800000000005</v>
      </c>
      <c r="C285">
        <v>951.35799999999995</v>
      </c>
      <c r="D285">
        <v>927.61400000000003</v>
      </c>
      <c r="E285">
        <v>896.08600000000001</v>
      </c>
      <c r="F285">
        <v>846.91200000000003</v>
      </c>
      <c r="G285">
        <v>848.43799999999999</v>
      </c>
      <c r="H285">
        <v>847.947</v>
      </c>
      <c r="I285">
        <v>861.32</v>
      </c>
      <c r="J285">
        <v>884.47699999999998</v>
      </c>
      <c r="K285">
        <v>897.24099999999999</v>
      </c>
      <c r="L285">
        <v>882.58199999999999</v>
      </c>
      <c r="M285">
        <v>849.78899999999999</v>
      </c>
      <c r="N285">
        <v>848.50800000000004</v>
      </c>
      <c r="O285">
        <v>855.19500000000005</v>
      </c>
      <c r="P285">
        <v>0</v>
      </c>
      <c r="Q285">
        <v>0</v>
      </c>
      <c r="R285">
        <v>926.12900000000002</v>
      </c>
      <c r="S285">
        <v>0</v>
      </c>
      <c r="T285">
        <v>903.47799999999995</v>
      </c>
      <c r="U285">
        <v>868.91</v>
      </c>
      <c r="V285">
        <v>844.17499999999995</v>
      </c>
      <c r="W285">
        <v>823.822</v>
      </c>
      <c r="X285">
        <v>793.38499999999999</v>
      </c>
      <c r="Y285">
        <v>783.04</v>
      </c>
    </row>
    <row r="286" spans="1:25" x14ac:dyDescent="0.3">
      <c r="A286">
        <v>7.6000000020178655</v>
      </c>
      <c r="B286">
        <v>964.10699999999997</v>
      </c>
      <c r="C286">
        <v>946.89300000000003</v>
      </c>
      <c r="D286">
        <v>941.00300000000004</v>
      </c>
      <c r="E286">
        <v>902.60799999999995</v>
      </c>
      <c r="F286">
        <v>851.79</v>
      </c>
      <c r="G286">
        <v>854.01800000000003</v>
      </c>
      <c r="H286">
        <v>850.84299999999996</v>
      </c>
      <c r="I286">
        <v>863.67899999999997</v>
      </c>
      <c r="J286">
        <v>888.76400000000001</v>
      </c>
      <c r="K286">
        <v>905.77099999999996</v>
      </c>
      <c r="L286">
        <v>893.81200000000001</v>
      </c>
      <c r="M286">
        <v>858.89200000000005</v>
      </c>
      <c r="N286">
        <v>840.59900000000005</v>
      </c>
      <c r="O286">
        <v>848.93</v>
      </c>
      <c r="P286">
        <v>0</v>
      </c>
      <c r="Q286">
        <v>0</v>
      </c>
      <c r="R286">
        <v>915.03800000000001</v>
      </c>
      <c r="S286">
        <v>0</v>
      </c>
      <c r="T286">
        <v>902.44799999999998</v>
      </c>
      <c r="U286">
        <v>871.03</v>
      </c>
      <c r="V286">
        <v>847.15800000000002</v>
      </c>
      <c r="W286">
        <v>826.36900000000003</v>
      </c>
      <c r="X286">
        <v>795.13699999999994</v>
      </c>
      <c r="Y286">
        <v>781.84799999999996</v>
      </c>
    </row>
    <row r="287" spans="1:25" x14ac:dyDescent="0.3">
      <c r="A287">
        <v>7.6333333326658854</v>
      </c>
      <c r="B287">
        <v>973.78099999999995</v>
      </c>
      <c r="C287">
        <v>945.72500000000002</v>
      </c>
      <c r="D287">
        <v>941.149</v>
      </c>
      <c r="E287">
        <v>899.02</v>
      </c>
      <c r="F287">
        <v>846.70399999999995</v>
      </c>
      <c r="G287">
        <v>849.33600000000001</v>
      </c>
      <c r="H287">
        <v>841.58100000000002</v>
      </c>
      <c r="I287">
        <v>853.125</v>
      </c>
      <c r="J287">
        <v>873.55600000000004</v>
      </c>
      <c r="K287">
        <v>894.50699999999995</v>
      </c>
      <c r="L287">
        <v>891.01499999999999</v>
      </c>
      <c r="M287">
        <v>860.44299999999998</v>
      </c>
      <c r="N287">
        <v>841.45799999999997</v>
      </c>
      <c r="O287">
        <v>846.93200000000002</v>
      </c>
      <c r="P287">
        <v>0</v>
      </c>
      <c r="Q287">
        <v>0</v>
      </c>
      <c r="R287">
        <v>903.92499999999995</v>
      </c>
      <c r="S287">
        <v>0</v>
      </c>
      <c r="T287">
        <v>895.46699999999998</v>
      </c>
      <c r="U287">
        <v>871.94899999999996</v>
      </c>
      <c r="V287">
        <v>850.80899999999997</v>
      </c>
      <c r="W287">
        <v>831.34900000000005</v>
      </c>
      <c r="X287">
        <v>798.84799999999996</v>
      </c>
      <c r="Y287">
        <v>784.47699999999998</v>
      </c>
    </row>
    <row r="288" spans="1:25" x14ac:dyDescent="0.3">
      <c r="A288">
        <v>7.6500000032285849</v>
      </c>
      <c r="B288">
        <v>949.48599999999999</v>
      </c>
      <c r="C288">
        <v>942.529</v>
      </c>
      <c r="D288">
        <v>921.08600000000001</v>
      </c>
      <c r="E288">
        <v>879.96299999999997</v>
      </c>
      <c r="F288">
        <v>834.35500000000002</v>
      </c>
      <c r="G288">
        <v>839.51499999999999</v>
      </c>
      <c r="H288">
        <v>835.40499999999997</v>
      </c>
      <c r="I288">
        <v>848.45600000000002</v>
      </c>
      <c r="J288">
        <v>869.61699999999996</v>
      </c>
      <c r="K288">
        <v>892.94299999999998</v>
      </c>
      <c r="L288">
        <v>887.63</v>
      </c>
      <c r="M288">
        <v>857.07899999999995</v>
      </c>
      <c r="N288">
        <v>849.91300000000001</v>
      </c>
      <c r="O288">
        <v>856.851</v>
      </c>
      <c r="P288">
        <v>0</v>
      </c>
      <c r="Q288">
        <v>0</v>
      </c>
      <c r="R288">
        <v>918.71100000000001</v>
      </c>
      <c r="S288">
        <v>0</v>
      </c>
      <c r="T288">
        <v>907.62199999999996</v>
      </c>
      <c r="U288">
        <v>884.53099999999995</v>
      </c>
      <c r="V288">
        <v>866.98800000000006</v>
      </c>
      <c r="W288">
        <v>848.31600000000003</v>
      </c>
      <c r="X288">
        <v>813.87199999999996</v>
      </c>
      <c r="Y288">
        <v>796.36699999999996</v>
      </c>
    </row>
    <row r="289" spans="1:25" x14ac:dyDescent="0.3">
      <c r="A289">
        <v>7.6833333338766048</v>
      </c>
      <c r="B289">
        <v>953.774</v>
      </c>
      <c r="C289">
        <v>950.04600000000005</v>
      </c>
      <c r="D289">
        <v>928.20699999999999</v>
      </c>
      <c r="E289">
        <v>886.62199999999996</v>
      </c>
      <c r="F289">
        <v>829.44299999999998</v>
      </c>
      <c r="G289">
        <v>835.03899999999999</v>
      </c>
      <c r="H289">
        <v>833.11500000000001</v>
      </c>
      <c r="I289">
        <v>847.58100000000002</v>
      </c>
      <c r="J289">
        <v>876.61</v>
      </c>
      <c r="K289">
        <v>894.84500000000003</v>
      </c>
      <c r="L289">
        <v>883.13400000000001</v>
      </c>
      <c r="M289">
        <v>852.80899999999997</v>
      </c>
      <c r="N289">
        <v>847.178</v>
      </c>
      <c r="O289">
        <v>855.779</v>
      </c>
      <c r="P289">
        <v>0</v>
      </c>
      <c r="Q289">
        <v>0</v>
      </c>
      <c r="R289">
        <v>930.85400000000004</v>
      </c>
      <c r="S289">
        <v>0</v>
      </c>
      <c r="T289">
        <v>916.78700000000003</v>
      </c>
      <c r="U289">
        <v>892.18299999999999</v>
      </c>
      <c r="V289">
        <v>876.89300000000003</v>
      </c>
      <c r="W289">
        <v>858.947</v>
      </c>
      <c r="X289">
        <v>825.74300000000005</v>
      </c>
      <c r="Y289">
        <v>805.96400000000006</v>
      </c>
    </row>
    <row r="290" spans="1:25" x14ac:dyDescent="0.3">
      <c r="A290">
        <v>7.7000000044393042</v>
      </c>
      <c r="B290">
        <v>962.06899999999996</v>
      </c>
      <c r="C290">
        <v>958.49300000000005</v>
      </c>
      <c r="D290">
        <v>925.77599999999995</v>
      </c>
      <c r="E290">
        <v>886.64099999999996</v>
      </c>
      <c r="F290">
        <v>835.14499999999998</v>
      </c>
      <c r="G290">
        <v>839.93700000000001</v>
      </c>
      <c r="H290">
        <v>840.21699999999998</v>
      </c>
      <c r="I290">
        <v>853.14400000000001</v>
      </c>
      <c r="J290">
        <v>880.072</v>
      </c>
      <c r="K290">
        <v>904.58299999999997</v>
      </c>
      <c r="L290">
        <v>891.72400000000005</v>
      </c>
      <c r="M290">
        <v>856.53700000000003</v>
      </c>
      <c r="N290">
        <v>858.54300000000001</v>
      </c>
      <c r="O290">
        <v>864.66800000000001</v>
      </c>
      <c r="P290">
        <v>0</v>
      </c>
      <c r="Q290">
        <v>0</v>
      </c>
      <c r="R290">
        <v>930.49800000000005</v>
      </c>
      <c r="S290">
        <v>0</v>
      </c>
      <c r="T290">
        <v>917.89400000000001</v>
      </c>
      <c r="U290">
        <v>897.68899999999996</v>
      </c>
      <c r="V290">
        <v>883.15300000000002</v>
      </c>
      <c r="W290">
        <v>865.37199999999996</v>
      </c>
      <c r="X290">
        <v>830.03899999999999</v>
      </c>
      <c r="Y290">
        <v>807.02499999999998</v>
      </c>
    </row>
    <row r="291" spans="1:25" x14ac:dyDescent="0.3">
      <c r="A291">
        <v>7.7333333350873241</v>
      </c>
      <c r="B291">
        <v>976.13900000000001</v>
      </c>
      <c r="C291">
        <v>975.75900000000001</v>
      </c>
      <c r="D291">
        <v>928.95899999999995</v>
      </c>
      <c r="E291">
        <v>881.34500000000003</v>
      </c>
      <c r="F291">
        <v>830.35299999999995</v>
      </c>
      <c r="G291">
        <v>835.28499999999997</v>
      </c>
      <c r="H291">
        <v>836.404</v>
      </c>
      <c r="I291">
        <v>846.33600000000001</v>
      </c>
      <c r="J291">
        <v>876.78700000000003</v>
      </c>
      <c r="K291">
        <v>904.01400000000001</v>
      </c>
      <c r="L291">
        <v>891.03300000000002</v>
      </c>
      <c r="M291">
        <v>858.03200000000004</v>
      </c>
      <c r="N291">
        <v>856.32500000000005</v>
      </c>
      <c r="O291">
        <v>865.08900000000006</v>
      </c>
      <c r="P291">
        <v>0</v>
      </c>
      <c r="Q291">
        <v>0</v>
      </c>
      <c r="R291">
        <v>928.81600000000003</v>
      </c>
      <c r="S291">
        <v>0</v>
      </c>
      <c r="T291">
        <v>914.13099999999997</v>
      </c>
      <c r="U291">
        <v>894.36500000000001</v>
      </c>
      <c r="V291">
        <v>880.495</v>
      </c>
      <c r="W291">
        <v>864.49099999999999</v>
      </c>
      <c r="X291">
        <v>830.54499999999996</v>
      </c>
      <c r="Y291">
        <v>807.04200000000003</v>
      </c>
    </row>
    <row r="292" spans="1:25" x14ac:dyDescent="0.3">
      <c r="A292">
        <v>7.766666665735344</v>
      </c>
      <c r="B292">
        <v>987.024</v>
      </c>
      <c r="C292">
        <v>981.779</v>
      </c>
      <c r="D292">
        <v>944.52300000000002</v>
      </c>
      <c r="E292">
        <v>900.81500000000005</v>
      </c>
      <c r="F292">
        <v>833.58799999999997</v>
      </c>
      <c r="G292">
        <v>837.19</v>
      </c>
      <c r="H292">
        <v>837.4</v>
      </c>
      <c r="I292">
        <v>847.3</v>
      </c>
      <c r="J292">
        <v>872.02</v>
      </c>
      <c r="K292">
        <v>900.3</v>
      </c>
      <c r="L292">
        <v>890.60699999999997</v>
      </c>
      <c r="M292">
        <v>859.47500000000002</v>
      </c>
      <c r="N292">
        <v>859.15800000000002</v>
      </c>
      <c r="O292">
        <v>862.11500000000001</v>
      </c>
      <c r="P292">
        <v>0</v>
      </c>
      <c r="Q292">
        <v>0</v>
      </c>
      <c r="R292">
        <v>919.19399999999996</v>
      </c>
      <c r="S292">
        <v>0</v>
      </c>
      <c r="T292">
        <v>909.17499999999995</v>
      </c>
      <c r="U292">
        <v>888.92499999999995</v>
      </c>
      <c r="V292">
        <v>874.33299999999997</v>
      </c>
      <c r="W292">
        <v>860.61900000000003</v>
      </c>
      <c r="X292">
        <v>829.37300000000005</v>
      </c>
      <c r="Y292">
        <v>806.69399999999996</v>
      </c>
    </row>
    <row r="293" spans="1:25" x14ac:dyDescent="0.3">
      <c r="A293">
        <v>7.7833333362980435</v>
      </c>
      <c r="B293">
        <v>998.149</v>
      </c>
      <c r="C293">
        <v>989.70299999999997</v>
      </c>
      <c r="D293">
        <v>962.41300000000001</v>
      </c>
      <c r="E293">
        <v>925.52700000000004</v>
      </c>
      <c r="F293">
        <v>856.94299999999998</v>
      </c>
      <c r="G293">
        <v>855.48199999999997</v>
      </c>
      <c r="H293">
        <v>855.62300000000005</v>
      </c>
      <c r="I293">
        <v>868.774</v>
      </c>
      <c r="J293">
        <v>890.18499999999995</v>
      </c>
      <c r="K293">
        <v>900.96</v>
      </c>
      <c r="L293">
        <v>890.80499999999995</v>
      </c>
      <c r="M293">
        <v>861.58900000000006</v>
      </c>
      <c r="N293">
        <v>869.322</v>
      </c>
      <c r="O293">
        <v>868.61500000000001</v>
      </c>
      <c r="P293">
        <v>0</v>
      </c>
      <c r="Q293">
        <v>0</v>
      </c>
      <c r="R293">
        <v>918.14499999999998</v>
      </c>
      <c r="S293">
        <v>0</v>
      </c>
      <c r="T293">
        <v>904.42499999999995</v>
      </c>
      <c r="U293">
        <v>882.995</v>
      </c>
      <c r="V293">
        <v>868.17399999999998</v>
      </c>
      <c r="W293">
        <v>855.16600000000005</v>
      </c>
      <c r="X293">
        <v>824.03700000000003</v>
      </c>
      <c r="Y293">
        <v>804.29700000000003</v>
      </c>
    </row>
    <row r="294" spans="1:25" x14ac:dyDescent="0.3">
      <c r="A294">
        <v>7.8166666669460634</v>
      </c>
      <c r="B294">
        <v>990.04899999999998</v>
      </c>
      <c r="C294">
        <v>991.596</v>
      </c>
      <c r="D294">
        <v>964.63599999999997</v>
      </c>
      <c r="E294">
        <v>922.36099999999999</v>
      </c>
      <c r="F294">
        <v>857.45399999999995</v>
      </c>
      <c r="G294">
        <v>857.27800000000002</v>
      </c>
      <c r="H294">
        <v>859.84699999999998</v>
      </c>
      <c r="I294">
        <v>875.97699999999998</v>
      </c>
      <c r="J294">
        <v>904.81600000000003</v>
      </c>
      <c r="K294">
        <v>905.88199999999995</v>
      </c>
      <c r="L294">
        <v>892.20399999999995</v>
      </c>
      <c r="M294">
        <v>863.49</v>
      </c>
      <c r="N294">
        <v>867.82100000000003</v>
      </c>
      <c r="O294">
        <v>866.69299999999998</v>
      </c>
      <c r="P294">
        <v>0</v>
      </c>
      <c r="Q294">
        <v>0</v>
      </c>
      <c r="R294">
        <v>917.77</v>
      </c>
      <c r="S294">
        <v>0</v>
      </c>
      <c r="T294">
        <v>899.84</v>
      </c>
      <c r="U294">
        <v>868.59799999999996</v>
      </c>
      <c r="V294">
        <v>852.98800000000006</v>
      </c>
      <c r="W294">
        <v>843.39099999999996</v>
      </c>
      <c r="X294">
        <v>815.49300000000005</v>
      </c>
      <c r="Y294">
        <v>799.596</v>
      </c>
    </row>
    <row r="295" spans="1:25" x14ac:dyDescent="0.3">
      <c r="A295">
        <v>7.8333333375087628</v>
      </c>
      <c r="B295">
        <v>982.85</v>
      </c>
      <c r="C295">
        <v>977.91700000000003</v>
      </c>
      <c r="D295">
        <v>958.18700000000001</v>
      </c>
      <c r="E295">
        <v>908.44500000000005</v>
      </c>
      <c r="F295">
        <v>851.03800000000001</v>
      </c>
      <c r="G295">
        <v>855.90300000000002</v>
      </c>
      <c r="H295">
        <v>857.83900000000006</v>
      </c>
      <c r="I295">
        <v>874.15700000000004</v>
      </c>
      <c r="J295">
        <v>908.42700000000002</v>
      </c>
      <c r="K295">
        <v>904.88499999999999</v>
      </c>
      <c r="L295">
        <v>888.39400000000001</v>
      </c>
      <c r="M295">
        <v>860.70699999999999</v>
      </c>
      <c r="N295">
        <v>874.65099999999995</v>
      </c>
      <c r="O295">
        <v>876.61099999999999</v>
      </c>
      <c r="P295">
        <v>0</v>
      </c>
      <c r="Q295">
        <v>0</v>
      </c>
      <c r="R295">
        <v>927.15300000000002</v>
      </c>
      <c r="S295">
        <v>0</v>
      </c>
      <c r="T295">
        <v>898.84400000000005</v>
      </c>
      <c r="U295">
        <v>867.18399999999997</v>
      </c>
      <c r="V295">
        <v>849.37099999999998</v>
      </c>
      <c r="W295">
        <v>839.01</v>
      </c>
      <c r="X295">
        <v>814.43100000000004</v>
      </c>
      <c r="Y295">
        <v>802.90499999999997</v>
      </c>
    </row>
    <row r="296" spans="1:25" x14ac:dyDescent="0.3">
      <c r="A296">
        <v>7.8666666681567827</v>
      </c>
      <c r="B296">
        <v>972.40700000000004</v>
      </c>
      <c r="C296">
        <v>976.79600000000005</v>
      </c>
      <c r="D296">
        <v>966.53399999999999</v>
      </c>
      <c r="E296">
        <v>930.64300000000003</v>
      </c>
      <c r="F296">
        <v>865.63800000000003</v>
      </c>
      <c r="G296">
        <v>869.71100000000001</v>
      </c>
      <c r="H296">
        <v>871.19399999999996</v>
      </c>
      <c r="I296">
        <v>888.149</v>
      </c>
      <c r="J296">
        <v>913.68899999999996</v>
      </c>
      <c r="K296">
        <v>915.06200000000001</v>
      </c>
      <c r="L296">
        <v>898.75800000000004</v>
      </c>
      <c r="M296">
        <v>867.94500000000005</v>
      </c>
      <c r="N296">
        <v>871.6</v>
      </c>
      <c r="O296">
        <v>881.06500000000005</v>
      </c>
      <c r="P296">
        <v>0</v>
      </c>
      <c r="Q296">
        <v>0</v>
      </c>
      <c r="R296">
        <v>948.14099999999996</v>
      </c>
      <c r="S296">
        <v>0</v>
      </c>
      <c r="T296">
        <v>916.452</v>
      </c>
      <c r="U296">
        <v>886.18299999999999</v>
      </c>
      <c r="V296">
        <v>867.41600000000005</v>
      </c>
      <c r="W296">
        <v>851.72500000000002</v>
      </c>
      <c r="X296">
        <v>822.346</v>
      </c>
      <c r="Y296">
        <v>806.41899999999998</v>
      </c>
    </row>
    <row r="297" spans="1:25" x14ac:dyDescent="0.3">
      <c r="A297">
        <v>7.8999999988048026</v>
      </c>
      <c r="B297">
        <v>977.01300000000003</v>
      </c>
      <c r="C297">
        <v>964.34799999999996</v>
      </c>
      <c r="D297">
        <v>967.45600000000002</v>
      </c>
      <c r="E297">
        <v>946.37599999999998</v>
      </c>
      <c r="F297">
        <v>897.88699999999994</v>
      </c>
      <c r="G297">
        <v>901.06700000000001</v>
      </c>
      <c r="H297">
        <v>888.84</v>
      </c>
      <c r="I297">
        <v>892.43499999999995</v>
      </c>
      <c r="J297">
        <v>907.34299999999996</v>
      </c>
      <c r="K297">
        <v>923.91800000000001</v>
      </c>
      <c r="L297">
        <v>910.51599999999996</v>
      </c>
      <c r="M297">
        <v>879.50900000000001</v>
      </c>
      <c r="N297">
        <v>861.32600000000002</v>
      </c>
      <c r="O297">
        <v>873.40099999999995</v>
      </c>
      <c r="P297">
        <v>0</v>
      </c>
      <c r="Q297">
        <v>0</v>
      </c>
      <c r="R297">
        <v>952.697</v>
      </c>
      <c r="S297">
        <v>0</v>
      </c>
      <c r="T297">
        <v>926.24300000000005</v>
      </c>
      <c r="U297">
        <v>892.04499999999996</v>
      </c>
      <c r="V297">
        <v>869.28700000000003</v>
      </c>
      <c r="W297">
        <v>853.46199999999999</v>
      </c>
      <c r="X297">
        <v>824.54399999999998</v>
      </c>
      <c r="Y297">
        <v>805.93200000000002</v>
      </c>
    </row>
    <row r="298" spans="1:25" x14ac:dyDescent="0.3">
      <c r="A298">
        <v>7.9166666693675021</v>
      </c>
      <c r="B298">
        <v>985.08100000000002</v>
      </c>
      <c r="C298">
        <v>961.47199999999998</v>
      </c>
      <c r="D298">
        <v>980.38400000000001</v>
      </c>
      <c r="E298">
        <v>955.93600000000004</v>
      </c>
      <c r="F298">
        <v>909.8</v>
      </c>
      <c r="G298">
        <v>918.83799999999997</v>
      </c>
      <c r="H298">
        <v>905.15099999999995</v>
      </c>
      <c r="I298">
        <v>900.54899999999998</v>
      </c>
      <c r="J298">
        <v>910.01400000000001</v>
      </c>
      <c r="K298">
        <v>920.46299999999997</v>
      </c>
      <c r="L298">
        <v>907.447</v>
      </c>
      <c r="M298">
        <v>879.55899999999997</v>
      </c>
      <c r="N298">
        <v>853.86300000000006</v>
      </c>
      <c r="O298">
        <v>867.94299999999998</v>
      </c>
      <c r="P298">
        <v>0</v>
      </c>
      <c r="Q298">
        <v>0</v>
      </c>
      <c r="R298">
        <v>943.08799999999997</v>
      </c>
      <c r="S298">
        <v>0</v>
      </c>
      <c r="T298">
        <v>926.04399999999998</v>
      </c>
      <c r="U298">
        <v>895.947</v>
      </c>
      <c r="V298">
        <v>874.12199999999996</v>
      </c>
      <c r="W298">
        <v>857.68</v>
      </c>
      <c r="X298">
        <v>826.31899999999996</v>
      </c>
      <c r="Y298">
        <v>806.66</v>
      </c>
    </row>
    <row r="299" spans="1:25" x14ac:dyDescent="0.3">
      <c r="A299">
        <v>7.950000000015522</v>
      </c>
      <c r="B299">
        <v>982.14599999999996</v>
      </c>
      <c r="C299">
        <v>968.88400000000001</v>
      </c>
      <c r="D299">
        <v>985.12</v>
      </c>
      <c r="E299">
        <v>948.57299999999998</v>
      </c>
      <c r="F299">
        <v>890.61099999999999</v>
      </c>
      <c r="G299">
        <v>897.19399999999996</v>
      </c>
      <c r="H299">
        <v>888.20299999999997</v>
      </c>
      <c r="I299">
        <v>892.86</v>
      </c>
      <c r="J299">
        <v>913.67100000000005</v>
      </c>
      <c r="K299">
        <v>920.34100000000001</v>
      </c>
      <c r="L299">
        <v>907.57500000000005</v>
      </c>
      <c r="M299">
        <v>878.85599999999999</v>
      </c>
      <c r="N299">
        <v>862.99900000000002</v>
      </c>
      <c r="O299">
        <v>872.48299999999995</v>
      </c>
      <c r="P299">
        <v>0</v>
      </c>
      <c r="Q299">
        <v>0</v>
      </c>
      <c r="R299">
        <v>934.351</v>
      </c>
      <c r="S299">
        <v>0</v>
      </c>
      <c r="T299">
        <v>917.05899999999997</v>
      </c>
      <c r="U299">
        <v>888.00800000000004</v>
      </c>
      <c r="V299">
        <v>868.06899999999996</v>
      </c>
      <c r="W299">
        <v>856.29300000000001</v>
      </c>
      <c r="X299">
        <v>827.05499999999995</v>
      </c>
      <c r="Y299">
        <v>809.49699999999996</v>
      </c>
    </row>
    <row r="300" spans="1:25" x14ac:dyDescent="0.3">
      <c r="A300">
        <v>7.9666666705782214</v>
      </c>
      <c r="B300">
        <v>972.95100000000002</v>
      </c>
      <c r="C300">
        <v>971.66700000000003</v>
      </c>
      <c r="D300">
        <v>965.83</v>
      </c>
      <c r="E300">
        <v>927.37</v>
      </c>
      <c r="F300">
        <v>874.70699999999999</v>
      </c>
      <c r="G300">
        <v>883.75699999999995</v>
      </c>
      <c r="H300">
        <v>879.19100000000003</v>
      </c>
      <c r="I300">
        <v>889.97299999999996</v>
      </c>
      <c r="J300">
        <v>922.34400000000005</v>
      </c>
      <c r="K300">
        <v>919.84</v>
      </c>
      <c r="L300">
        <v>902.20500000000004</v>
      </c>
      <c r="M300">
        <v>873.78899999999999</v>
      </c>
      <c r="N300">
        <v>883.52700000000004</v>
      </c>
      <c r="O300">
        <v>895.87900000000002</v>
      </c>
      <c r="P300">
        <v>0</v>
      </c>
      <c r="Q300">
        <v>0</v>
      </c>
      <c r="R300">
        <v>964.05899999999997</v>
      </c>
      <c r="S300">
        <v>0</v>
      </c>
      <c r="T300">
        <v>934.36900000000003</v>
      </c>
      <c r="U300">
        <v>903.50199999999995</v>
      </c>
      <c r="V300">
        <v>884.14700000000005</v>
      </c>
      <c r="W300">
        <v>868.05100000000004</v>
      </c>
      <c r="X300">
        <v>836.63400000000001</v>
      </c>
      <c r="Y300">
        <v>819.73099999999999</v>
      </c>
    </row>
    <row r="301" spans="1:25" x14ac:dyDescent="0.3">
      <c r="A301">
        <v>8.0000000012262422</v>
      </c>
      <c r="B301">
        <v>985.93700000000001</v>
      </c>
      <c r="C301">
        <v>973.47799999999995</v>
      </c>
      <c r="D301">
        <v>968.84799999999996</v>
      </c>
      <c r="E301">
        <v>937.995</v>
      </c>
      <c r="F301">
        <v>882.34100000000001</v>
      </c>
      <c r="G301">
        <v>886.96299999999997</v>
      </c>
      <c r="H301">
        <v>875.41399999999999</v>
      </c>
      <c r="I301">
        <v>877.70899999999995</v>
      </c>
      <c r="J301">
        <v>901.38800000000003</v>
      </c>
      <c r="K301">
        <v>910.62400000000002</v>
      </c>
      <c r="L301">
        <v>900.62400000000002</v>
      </c>
      <c r="M301">
        <v>874.16099999999994</v>
      </c>
      <c r="N301">
        <v>882.30600000000004</v>
      </c>
      <c r="O301">
        <v>897.65700000000004</v>
      </c>
      <c r="P301">
        <v>0</v>
      </c>
      <c r="Q301">
        <v>0</v>
      </c>
      <c r="R301">
        <v>975.92600000000004</v>
      </c>
      <c r="S301">
        <v>0</v>
      </c>
      <c r="T301">
        <v>940.48900000000003</v>
      </c>
      <c r="U301">
        <v>910.96199999999999</v>
      </c>
      <c r="V301">
        <v>889.76199999999994</v>
      </c>
      <c r="W301">
        <v>872.66</v>
      </c>
      <c r="X301">
        <v>840.09799999999996</v>
      </c>
      <c r="Y301">
        <v>820.48099999999999</v>
      </c>
    </row>
    <row r="302" spans="1:25" x14ac:dyDescent="0.3">
      <c r="A302">
        <v>8.0333333318742621</v>
      </c>
      <c r="B302">
        <v>986.08399999999995</v>
      </c>
      <c r="C302">
        <v>973.20699999999999</v>
      </c>
      <c r="D302">
        <v>980.08100000000002</v>
      </c>
      <c r="E302">
        <v>952.01499999999999</v>
      </c>
      <c r="F302">
        <v>912.81799999999998</v>
      </c>
      <c r="G302">
        <v>915.83100000000002</v>
      </c>
      <c r="H302">
        <v>901.28300000000002</v>
      </c>
      <c r="I302">
        <v>894.851</v>
      </c>
      <c r="J302">
        <v>908.32600000000002</v>
      </c>
      <c r="K302">
        <v>919.93200000000002</v>
      </c>
      <c r="L302">
        <v>916.40099999999995</v>
      </c>
      <c r="M302">
        <v>887.08900000000006</v>
      </c>
      <c r="N302">
        <v>877.83500000000004</v>
      </c>
      <c r="O302">
        <v>891.72900000000004</v>
      </c>
      <c r="P302">
        <v>0</v>
      </c>
      <c r="Q302">
        <v>0</v>
      </c>
      <c r="R302">
        <v>972.15700000000004</v>
      </c>
      <c r="S302">
        <v>0</v>
      </c>
      <c r="T302">
        <v>941.38900000000001</v>
      </c>
      <c r="U302">
        <v>908.62900000000002</v>
      </c>
      <c r="V302">
        <v>890.596</v>
      </c>
      <c r="W302">
        <v>874.44500000000005</v>
      </c>
      <c r="X302">
        <v>841.798</v>
      </c>
      <c r="Y302">
        <v>820.51800000000003</v>
      </c>
    </row>
    <row r="303" spans="1:25" x14ac:dyDescent="0.3">
      <c r="A303">
        <v>8.0500000024369616</v>
      </c>
      <c r="B303">
        <v>998.64200000000005</v>
      </c>
      <c r="C303">
        <v>984.92100000000005</v>
      </c>
      <c r="D303">
        <v>984.59500000000003</v>
      </c>
      <c r="E303">
        <v>949.42</v>
      </c>
      <c r="F303">
        <v>908.78700000000003</v>
      </c>
      <c r="G303">
        <v>913.11900000000003</v>
      </c>
      <c r="H303">
        <v>902.02800000000002</v>
      </c>
      <c r="I303">
        <v>901.69</v>
      </c>
      <c r="J303">
        <v>916.18499999999995</v>
      </c>
      <c r="K303">
        <v>923.36400000000003</v>
      </c>
      <c r="L303">
        <v>914.63499999999999</v>
      </c>
      <c r="M303">
        <v>884.85599999999999</v>
      </c>
      <c r="N303">
        <v>877.67399999999998</v>
      </c>
      <c r="O303">
        <v>886.80399999999997</v>
      </c>
      <c r="P303">
        <v>0</v>
      </c>
      <c r="Q303">
        <v>0</v>
      </c>
      <c r="R303">
        <v>959.05499999999995</v>
      </c>
      <c r="S303">
        <v>0</v>
      </c>
      <c r="T303">
        <v>934.28</v>
      </c>
      <c r="U303">
        <v>905.56399999999996</v>
      </c>
      <c r="V303">
        <v>887.26499999999999</v>
      </c>
      <c r="W303">
        <v>870.36500000000001</v>
      </c>
      <c r="X303">
        <v>837.52700000000004</v>
      </c>
      <c r="Y303">
        <v>815.89499999999998</v>
      </c>
    </row>
    <row r="304" spans="1:25" x14ac:dyDescent="0.3">
      <c r="A304">
        <v>8.0833333330849815</v>
      </c>
      <c r="B304">
        <v>996.20299999999997</v>
      </c>
      <c r="C304">
        <v>979.19100000000003</v>
      </c>
      <c r="D304">
        <v>976.65200000000004</v>
      </c>
      <c r="E304">
        <v>940.61500000000001</v>
      </c>
      <c r="F304">
        <v>890.06299999999999</v>
      </c>
      <c r="G304">
        <v>894.69</v>
      </c>
      <c r="H304">
        <v>887.61900000000003</v>
      </c>
      <c r="I304">
        <v>892.96799999999996</v>
      </c>
      <c r="J304">
        <v>911.51499999999999</v>
      </c>
      <c r="K304">
        <v>920.64599999999996</v>
      </c>
      <c r="L304">
        <v>912.24599999999998</v>
      </c>
      <c r="M304">
        <v>880.48199999999997</v>
      </c>
      <c r="N304">
        <v>881.88099999999997</v>
      </c>
      <c r="O304">
        <v>886.45</v>
      </c>
      <c r="P304">
        <v>0</v>
      </c>
      <c r="Q304">
        <v>0</v>
      </c>
      <c r="R304">
        <v>948.07</v>
      </c>
      <c r="S304">
        <v>0</v>
      </c>
      <c r="T304">
        <v>925.529</v>
      </c>
      <c r="U304">
        <v>898.65200000000004</v>
      </c>
      <c r="V304">
        <v>882.39499999999998</v>
      </c>
      <c r="W304">
        <v>867.18799999999999</v>
      </c>
      <c r="X304">
        <v>837.03800000000001</v>
      </c>
      <c r="Y304">
        <v>815.82600000000002</v>
      </c>
    </row>
    <row r="305" spans="1:25" x14ac:dyDescent="0.3">
      <c r="A305">
        <v>8.1166666637330014</v>
      </c>
      <c r="B305">
        <v>968.65300000000002</v>
      </c>
      <c r="C305">
        <v>959.59900000000005</v>
      </c>
      <c r="D305">
        <v>955.47400000000005</v>
      </c>
      <c r="E305">
        <v>925.51400000000001</v>
      </c>
      <c r="F305">
        <v>871.83399999999995</v>
      </c>
      <c r="G305">
        <v>877.37699999999995</v>
      </c>
      <c r="H305">
        <v>867.87900000000002</v>
      </c>
      <c r="I305">
        <v>878.13599999999997</v>
      </c>
      <c r="J305">
        <v>902.93700000000001</v>
      </c>
      <c r="K305">
        <v>916.34900000000005</v>
      </c>
      <c r="L305">
        <v>910.16300000000001</v>
      </c>
      <c r="M305">
        <v>881.10500000000002</v>
      </c>
      <c r="N305">
        <v>883.14099999999996</v>
      </c>
      <c r="O305">
        <v>888.63099999999997</v>
      </c>
      <c r="P305">
        <v>0</v>
      </c>
      <c r="Q305">
        <v>0</v>
      </c>
      <c r="R305">
        <v>950.32399999999996</v>
      </c>
      <c r="S305">
        <v>0</v>
      </c>
      <c r="T305">
        <v>932.93700000000001</v>
      </c>
      <c r="U305">
        <v>903.11500000000001</v>
      </c>
      <c r="V305">
        <v>884.399</v>
      </c>
      <c r="W305">
        <v>868.16099999999994</v>
      </c>
      <c r="X305">
        <v>838.85900000000004</v>
      </c>
      <c r="Y305">
        <v>820.81600000000003</v>
      </c>
    </row>
    <row r="306" spans="1:25" x14ac:dyDescent="0.3">
      <c r="A306">
        <v>8.1333333342957008</v>
      </c>
      <c r="B306">
        <v>964.78499999999997</v>
      </c>
      <c r="C306">
        <v>962.52599999999995</v>
      </c>
      <c r="D306">
        <v>963.26700000000005</v>
      </c>
      <c r="E306">
        <v>920.97</v>
      </c>
      <c r="F306">
        <v>866.59199999999998</v>
      </c>
      <c r="G306">
        <v>876.053</v>
      </c>
      <c r="H306">
        <v>872.928</v>
      </c>
      <c r="I306">
        <v>885.93899999999996</v>
      </c>
      <c r="J306">
        <v>915.74300000000005</v>
      </c>
      <c r="K306">
        <v>929.57399999999996</v>
      </c>
      <c r="L306">
        <v>919.32600000000002</v>
      </c>
      <c r="M306">
        <v>891.80100000000004</v>
      </c>
      <c r="N306">
        <v>882.84</v>
      </c>
      <c r="O306">
        <v>893.73299999999995</v>
      </c>
      <c r="P306">
        <v>0</v>
      </c>
      <c r="Q306">
        <v>0</v>
      </c>
      <c r="R306">
        <v>971.09199999999998</v>
      </c>
      <c r="S306">
        <v>0</v>
      </c>
      <c r="T306">
        <v>941.31799999999998</v>
      </c>
      <c r="U306">
        <v>912.53399999999999</v>
      </c>
      <c r="V306">
        <v>892.56299999999999</v>
      </c>
      <c r="W306">
        <v>874.49900000000002</v>
      </c>
      <c r="X306">
        <v>845.00900000000001</v>
      </c>
      <c r="Y306">
        <v>826.81399999999996</v>
      </c>
    </row>
    <row r="307" spans="1:25" x14ac:dyDescent="0.3">
      <c r="A307">
        <v>8.1666666649437207</v>
      </c>
      <c r="B307">
        <v>978.21299999999997</v>
      </c>
      <c r="C307">
        <v>964.875</v>
      </c>
      <c r="D307">
        <v>975.87300000000005</v>
      </c>
      <c r="E307">
        <v>945.21100000000001</v>
      </c>
      <c r="F307">
        <v>892.86300000000006</v>
      </c>
      <c r="G307">
        <v>885.95600000000002</v>
      </c>
      <c r="H307">
        <v>876.77499999999998</v>
      </c>
      <c r="I307">
        <v>883.81299999999999</v>
      </c>
      <c r="J307">
        <v>907.43399999999997</v>
      </c>
      <c r="K307">
        <v>930.62800000000004</v>
      </c>
      <c r="L307">
        <v>926.08500000000004</v>
      </c>
      <c r="M307">
        <v>899.31100000000004</v>
      </c>
      <c r="N307">
        <v>884.73400000000004</v>
      </c>
      <c r="O307">
        <v>901.90499999999997</v>
      </c>
      <c r="P307">
        <v>0</v>
      </c>
      <c r="Q307">
        <v>0</v>
      </c>
      <c r="R307">
        <v>979.66399999999999</v>
      </c>
      <c r="S307">
        <v>0</v>
      </c>
      <c r="T307">
        <v>944.49300000000005</v>
      </c>
      <c r="U307">
        <v>910.28700000000003</v>
      </c>
      <c r="V307">
        <v>886.41600000000005</v>
      </c>
      <c r="W307">
        <v>871.69100000000003</v>
      </c>
      <c r="X307">
        <v>841.42899999999997</v>
      </c>
      <c r="Y307">
        <v>823.779</v>
      </c>
    </row>
    <row r="308" spans="1:25" x14ac:dyDescent="0.3">
      <c r="A308">
        <v>8.1833333355064202</v>
      </c>
      <c r="B308">
        <v>988.85199999999998</v>
      </c>
      <c r="C308">
        <v>973.48</v>
      </c>
      <c r="D308">
        <v>981.46</v>
      </c>
      <c r="E308">
        <v>951.53</v>
      </c>
      <c r="F308">
        <v>904.60699999999997</v>
      </c>
      <c r="G308">
        <v>909.69899999999996</v>
      </c>
      <c r="H308">
        <v>904.92600000000004</v>
      </c>
      <c r="I308">
        <v>901.58600000000001</v>
      </c>
      <c r="J308">
        <v>917.25699999999995</v>
      </c>
      <c r="K308">
        <v>933.63599999999997</v>
      </c>
      <c r="L308">
        <v>926.06799999999998</v>
      </c>
      <c r="M308">
        <v>896.32600000000002</v>
      </c>
      <c r="N308">
        <v>885.726</v>
      </c>
      <c r="O308">
        <v>897.39300000000003</v>
      </c>
      <c r="P308">
        <v>0</v>
      </c>
      <c r="Q308">
        <v>0</v>
      </c>
      <c r="R308">
        <v>970.08</v>
      </c>
      <c r="S308">
        <v>0</v>
      </c>
      <c r="T308">
        <v>940.74300000000005</v>
      </c>
      <c r="U308">
        <v>908.09400000000005</v>
      </c>
      <c r="V308">
        <v>885.46</v>
      </c>
      <c r="W308">
        <v>868.31899999999996</v>
      </c>
      <c r="X308">
        <v>834.53899999999999</v>
      </c>
      <c r="Y308">
        <v>817.22299999999996</v>
      </c>
    </row>
    <row r="309" spans="1:25" x14ac:dyDescent="0.3">
      <c r="A309">
        <v>8.2166666661544401</v>
      </c>
      <c r="B309">
        <v>982.11599999999999</v>
      </c>
      <c r="C309">
        <v>962.87199999999996</v>
      </c>
      <c r="D309">
        <v>950.88400000000001</v>
      </c>
      <c r="E309">
        <v>919.88199999999995</v>
      </c>
      <c r="F309">
        <v>879.303</v>
      </c>
      <c r="G309">
        <v>886.01199999999994</v>
      </c>
      <c r="H309">
        <v>883.976</v>
      </c>
      <c r="I309">
        <v>898.39</v>
      </c>
      <c r="J309">
        <v>919.48900000000003</v>
      </c>
      <c r="K309">
        <v>928.19899999999996</v>
      </c>
      <c r="L309">
        <v>916.173</v>
      </c>
      <c r="M309">
        <v>886.47299999999996</v>
      </c>
      <c r="N309">
        <v>886.98599999999999</v>
      </c>
      <c r="O309">
        <v>895.40499999999997</v>
      </c>
      <c r="P309">
        <v>0</v>
      </c>
      <c r="Q309">
        <v>0</v>
      </c>
      <c r="R309">
        <v>956.26900000000001</v>
      </c>
      <c r="S309">
        <v>0</v>
      </c>
      <c r="T309">
        <v>932.79600000000005</v>
      </c>
      <c r="U309">
        <v>906.45699999999999</v>
      </c>
      <c r="V309">
        <v>888.93399999999997</v>
      </c>
      <c r="W309">
        <v>873.61900000000003</v>
      </c>
      <c r="X309">
        <v>841.24</v>
      </c>
      <c r="Y309">
        <v>820.678</v>
      </c>
    </row>
    <row r="310" spans="1:25" x14ac:dyDescent="0.3">
      <c r="A310">
        <v>8.24999999680246</v>
      </c>
      <c r="B310">
        <v>988.47</v>
      </c>
      <c r="C310">
        <v>959.99699999999996</v>
      </c>
      <c r="D310">
        <v>956.14099999999996</v>
      </c>
      <c r="E310">
        <v>928.64400000000001</v>
      </c>
      <c r="F310">
        <v>885.16</v>
      </c>
      <c r="G310">
        <v>887.94100000000003</v>
      </c>
      <c r="H310">
        <v>884.71699999999998</v>
      </c>
      <c r="I310">
        <v>899.29499999999996</v>
      </c>
      <c r="J310">
        <v>923.851</v>
      </c>
      <c r="K310">
        <v>936.79600000000005</v>
      </c>
      <c r="L310">
        <v>922.93799999999999</v>
      </c>
      <c r="M310">
        <v>890.66800000000001</v>
      </c>
      <c r="N310">
        <v>890.65</v>
      </c>
      <c r="O310">
        <v>897.64200000000005</v>
      </c>
      <c r="P310">
        <v>0</v>
      </c>
      <c r="Q310">
        <v>0</v>
      </c>
      <c r="R310">
        <v>964.75</v>
      </c>
      <c r="S310">
        <v>0</v>
      </c>
      <c r="T310">
        <v>946.29</v>
      </c>
      <c r="U310">
        <v>914.63800000000003</v>
      </c>
      <c r="V310">
        <v>894.85299999999995</v>
      </c>
      <c r="W310">
        <v>878.64800000000002</v>
      </c>
      <c r="X310">
        <v>845.44799999999998</v>
      </c>
      <c r="Y310">
        <v>826.274</v>
      </c>
    </row>
    <row r="311" spans="1:25" x14ac:dyDescent="0.3">
      <c r="A311">
        <v>8.2666666673651594</v>
      </c>
      <c r="B311">
        <v>984.39800000000002</v>
      </c>
      <c r="C311">
        <v>968.38099999999997</v>
      </c>
      <c r="D311">
        <v>959.68899999999996</v>
      </c>
      <c r="E311">
        <v>953.90700000000004</v>
      </c>
      <c r="F311">
        <v>924.26099999999997</v>
      </c>
      <c r="G311">
        <v>919.12900000000002</v>
      </c>
      <c r="H311">
        <v>912.99699999999996</v>
      </c>
      <c r="I311">
        <v>912.97900000000004</v>
      </c>
      <c r="J311">
        <v>924.851</v>
      </c>
      <c r="K311">
        <v>934.28200000000004</v>
      </c>
      <c r="L311">
        <v>926.60400000000004</v>
      </c>
      <c r="M311">
        <v>897.21500000000003</v>
      </c>
      <c r="N311">
        <v>884.62800000000004</v>
      </c>
      <c r="O311">
        <v>893.35900000000004</v>
      </c>
      <c r="P311">
        <v>0</v>
      </c>
      <c r="Q311">
        <v>0</v>
      </c>
      <c r="R311">
        <v>965.2</v>
      </c>
      <c r="S311">
        <v>0</v>
      </c>
      <c r="T311">
        <v>945.78599999999994</v>
      </c>
      <c r="U311">
        <v>915.08299999999997</v>
      </c>
      <c r="V311">
        <v>894.24800000000005</v>
      </c>
      <c r="W311">
        <v>876.74099999999999</v>
      </c>
      <c r="X311">
        <v>842.46500000000003</v>
      </c>
      <c r="Y311">
        <v>823.46600000000001</v>
      </c>
    </row>
    <row r="312" spans="1:25" x14ac:dyDescent="0.3">
      <c r="A312">
        <v>8.2999999980131793</v>
      </c>
      <c r="B312">
        <v>999.23</v>
      </c>
      <c r="C312">
        <v>990.83900000000006</v>
      </c>
      <c r="D312">
        <v>967.26300000000003</v>
      </c>
      <c r="E312">
        <v>946.13</v>
      </c>
      <c r="F312">
        <v>901.35799999999995</v>
      </c>
      <c r="G312">
        <v>900.75400000000002</v>
      </c>
      <c r="H312">
        <v>896.52499999999998</v>
      </c>
      <c r="I312">
        <v>904.32500000000005</v>
      </c>
      <c r="J312">
        <v>930.68499999999995</v>
      </c>
      <c r="K312">
        <v>934.55399999999997</v>
      </c>
      <c r="L312">
        <v>927.30499999999995</v>
      </c>
      <c r="M312">
        <v>898.17700000000002</v>
      </c>
      <c r="N312">
        <v>887.53499999999997</v>
      </c>
      <c r="O312">
        <v>895.54700000000003</v>
      </c>
      <c r="P312">
        <v>0</v>
      </c>
      <c r="Q312">
        <v>0</v>
      </c>
      <c r="R312">
        <v>957.70899999999995</v>
      </c>
      <c r="S312">
        <v>0</v>
      </c>
      <c r="T312">
        <v>939.56100000000004</v>
      </c>
      <c r="U312">
        <v>914.81799999999998</v>
      </c>
      <c r="V312">
        <v>897.36</v>
      </c>
      <c r="W312">
        <v>880.25699999999995</v>
      </c>
      <c r="X312">
        <v>843.029</v>
      </c>
      <c r="Y312">
        <v>822.26499999999999</v>
      </c>
    </row>
    <row r="313" spans="1:25" x14ac:dyDescent="0.3">
      <c r="A313">
        <v>8.3166666685758788</v>
      </c>
      <c r="B313">
        <v>1011.836</v>
      </c>
      <c r="C313">
        <v>993.46</v>
      </c>
      <c r="D313">
        <v>969.30600000000004</v>
      </c>
      <c r="E313">
        <v>926.08900000000006</v>
      </c>
      <c r="F313">
        <v>882.29399999999998</v>
      </c>
      <c r="G313">
        <v>885.67600000000004</v>
      </c>
      <c r="H313">
        <v>883.79899999999998</v>
      </c>
      <c r="I313">
        <v>893.39800000000002</v>
      </c>
      <c r="J313">
        <v>917.20699999999999</v>
      </c>
      <c r="K313">
        <v>932.83199999999999</v>
      </c>
      <c r="L313">
        <v>926.66099999999994</v>
      </c>
      <c r="M313">
        <v>897.18299999999999</v>
      </c>
      <c r="N313">
        <v>887.64200000000005</v>
      </c>
      <c r="O313">
        <v>893.23800000000006</v>
      </c>
      <c r="P313">
        <v>0</v>
      </c>
      <c r="Q313">
        <v>0</v>
      </c>
      <c r="R313">
        <v>946.79700000000003</v>
      </c>
      <c r="S313">
        <v>0</v>
      </c>
      <c r="T313">
        <v>926.96500000000003</v>
      </c>
      <c r="U313">
        <v>902.44200000000001</v>
      </c>
      <c r="V313">
        <v>883.76400000000001</v>
      </c>
      <c r="W313">
        <v>870.72400000000005</v>
      </c>
      <c r="X313">
        <v>834.85699999999997</v>
      </c>
      <c r="Y313">
        <v>817.95899999999995</v>
      </c>
    </row>
    <row r="314" spans="1:25" x14ac:dyDescent="0.3">
      <c r="A314">
        <v>8.3499999992238987</v>
      </c>
      <c r="B314">
        <v>972.90099999999995</v>
      </c>
      <c r="C314">
        <v>960.26800000000003</v>
      </c>
      <c r="D314">
        <v>938.66300000000001</v>
      </c>
      <c r="E314">
        <v>903.09799999999996</v>
      </c>
      <c r="F314">
        <v>866.75099999999998</v>
      </c>
      <c r="G314">
        <v>871.95799999999997</v>
      </c>
      <c r="H314">
        <v>875.61199999999997</v>
      </c>
      <c r="I314">
        <v>896.31</v>
      </c>
      <c r="J314">
        <v>925.60400000000004</v>
      </c>
      <c r="K314">
        <v>933.02700000000004</v>
      </c>
      <c r="L314">
        <v>923.404</v>
      </c>
      <c r="M314">
        <v>890.77499999999998</v>
      </c>
      <c r="N314">
        <v>891.85500000000002</v>
      </c>
      <c r="O314">
        <v>899.22400000000005</v>
      </c>
      <c r="P314">
        <v>0</v>
      </c>
      <c r="Q314">
        <v>0</v>
      </c>
      <c r="R314">
        <v>953.33199999999999</v>
      </c>
      <c r="S314">
        <v>0</v>
      </c>
      <c r="T314">
        <v>928.43</v>
      </c>
      <c r="U314">
        <v>903.702</v>
      </c>
      <c r="V314">
        <v>883.93899999999996</v>
      </c>
      <c r="W314">
        <v>864.67399999999998</v>
      </c>
      <c r="X314">
        <v>828.59400000000005</v>
      </c>
      <c r="Y314">
        <v>815.58500000000004</v>
      </c>
    </row>
    <row r="315" spans="1:25" x14ac:dyDescent="0.3">
      <c r="A315">
        <v>8.3833333298719186</v>
      </c>
      <c r="B315">
        <v>973.17600000000004</v>
      </c>
      <c r="C315">
        <v>954.74</v>
      </c>
      <c r="D315">
        <v>943.00900000000001</v>
      </c>
      <c r="E315">
        <v>910.452</v>
      </c>
      <c r="F315">
        <v>874.57399999999996</v>
      </c>
      <c r="G315">
        <v>877.13400000000001</v>
      </c>
      <c r="H315">
        <v>879.64099999999996</v>
      </c>
      <c r="I315">
        <v>901.12900000000002</v>
      </c>
      <c r="J315">
        <v>929.29200000000003</v>
      </c>
      <c r="K315">
        <v>935.95600000000002</v>
      </c>
      <c r="L315">
        <v>924.12300000000005</v>
      </c>
      <c r="M315">
        <v>890.72500000000002</v>
      </c>
      <c r="N315">
        <v>888.31600000000003</v>
      </c>
      <c r="O315">
        <v>899.40499999999997</v>
      </c>
      <c r="P315">
        <v>0</v>
      </c>
      <c r="Q315">
        <v>0</v>
      </c>
      <c r="R315">
        <v>972.95899999999995</v>
      </c>
      <c r="S315">
        <v>0</v>
      </c>
      <c r="T315">
        <v>940.96299999999997</v>
      </c>
      <c r="U315">
        <v>911.27200000000005</v>
      </c>
      <c r="V315">
        <v>891.80499999999995</v>
      </c>
      <c r="W315">
        <v>873.02</v>
      </c>
      <c r="X315">
        <v>833.94899999999996</v>
      </c>
      <c r="Y315">
        <v>818.221</v>
      </c>
    </row>
    <row r="316" spans="1:25" x14ac:dyDescent="0.3">
      <c r="A316">
        <v>8.400000000434618</v>
      </c>
      <c r="B316">
        <v>975.15200000000004</v>
      </c>
      <c r="C316">
        <v>965.34900000000005</v>
      </c>
      <c r="D316">
        <v>957.29600000000005</v>
      </c>
      <c r="E316">
        <v>932.76099999999997</v>
      </c>
      <c r="F316">
        <v>894.90899999999999</v>
      </c>
      <c r="G316">
        <v>894.25099999999998</v>
      </c>
      <c r="H316">
        <v>891.98099999999999</v>
      </c>
      <c r="I316">
        <v>904.96600000000001</v>
      </c>
      <c r="J316">
        <v>928.64700000000005</v>
      </c>
      <c r="K316">
        <v>942.95399999999995</v>
      </c>
      <c r="L316">
        <v>933.69399999999996</v>
      </c>
      <c r="M316">
        <v>901.82100000000003</v>
      </c>
      <c r="N316">
        <v>885.97799999999995</v>
      </c>
      <c r="O316">
        <v>904.077</v>
      </c>
      <c r="P316">
        <v>0</v>
      </c>
      <c r="Q316">
        <v>0</v>
      </c>
      <c r="R316">
        <v>974.26400000000001</v>
      </c>
      <c r="S316">
        <v>0</v>
      </c>
      <c r="T316">
        <v>947.10299999999995</v>
      </c>
      <c r="U316">
        <v>913.803</v>
      </c>
      <c r="V316">
        <v>892.47699999999998</v>
      </c>
      <c r="W316">
        <v>876.95600000000002</v>
      </c>
      <c r="X316">
        <v>840.45399999999995</v>
      </c>
      <c r="Y316">
        <v>822.68499999999995</v>
      </c>
    </row>
    <row r="317" spans="1:25" x14ac:dyDescent="0.3">
      <c r="A317">
        <v>8.4333333310826379</v>
      </c>
      <c r="B317">
        <v>998.72</v>
      </c>
      <c r="C317">
        <v>985.96</v>
      </c>
      <c r="D317">
        <v>969.84799999999996</v>
      </c>
      <c r="E317">
        <v>939.86599999999999</v>
      </c>
      <c r="F317">
        <v>895.67200000000003</v>
      </c>
      <c r="G317">
        <v>889.71400000000006</v>
      </c>
      <c r="H317">
        <v>883.33799999999997</v>
      </c>
      <c r="I317">
        <v>891.27200000000005</v>
      </c>
      <c r="J317">
        <v>919.649</v>
      </c>
      <c r="K317">
        <v>943.15099999999995</v>
      </c>
      <c r="L317">
        <v>939.22</v>
      </c>
      <c r="M317">
        <v>909.48800000000006</v>
      </c>
      <c r="N317">
        <v>881.40800000000002</v>
      </c>
      <c r="O317">
        <v>901.07299999999998</v>
      </c>
      <c r="P317">
        <v>0</v>
      </c>
      <c r="Q317">
        <v>0</v>
      </c>
      <c r="R317">
        <v>968.54600000000005</v>
      </c>
      <c r="S317">
        <v>0</v>
      </c>
      <c r="T317">
        <v>953.13499999999999</v>
      </c>
      <c r="U317">
        <v>914.90700000000004</v>
      </c>
      <c r="V317">
        <v>894.30399999999997</v>
      </c>
      <c r="W317">
        <v>879.18</v>
      </c>
      <c r="X317">
        <v>843.73099999999999</v>
      </c>
      <c r="Y317">
        <v>825.10699999999997</v>
      </c>
    </row>
    <row r="318" spans="1:25" x14ac:dyDescent="0.3">
      <c r="A318">
        <v>8.4500000016453374</v>
      </c>
      <c r="B318">
        <v>1015.593</v>
      </c>
      <c r="C318">
        <v>994.00800000000004</v>
      </c>
      <c r="D318">
        <v>977.78300000000002</v>
      </c>
      <c r="E318">
        <v>930.77599999999995</v>
      </c>
      <c r="F318">
        <v>881.90499999999997</v>
      </c>
      <c r="G318">
        <v>880.87800000000004</v>
      </c>
      <c r="H318">
        <v>877.15099999999995</v>
      </c>
      <c r="I318">
        <v>885.39400000000001</v>
      </c>
      <c r="J318">
        <v>905.19799999999998</v>
      </c>
      <c r="K318">
        <v>930.24</v>
      </c>
      <c r="L318">
        <v>931.67100000000005</v>
      </c>
      <c r="M318">
        <v>906.44100000000003</v>
      </c>
      <c r="N318">
        <v>883.83600000000001</v>
      </c>
      <c r="O318">
        <v>899.79600000000005</v>
      </c>
      <c r="P318">
        <v>0</v>
      </c>
      <c r="Q318">
        <v>0</v>
      </c>
      <c r="R318">
        <v>963.29</v>
      </c>
      <c r="S318">
        <v>0</v>
      </c>
      <c r="T318">
        <v>952.11099999999999</v>
      </c>
      <c r="U318">
        <v>919.86599999999999</v>
      </c>
      <c r="V318">
        <v>896.59799999999996</v>
      </c>
      <c r="W318">
        <v>879.58799999999997</v>
      </c>
      <c r="X318">
        <v>842.78499999999997</v>
      </c>
      <c r="Y318">
        <v>823.976</v>
      </c>
    </row>
    <row r="319" spans="1:25" x14ac:dyDescent="0.3">
      <c r="A319">
        <v>8.4833333322933573</v>
      </c>
      <c r="B319">
        <v>1020.437</v>
      </c>
      <c r="C319">
        <v>994.774</v>
      </c>
      <c r="D319">
        <v>982.46400000000006</v>
      </c>
      <c r="E319">
        <v>926.00300000000004</v>
      </c>
      <c r="F319">
        <v>869.08500000000004</v>
      </c>
      <c r="G319">
        <v>869.59699999999998</v>
      </c>
      <c r="H319">
        <v>868.83799999999997</v>
      </c>
      <c r="I319">
        <v>878.30100000000004</v>
      </c>
      <c r="J319">
        <v>898.30499999999995</v>
      </c>
      <c r="K319">
        <v>925.34100000000001</v>
      </c>
      <c r="L319">
        <v>926.95100000000002</v>
      </c>
      <c r="M319">
        <v>902.48099999999999</v>
      </c>
      <c r="N319">
        <v>888.56600000000003</v>
      </c>
      <c r="O319">
        <v>906.26599999999996</v>
      </c>
      <c r="P319">
        <v>0</v>
      </c>
      <c r="Q319">
        <v>0</v>
      </c>
      <c r="R319">
        <v>962.11699999999996</v>
      </c>
      <c r="S319">
        <v>0</v>
      </c>
      <c r="T319">
        <v>946.06200000000001</v>
      </c>
      <c r="U319">
        <v>912.95</v>
      </c>
      <c r="V319">
        <v>889.27499999999998</v>
      </c>
      <c r="W319">
        <v>875.37</v>
      </c>
      <c r="X319">
        <v>840.36900000000003</v>
      </c>
      <c r="Y319">
        <v>823.87300000000005</v>
      </c>
    </row>
    <row r="320" spans="1:25" x14ac:dyDescent="0.3">
      <c r="A320">
        <v>8.5166666734187562</v>
      </c>
      <c r="B320">
        <v>1013.76</v>
      </c>
      <c r="C320">
        <v>1000.857</v>
      </c>
      <c r="D320">
        <v>975.42600000000004</v>
      </c>
      <c r="E320">
        <v>914.46400000000006</v>
      </c>
      <c r="F320">
        <v>863.42899999999997</v>
      </c>
      <c r="G320">
        <v>866.63199999999995</v>
      </c>
      <c r="H320">
        <v>867.35299999999995</v>
      </c>
      <c r="I320">
        <v>875.93399999999997</v>
      </c>
      <c r="J320">
        <v>894.51900000000001</v>
      </c>
      <c r="K320">
        <v>923.90800000000002</v>
      </c>
      <c r="L320">
        <v>924.26599999999996</v>
      </c>
      <c r="M320">
        <v>899.74300000000005</v>
      </c>
      <c r="N320">
        <v>892.16</v>
      </c>
      <c r="O320">
        <v>910.649</v>
      </c>
      <c r="P320">
        <v>0</v>
      </c>
      <c r="Q320">
        <v>0</v>
      </c>
      <c r="R320">
        <v>962.54899999999998</v>
      </c>
      <c r="S320">
        <v>0</v>
      </c>
      <c r="T320">
        <v>941.30399999999997</v>
      </c>
      <c r="U320">
        <v>905.66</v>
      </c>
      <c r="V320">
        <v>879.11099999999999</v>
      </c>
      <c r="W320">
        <v>865.27700000000004</v>
      </c>
      <c r="X320">
        <v>829.47199999999998</v>
      </c>
      <c r="Y320">
        <v>816.37300000000005</v>
      </c>
    </row>
    <row r="321" spans="1:25" x14ac:dyDescent="0.3">
      <c r="A321">
        <v>8.5333333335040766</v>
      </c>
      <c r="B321">
        <v>1005.682</v>
      </c>
      <c r="C321">
        <v>1003.325</v>
      </c>
      <c r="D321">
        <v>958.56</v>
      </c>
      <c r="E321">
        <v>898.28700000000003</v>
      </c>
      <c r="F321">
        <v>857.41099999999994</v>
      </c>
      <c r="G321">
        <v>864.99599999999998</v>
      </c>
      <c r="H321">
        <v>867.44299999999998</v>
      </c>
      <c r="I321">
        <v>881.74800000000005</v>
      </c>
      <c r="J321">
        <v>902.57</v>
      </c>
      <c r="K321">
        <v>922.83699999999999</v>
      </c>
      <c r="L321">
        <v>919.70699999999999</v>
      </c>
      <c r="M321">
        <v>895.05399999999997</v>
      </c>
      <c r="N321">
        <v>886.17499999999995</v>
      </c>
      <c r="O321">
        <v>903.51099999999997</v>
      </c>
      <c r="P321">
        <v>0</v>
      </c>
      <c r="Q321">
        <v>0</v>
      </c>
      <c r="R321">
        <v>950.67200000000003</v>
      </c>
      <c r="S321">
        <v>0</v>
      </c>
      <c r="T321">
        <v>933.53499999999997</v>
      </c>
      <c r="U321">
        <v>900.26</v>
      </c>
      <c r="V321">
        <v>874.96400000000006</v>
      </c>
      <c r="W321">
        <v>862.12800000000004</v>
      </c>
      <c r="X321">
        <v>825.84299999999996</v>
      </c>
      <c r="Y321">
        <v>813.97400000000005</v>
      </c>
    </row>
    <row r="322" spans="1:25" x14ac:dyDescent="0.3">
      <c r="A322">
        <v>8.5666666641520965</v>
      </c>
      <c r="B322">
        <v>1002.779</v>
      </c>
      <c r="C322">
        <v>1000.605</v>
      </c>
      <c r="D322">
        <v>962.91399999999999</v>
      </c>
      <c r="E322">
        <v>907.71100000000001</v>
      </c>
      <c r="F322">
        <v>864.85699999999997</v>
      </c>
      <c r="G322">
        <v>874.45399999999995</v>
      </c>
      <c r="H322">
        <v>876.13099999999997</v>
      </c>
      <c r="I322">
        <v>887.52300000000002</v>
      </c>
      <c r="J322">
        <v>906.64099999999996</v>
      </c>
      <c r="K322">
        <v>926.63</v>
      </c>
      <c r="L322">
        <v>920.51300000000003</v>
      </c>
      <c r="M322">
        <v>893.81200000000001</v>
      </c>
      <c r="N322">
        <v>888.49699999999996</v>
      </c>
      <c r="O322">
        <v>903.47799999999995</v>
      </c>
      <c r="P322">
        <v>0</v>
      </c>
      <c r="Q322">
        <v>0</v>
      </c>
      <c r="R322">
        <v>955.44600000000003</v>
      </c>
      <c r="S322">
        <v>0</v>
      </c>
      <c r="T322">
        <v>929.49199999999996</v>
      </c>
      <c r="U322">
        <v>897.79200000000003</v>
      </c>
      <c r="V322">
        <v>877.94899999999996</v>
      </c>
      <c r="W322">
        <v>864.54100000000005</v>
      </c>
      <c r="X322">
        <v>824.71199999999999</v>
      </c>
      <c r="Y322">
        <v>816.02800000000002</v>
      </c>
    </row>
    <row r="323" spans="1:25" x14ac:dyDescent="0.3">
      <c r="A323">
        <v>8.583333334714796</v>
      </c>
      <c r="B323">
        <v>997.30499999999995</v>
      </c>
      <c r="C323">
        <v>982.77300000000002</v>
      </c>
      <c r="D323">
        <v>974.15899999999999</v>
      </c>
      <c r="E323">
        <v>933.59</v>
      </c>
      <c r="F323">
        <v>895.12599999999998</v>
      </c>
      <c r="G323">
        <v>898.34199999999998</v>
      </c>
      <c r="H323">
        <v>895.32100000000003</v>
      </c>
      <c r="I323">
        <v>898.09299999999996</v>
      </c>
      <c r="J323">
        <v>912.09500000000003</v>
      </c>
      <c r="K323">
        <v>933.28499999999997</v>
      </c>
      <c r="L323">
        <v>931.548</v>
      </c>
      <c r="M323">
        <v>907.21100000000001</v>
      </c>
      <c r="N323">
        <v>891.80799999999999</v>
      </c>
      <c r="O323">
        <v>904.31200000000001</v>
      </c>
      <c r="P323">
        <v>0</v>
      </c>
      <c r="Q323">
        <v>0</v>
      </c>
      <c r="R323">
        <v>961.30499999999995</v>
      </c>
      <c r="S323">
        <v>0</v>
      </c>
      <c r="T323">
        <v>937.125</v>
      </c>
      <c r="U323">
        <v>905.68</v>
      </c>
      <c r="V323">
        <v>884.40499999999997</v>
      </c>
      <c r="W323">
        <v>867.95600000000002</v>
      </c>
      <c r="X323">
        <v>827.20399999999995</v>
      </c>
      <c r="Y323">
        <v>818.08500000000004</v>
      </c>
    </row>
    <row r="324" spans="1:25" x14ac:dyDescent="0.3">
      <c r="A324">
        <v>8.6166666653628159</v>
      </c>
      <c r="B324">
        <v>1002.905</v>
      </c>
      <c r="C324">
        <v>980.77700000000004</v>
      </c>
      <c r="D324">
        <v>988.16700000000003</v>
      </c>
      <c r="E324">
        <v>965.33399999999995</v>
      </c>
      <c r="F324">
        <v>930.67100000000005</v>
      </c>
      <c r="G324">
        <v>928.63199999999995</v>
      </c>
      <c r="H324">
        <v>919.83199999999999</v>
      </c>
      <c r="I324">
        <v>913.12800000000004</v>
      </c>
      <c r="J324">
        <v>921.90700000000004</v>
      </c>
      <c r="K324">
        <v>936.89099999999996</v>
      </c>
      <c r="L324">
        <v>933.96600000000001</v>
      </c>
      <c r="M324">
        <v>909.29499999999996</v>
      </c>
      <c r="N324">
        <v>898.03899999999999</v>
      </c>
      <c r="O324">
        <v>914.34</v>
      </c>
      <c r="P324">
        <v>0</v>
      </c>
      <c r="Q324">
        <v>0</v>
      </c>
      <c r="R324">
        <v>977.62199999999996</v>
      </c>
      <c r="S324">
        <v>0</v>
      </c>
      <c r="T324">
        <v>953.17499999999995</v>
      </c>
      <c r="U324">
        <v>915.53499999999997</v>
      </c>
      <c r="V324">
        <v>892.303</v>
      </c>
      <c r="W324">
        <v>874.71699999999998</v>
      </c>
      <c r="X324">
        <v>834.59799999999996</v>
      </c>
      <c r="Y324">
        <v>821.01300000000003</v>
      </c>
    </row>
    <row r="325" spans="1:25" x14ac:dyDescent="0.3">
      <c r="A325">
        <v>8.6500000064882148</v>
      </c>
      <c r="B325">
        <v>1010.708</v>
      </c>
      <c r="C325">
        <v>1014.1849999999999</v>
      </c>
      <c r="D325">
        <v>1008.79</v>
      </c>
      <c r="E325">
        <v>978.89300000000003</v>
      </c>
      <c r="F325">
        <v>928.59799999999996</v>
      </c>
      <c r="G325">
        <v>918.76300000000003</v>
      </c>
      <c r="H325">
        <v>910.40200000000004</v>
      </c>
      <c r="I325">
        <v>909.351</v>
      </c>
      <c r="J325">
        <v>919.726</v>
      </c>
      <c r="K325">
        <v>931.92499999999995</v>
      </c>
      <c r="L325">
        <v>926.66600000000005</v>
      </c>
      <c r="M325">
        <v>902.41200000000003</v>
      </c>
      <c r="N325">
        <v>904.36599999999999</v>
      </c>
      <c r="O325">
        <v>917.26599999999996</v>
      </c>
      <c r="P325">
        <v>0</v>
      </c>
      <c r="Q325">
        <v>0</v>
      </c>
      <c r="R325">
        <v>980.01700000000005</v>
      </c>
      <c r="S325">
        <v>0</v>
      </c>
      <c r="T325">
        <v>951.86199999999997</v>
      </c>
      <c r="U325">
        <v>916.05399999999997</v>
      </c>
      <c r="V325">
        <v>891.63199999999995</v>
      </c>
      <c r="W325">
        <v>879.71500000000003</v>
      </c>
      <c r="X325">
        <v>845.17499999999995</v>
      </c>
      <c r="Y325">
        <v>828.93299999999999</v>
      </c>
    </row>
    <row r="326" spans="1:25" x14ac:dyDescent="0.3">
      <c r="A326">
        <v>8.6666666665735352</v>
      </c>
      <c r="B326">
        <v>1022.164</v>
      </c>
      <c r="C326">
        <v>1020.092</v>
      </c>
      <c r="D326">
        <v>1004.919</v>
      </c>
      <c r="E326">
        <v>959.57299999999998</v>
      </c>
      <c r="F326">
        <v>911.33100000000002</v>
      </c>
      <c r="G326">
        <v>907.28499999999997</v>
      </c>
      <c r="H326">
        <v>904.42100000000005</v>
      </c>
      <c r="I326">
        <v>909.83399999999995</v>
      </c>
      <c r="J326">
        <v>924.98699999999997</v>
      </c>
      <c r="K326">
        <v>932.89300000000003</v>
      </c>
      <c r="L326">
        <v>927.50900000000001</v>
      </c>
      <c r="M326">
        <v>901.70299999999997</v>
      </c>
      <c r="N326">
        <v>912.36500000000001</v>
      </c>
      <c r="O326">
        <v>922.34</v>
      </c>
      <c r="P326">
        <v>0</v>
      </c>
      <c r="Q326">
        <v>0</v>
      </c>
      <c r="R326">
        <v>978.29600000000005</v>
      </c>
      <c r="S326">
        <v>0</v>
      </c>
      <c r="T326">
        <v>947.54200000000003</v>
      </c>
      <c r="U326">
        <v>915.05700000000002</v>
      </c>
      <c r="V326">
        <v>891.51</v>
      </c>
      <c r="W326">
        <v>875.63800000000003</v>
      </c>
      <c r="X326">
        <v>842.51</v>
      </c>
      <c r="Y326">
        <v>829.25</v>
      </c>
    </row>
    <row r="327" spans="1:25" x14ac:dyDescent="0.3">
      <c r="A327">
        <v>8.6999999972215551</v>
      </c>
      <c r="B327">
        <v>996.77700000000004</v>
      </c>
      <c r="C327">
        <v>1003.071</v>
      </c>
      <c r="D327">
        <v>980.65099999999995</v>
      </c>
      <c r="E327">
        <v>936.76599999999996</v>
      </c>
      <c r="F327">
        <v>894.255</v>
      </c>
      <c r="G327">
        <v>893.91700000000003</v>
      </c>
      <c r="H327">
        <v>891.54200000000003</v>
      </c>
      <c r="I327">
        <v>897.50699999999995</v>
      </c>
      <c r="J327">
        <v>916.14200000000005</v>
      </c>
      <c r="K327">
        <v>927.846</v>
      </c>
      <c r="L327">
        <v>924.76900000000001</v>
      </c>
      <c r="M327">
        <v>897.89700000000005</v>
      </c>
      <c r="N327">
        <v>913.00400000000002</v>
      </c>
      <c r="O327">
        <v>921.35299999999995</v>
      </c>
      <c r="P327">
        <v>0</v>
      </c>
      <c r="Q327">
        <v>0</v>
      </c>
      <c r="R327">
        <v>975.10199999999998</v>
      </c>
      <c r="S327">
        <v>0</v>
      </c>
      <c r="T327">
        <v>945.79300000000001</v>
      </c>
      <c r="U327">
        <v>915.94600000000003</v>
      </c>
      <c r="V327">
        <v>891.31200000000001</v>
      </c>
      <c r="W327">
        <v>872.31700000000001</v>
      </c>
      <c r="X327">
        <v>839.6</v>
      </c>
      <c r="Y327">
        <v>826.08799999999997</v>
      </c>
    </row>
    <row r="328" spans="1:25" x14ac:dyDescent="0.3">
      <c r="A328">
        <v>8.7166666677842546</v>
      </c>
      <c r="B328">
        <v>996.54300000000001</v>
      </c>
      <c r="C328">
        <v>1009.449</v>
      </c>
      <c r="D328">
        <v>971.10199999999998</v>
      </c>
      <c r="E328">
        <v>926.97199999999998</v>
      </c>
      <c r="F328">
        <v>882.90200000000004</v>
      </c>
      <c r="G328">
        <v>886.69200000000001</v>
      </c>
      <c r="H328">
        <v>883.54</v>
      </c>
      <c r="I328">
        <v>890.67700000000002</v>
      </c>
      <c r="J328">
        <v>910.85</v>
      </c>
      <c r="K328">
        <v>929.476</v>
      </c>
      <c r="L328">
        <v>925.04</v>
      </c>
      <c r="M328">
        <v>897.42</v>
      </c>
      <c r="N328">
        <v>909.63699999999994</v>
      </c>
      <c r="O328">
        <v>926.56</v>
      </c>
      <c r="P328">
        <v>0</v>
      </c>
      <c r="Q328">
        <v>0</v>
      </c>
      <c r="R328">
        <v>991.24599999999998</v>
      </c>
      <c r="S328">
        <v>0</v>
      </c>
      <c r="T328">
        <v>956.54600000000005</v>
      </c>
      <c r="U328">
        <v>926.22</v>
      </c>
      <c r="V328">
        <v>904.40300000000002</v>
      </c>
      <c r="W328">
        <v>885.68299999999999</v>
      </c>
      <c r="X328">
        <v>847.73800000000006</v>
      </c>
      <c r="Y328">
        <v>829.66899999999998</v>
      </c>
    </row>
    <row r="329" spans="1:25" x14ac:dyDescent="0.3">
      <c r="A329">
        <v>8.7499999984322745</v>
      </c>
      <c r="B329">
        <v>1012.428</v>
      </c>
      <c r="C329">
        <v>1013.251</v>
      </c>
      <c r="D329">
        <v>985.42399999999998</v>
      </c>
      <c r="E329">
        <v>934.63400000000001</v>
      </c>
      <c r="F329">
        <v>886.05499999999995</v>
      </c>
      <c r="G329">
        <v>888.83600000000001</v>
      </c>
      <c r="H329">
        <v>885.54100000000005</v>
      </c>
      <c r="I329">
        <v>889.84500000000003</v>
      </c>
      <c r="J329">
        <v>910.86800000000005</v>
      </c>
      <c r="K329">
        <v>934.00599999999997</v>
      </c>
      <c r="L329">
        <v>931.15800000000002</v>
      </c>
      <c r="M329">
        <v>903.71100000000001</v>
      </c>
      <c r="N329">
        <v>904.06600000000003</v>
      </c>
      <c r="O329">
        <v>925.27300000000002</v>
      </c>
      <c r="P329">
        <v>0</v>
      </c>
      <c r="Q329">
        <v>0</v>
      </c>
      <c r="R329">
        <v>990.68200000000002</v>
      </c>
      <c r="S329">
        <v>0</v>
      </c>
      <c r="T329">
        <v>957.26700000000005</v>
      </c>
      <c r="U329">
        <v>926.36400000000003</v>
      </c>
      <c r="V329">
        <v>906.42899999999997</v>
      </c>
      <c r="W329">
        <v>888.83600000000001</v>
      </c>
      <c r="X329">
        <v>851.54499999999996</v>
      </c>
      <c r="Y329">
        <v>834.024</v>
      </c>
    </row>
    <row r="330" spans="1:25" x14ac:dyDescent="0.3">
      <c r="A330">
        <v>8.7833333395576734</v>
      </c>
      <c r="B330">
        <v>1030.7829999999999</v>
      </c>
      <c r="C330">
        <v>1030.5630000000001</v>
      </c>
      <c r="D330">
        <v>998.11</v>
      </c>
      <c r="E330">
        <v>947.12900000000002</v>
      </c>
      <c r="F330">
        <v>895.92899999999997</v>
      </c>
      <c r="G330">
        <v>889.13800000000003</v>
      </c>
      <c r="H330">
        <v>881.92899999999997</v>
      </c>
      <c r="I330">
        <v>885.45399999999995</v>
      </c>
      <c r="J330">
        <v>899.98</v>
      </c>
      <c r="K330">
        <v>924.25400000000002</v>
      </c>
      <c r="L330">
        <v>928.54700000000003</v>
      </c>
      <c r="M330">
        <v>908.28399999999999</v>
      </c>
      <c r="N330">
        <v>904.13800000000003</v>
      </c>
      <c r="O330">
        <v>925.077</v>
      </c>
      <c r="P330">
        <v>0</v>
      </c>
      <c r="Q330">
        <v>0</v>
      </c>
      <c r="R330">
        <v>1003.147</v>
      </c>
      <c r="S330">
        <v>0</v>
      </c>
      <c r="T330">
        <v>970.39800000000002</v>
      </c>
      <c r="U330">
        <v>935.56799999999998</v>
      </c>
      <c r="V330">
        <v>911.86699999999996</v>
      </c>
      <c r="W330">
        <v>889.91700000000003</v>
      </c>
      <c r="X330">
        <v>852.81</v>
      </c>
      <c r="Y330">
        <v>833.745</v>
      </c>
    </row>
    <row r="331" spans="1:25" x14ac:dyDescent="0.3">
      <c r="A331">
        <v>8.7999999996429938</v>
      </c>
      <c r="B331">
        <v>1029.8820000000001</v>
      </c>
      <c r="C331">
        <v>1021.157</v>
      </c>
      <c r="D331">
        <v>1016.5359999999999</v>
      </c>
      <c r="E331">
        <v>983.43100000000004</v>
      </c>
      <c r="F331">
        <v>937.66800000000001</v>
      </c>
      <c r="G331">
        <v>922.00199999999995</v>
      </c>
      <c r="H331">
        <v>902.22</v>
      </c>
      <c r="I331">
        <v>894.65</v>
      </c>
      <c r="J331">
        <v>899.66099999999994</v>
      </c>
      <c r="K331">
        <v>917.64400000000001</v>
      </c>
      <c r="L331">
        <v>925.88300000000004</v>
      </c>
      <c r="M331">
        <v>911.69</v>
      </c>
      <c r="N331">
        <v>913.70399999999995</v>
      </c>
      <c r="O331">
        <v>933.86400000000003</v>
      </c>
      <c r="P331">
        <v>0</v>
      </c>
      <c r="Q331">
        <v>0</v>
      </c>
      <c r="R331">
        <v>1006.62</v>
      </c>
      <c r="S331">
        <v>0</v>
      </c>
      <c r="T331">
        <v>969.47699999999998</v>
      </c>
      <c r="U331">
        <v>937.09400000000005</v>
      </c>
      <c r="V331">
        <v>914.471</v>
      </c>
      <c r="W331">
        <v>893.69100000000003</v>
      </c>
      <c r="X331">
        <v>856.625</v>
      </c>
      <c r="Y331">
        <v>835.84500000000003</v>
      </c>
    </row>
    <row r="332" spans="1:25" x14ac:dyDescent="0.3">
      <c r="A332">
        <v>8.8333333302910138</v>
      </c>
      <c r="B332">
        <v>1037.393</v>
      </c>
      <c r="C332">
        <v>1026.0530000000001</v>
      </c>
      <c r="D332">
        <v>1015.783</v>
      </c>
      <c r="E332">
        <v>984.46299999999997</v>
      </c>
      <c r="F332">
        <v>934.88499999999999</v>
      </c>
      <c r="G332">
        <v>921.05200000000002</v>
      </c>
      <c r="H332">
        <v>907.32100000000003</v>
      </c>
      <c r="I332">
        <v>908.07</v>
      </c>
      <c r="J332">
        <v>925.38099999999997</v>
      </c>
      <c r="K332">
        <v>941.38199999999995</v>
      </c>
      <c r="L332">
        <v>937.38</v>
      </c>
      <c r="M332">
        <v>916.69799999999998</v>
      </c>
      <c r="N332">
        <v>929.08299999999997</v>
      </c>
      <c r="O332">
        <v>946.678</v>
      </c>
      <c r="P332">
        <v>0</v>
      </c>
      <c r="Q332">
        <v>0</v>
      </c>
      <c r="R332">
        <v>1017.03</v>
      </c>
      <c r="S332">
        <v>0</v>
      </c>
      <c r="T332">
        <v>981.21699999999998</v>
      </c>
      <c r="U332">
        <v>948.71299999999997</v>
      </c>
      <c r="V332">
        <v>925.41700000000003</v>
      </c>
      <c r="W332">
        <v>901.70299999999997</v>
      </c>
      <c r="X332">
        <v>859.59799999999996</v>
      </c>
      <c r="Y332">
        <v>840.05799999999999</v>
      </c>
    </row>
    <row r="333" spans="1:25" x14ac:dyDescent="0.3">
      <c r="A333">
        <v>8.8666666714164126</v>
      </c>
      <c r="B333">
        <v>1045.6469999999999</v>
      </c>
      <c r="C333">
        <v>1039.0509999999999</v>
      </c>
      <c r="D333">
        <v>1004.263</v>
      </c>
      <c r="E333">
        <v>958.33100000000002</v>
      </c>
      <c r="F333">
        <v>909.39</v>
      </c>
      <c r="G333">
        <v>901.95299999999997</v>
      </c>
      <c r="H333">
        <v>895.21900000000005</v>
      </c>
      <c r="I333">
        <v>897.36900000000003</v>
      </c>
      <c r="J333">
        <v>917.23400000000004</v>
      </c>
      <c r="K333">
        <v>935.49699999999996</v>
      </c>
      <c r="L333">
        <v>935.62300000000005</v>
      </c>
      <c r="M333">
        <v>915.73599999999999</v>
      </c>
      <c r="N333">
        <v>926.72400000000005</v>
      </c>
      <c r="O333">
        <v>942.87300000000005</v>
      </c>
      <c r="P333">
        <v>0</v>
      </c>
      <c r="Q333">
        <v>0</v>
      </c>
      <c r="R333">
        <v>1003.715</v>
      </c>
      <c r="S333">
        <v>0</v>
      </c>
      <c r="T333">
        <v>972.73099999999999</v>
      </c>
      <c r="U333">
        <v>939.553</v>
      </c>
      <c r="V333">
        <v>915.45100000000002</v>
      </c>
      <c r="W333">
        <v>897.15599999999995</v>
      </c>
      <c r="X333">
        <v>856.27300000000002</v>
      </c>
      <c r="Y333">
        <v>837.24400000000003</v>
      </c>
    </row>
    <row r="334" spans="1:25" x14ac:dyDescent="0.3">
      <c r="A334">
        <v>8.8833333315017331</v>
      </c>
      <c r="B334">
        <v>1040.8399999999999</v>
      </c>
      <c r="C334">
        <v>1028.17</v>
      </c>
      <c r="D334">
        <v>997.947</v>
      </c>
      <c r="E334">
        <v>958.78099999999995</v>
      </c>
      <c r="F334">
        <v>915.46900000000005</v>
      </c>
      <c r="G334">
        <v>908.85500000000002</v>
      </c>
      <c r="H334">
        <v>903.51700000000005</v>
      </c>
      <c r="I334">
        <v>913.98900000000003</v>
      </c>
      <c r="J334">
        <v>938.63699999999994</v>
      </c>
      <c r="K334">
        <v>949.56100000000004</v>
      </c>
      <c r="L334">
        <v>944.68499999999995</v>
      </c>
      <c r="M334">
        <v>919.78399999999999</v>
      </c>
      <c r="N334">
        <v>928.90599999999995</v>
      </c>
      <c r="O334">
        <v>943.60900000000004</v>
      </c>
      <c r="P334">
        <v>0</v>
      </c>
      <c r="Q334">
        <v>0</v>
      </c>
      <c r="R334">
        <v>999.20299999999997</v>
      </c>
      <c r="S334">
        <v>0</v>
      </c>
      <c r="T334">
        <v>970.14599999999996</v>
      </c>
      <c r="U334">
        <v>933.25400000000002</v>
      </c>
      <c r="V334">
        <v>906.96600000000001</v>
      </c>
      <c r="W334">
        <v>890.09500000000003</v>
      </c>
      <c r="X334">
        <v>849.74</v>
      </c>
      <c r="Y334">
        <v>832.12</v>
      </c>
    </row>
    <row r="335" spans="1:25" x14ac:dyDescent="0.3">
      <c r="A335">
        <v>8.916666672627132</v>
      </c>
      <c r="B335">
        <v>1032.7539999999999</v>
      </c>
      <c r="C335">
        <v>1028.4459999999999</v>
      </c>
      <c r="D335">
        <v>987.35299999999995</v>
      </c>
      <c r="E335">
        <v>945.56399999999996</v>
      </c>
      <c r="F335">
        <v>901.66899999999998</v>
      </c>
      <c r="G335">
        <v>899.19899999999996</v>
      </c>
      <c r="H335">
        <v>895.20100000000002</v>
      </c>
      <c r="I335">
        <v>905.48900000000003</v>
      </c>
      <c r="J335">
        <v>934.22199999999998</v>
      </c>
      <c r="K335">
        <v>950.69500000000005</v>
      </c>
      <c r="L335">
        <v>945.22299999999996</v>
      </c>
      <c r="M335">
        <v>916.36</v>
      </c>
      <c r="N335">
        <v>923.48599999999999</v>
      </c>
      <c r="O335">
        <v>940.86199999999997</v>
      </c>
      <c r="P335">
        <v>0</v>
      </c>
      <c r="Q335">
        <v>0</v>
      </c>
      <c r="R335">
        <v>1002.052</v>
      </c>
      <c r="S335">
        <v>0</v>
      </c>
      <c r="T335">
        <v>971.48299999999995</v>
      </c>
      <c r="U335">
        <v>930.74800000000005</v>
      </c>
      <c r="V335">
        <v>900.33600000000001</v>
      </c>
      <c r="W335">
        <v>884.78099999999995</v>
      </c>
      <c r="X335">
        <v>846.56399999999996</v>
      </c>
      <c r="Y335">
        <v>831.99699999999996</v>
      </c>
    </row>
    <row r="336" spans="1:25" x14ac:dyDescent="0.3">
      <c r="A336">
        <v>8.9333333327124524</v>
      </c>
      <c r="B336">
        <v>1030.1790000000001</v>
      </c>
      <c r="C336">
        <v>1022.498</v>
      </c>
      <c r="D336">
        <v>993.79899999999998</v>
      </c>
      <c r="E336">
        <v>960.76900000000001</v>
      </c>
      <c r="F336">
        <v>913.58100000000002</v>
      </c>
      <c r="G336">
        <v>906.93200000000002</v>
      </c>
      <c r="H336">
        <v>900.42700000000002</v>
      </c>
      <c r="I336">
        <v>906.80700000000002</v>
      </c>
      <c r="J336">
        <v>931.44799999999998</v>
      </c>
      <c r="K336">
        <v>949.36500000000001</v>
      </c>
      <c r="L336">
        <v>944.68700000000001</v>
      </c>
      <c r="M336">
        <v>918.00199999999995</v>
      </c>
      <c r="N336">
        <v>916.95100000000002</v>
      </c>
      <c r="O336">
        <v>935.60599999999999</v>
      </c>
      <c r="P336">
        <v>0</v>
      </c>
      <c r="Q336">
        <v>0</v>
      </c>
      <c r="R336">
        <v>996.58399999999995</v>
      </c>
      <c r="S336">
        <v>0</v>
      </c>
      <c r="T336">
        <v>964.69100000000003</v>
      </c>
      <c r="U336">
        <v>923.14800000000002</v>
      </c>
      <c r="V336">
        <v>895.84299999999996</v>
      </c>
      <c r="W336">
        <v>882.65800000000002</v>
      </c>
      <c r="X336">
        <v>846.51400000000001</v>
      </c>
      <c r="Y336">
        <v>832.97799999999995</v>
      </c>
    </row>
    <row r="337" spans="1:25" x14ac:dyDescent="0.3">
      <c r="A337">
        <v>8.9666666633604724</v>
      </c>
      <c r="B337">
        <v>1014.979</v>
      </c>
      <c r="C337">
        <v>1019.436</v>
      </c>
      <c r="D337">
        <v>992.14300000000003</v>
      </c>
      <c r="E337">
        <v>952.44500000000005</v>
      </c>
      <c r="F337">
        <v>898.50900000000001</v>
      </c>
      <c r="G337">
        <v>892.55899999999997</v>
      </c>
      <c r="H337">
        <v>888.255</v>
      </c>
      <c r="I337">
        <v>894.88400000000001</v>
      </c>
      <c r="J337">
        <v>917.84199999999998</v>
      </c>
      <c r="K337">
        <v>942.51599999999996</v>
      </c>
      <c r="L337">
        <v>941.90599999999995</v>
      </c>
      <c r="M337">
        <v>917.04</v>
      </c>
      <c r="N337">
        <v>915.68499999999995</v>
      </c>
      <c r="O337">
        <v>935.46299999999997</v>
      </c>
      <c r="P337">
        <v>0</v>
      </c>
      <c r="Q337">
        <v>0</v>
      </c>
      <c r="R337">
        <v>998.27700000000004</v>
      </c>
      <c r="S337">
        <v>0</v>
      </c>
      <c r="T337">
        <v>963.76900000000001</v>
      </c>
      <c r="U337">
        <v>927.31600000000003</v>
      </c>
      <c r="V337">
        <v>902.86199999999997</v>
      </c>
      <c r="W337">
        <v>887.03300000000002</v>
      </c>
      <c r="X337">
        <v>848.33900000000006</v>
      </c>
      <c r="Y337">
        <v>832.85599999999999</v>
      </c>
    </row>
    <row r="338" spans="1:25" x14ac:dyDescent="0.3">
      <c r="A338">
        <v>9.0000000044858712</v>
      </c>
      <c r="B338">
        <v>1019.71</v>
      </c>
      <c r="C338">
        <v>1022.333</v>
      </c>
      <c r="D338">
        <v>1013.952</v>
      </c>
      <c r="E338">
        <v>979.93200000000002</v>
      </c>
      <c r="F338">
        <v>933.57799999999997</v>
      </c>
      <c r="G338">
        <v>916.27300000000002</v>
      </c>
      <c r="H338">
        <v>907.87599999999998</v>
      </c>
      <c r="I338">
        <v>912.63599999999997</v>
      </c>
      <c r="J338">
        <v>924.86500000000001</v>
      </c>
      <c r="K338">
        <v>942.80200000000002</v>
      </c>
      <c r="L338">
        <v>939.75199999999995</v>
      </c>
      <c r="M338">
        <v>916.32600000000002</v>
      </c>
      <c r="N338">
        <v>921.09100000000001</v>
      </c>
      <c r="O338">
        <v>939.447</v>
      </c>
      <c r="P338">
        <v>0</v>
      </c>
      <c r="Q338">
        <v>0</v>
      </c>
      <c r="R338">
        <v>1013.31</v>
      </c>
      <c r="S338">
        <v>0</v>
      </c>
      <c r="T338">
        <v>968.81</v>
      </c>
      <c r="U338">
        <v>931.03599999999994</v>
      </c>
      <c r="V338">
        <v>907.37699999999995</v>
      </c>
      <c r="W338">
        <v>892.15099999999995</v>
      </c>
      <c r="X338">
        <v>854.47900000000004</v>
      </c>
      <c r="Y338">
        <v>836.96600000000001</v>
      </c>
    </row>
    <row r="339" spans="1:25" x14ac:dyDescent="0.3">
      <c r="A339">
        <v>9.0166666645711917</v>
      </c>
      <c r="B339">
        <v>1037.8389999999999</v>
      </c>
      <c r="C339">
        <v>1034.5250000000001</v>
      </c>
      <c r="D339">
        <v>1028.6880000000001</v>
      </c>
      <c r="E339">
        <v>994.05399999999997</v>
      </c>
      <c r="F339">
        <v>944.79600000000005</v>
      </c>
      <c r="G339">
        <v>928.56899999999996</v>
      </c>
      <c r="H339">
        <v>918.39499999999998</v>
      </c>
      <c r="I339">
        <v>919.07299999999998</v>
      </c>
      <c r="J339">
        <v>931.35900000000004</v>
      </c>
      <c r="K339">
        <v>954.46199999999999</v>
      </c>
      <c r="L339">
        <v>949.67200000000003</v>
      </c>
      <c r="M339">
        <v>925.15200000000004</v>
      </c>
      <c r="N339">
        <v>925.09900000000005</v>
      </c>
      <c r="O339">
        <v>939.69899999999996</v>
      </c>
      <c r="P339">
        <v>0</v>
      </c>
      <c r="Q339">
        <v>0</v>
      </c>
      <c r="R339">
        <v>1010.587</v>
      </c>
      <c r="S339">
        <v>0</v>
      </c>
      <c r="T339">
        <v>972.48</v>
      </c>
      <c r="U339">
        <v>936.18200000000002</v>
      </c>
      <c r="V339">
        <v>912.86900000000003</v>
      </c>
      <c r="W339">
        <v>895.524</v>
      </c>
      <c r="X339">
        <v>854.93799999999999</v>
      </c>
      <c r="Y339">
        <v>837.94600000000003</v>
      </c>
    </row>
    <row r="340" spans="1:25" x14ac:dyDescent="0.3">
      <c r="A340">
        <v>9.0500000056965906</v>
      </c>
      <c r="B340">
        <v>1045.8</v>
      </c>
      <c r="C340">
        <v>1033.2940000000001</v>
      </c>
      <c r="D340">
        <v>1026.1510000000001</v>
      </c>
      <c r="E340">
        <v>985.44899999999996</v>
      </c>
      <c r="F340">
        <v>935</v>
      </c>
      <c r="G340">
        <v>925.13699999999994</v>
      </c>
      <c r="H340">
        <v>917.827</v>
      </c>
      <c r="I340">
        <v>921.34500000000003</v>
      </c>
      <c r="J340">
        <v>941.53200000000004</v>
      </c>
      <c r="K340">
        <v>958.71400000000006</v>
      </c>
      <c r="L340">
        <v>949.13400000000001</v>
      </c>
      <c r="M340">
        <v>922.31100000000004</v>
      </c>
      <c r="N340">
        <v>926.40700000000004</v>
      </c>
      <c r="O340">
        <v>934.85599999999999</v>
      </c>
      <c r="P340">
        <v>0</v>
      </c>
      <c r="Q340">
        <v>0</v>
      </c>
      <c r="R340">
        <v>1004.14</v>
      </c>
      <c r="S340">
        <v>0</v>
      </c>
      <c r="T340">
        <v>973.55200000000002</v>
      </c>
      <c r="U340">
        <v>941.58600000000001</v>
      </c>
      <c r="V340">
        <v>917.25699999999995</v>
      </c>
      <c r="W340">
        <v>896.04200000000003</v>
      </c>
      <c r="X340">
        <v>857.827</v>
      </c>
      <c r="Y340">
        <v>839.47</v>
      </c>
    </row>
    <row r="341" spans="1:25" x14ac:dyDescent="0.3">
      <c r="A341">
        <v>9.066666665781911</v>
      </c>
      <c r="B341">
        <v>1043.452</v>
      </c>
      <c r="C341">
        <v>1032.557</v>
      </c>
      <c r="D341">
        <v>1019.072</v>
      </c>
      <c r="E341">
        <v>984.68700000000001</v>
      </c>
      <c r="F341">
        <v>926.56700000000001</v>
      </c>
      <c r="G341">
        <v>918.05899999999997</v>
      </c>
      <c r="H341">
        <v>910.375</v>
      </c>
      <c r="I341">
        <v>924.38499999999999</v>
      </c>
      <c r="J341">
        <v>952.32100000000003</v>
      </c>
      <c r="K341">
        <v>963.75400000000002</v>
      </c>
      <c r="L341">
        <v>949.00699999999995</v>
      </c>
      <c r="M341">
        <v>919.53800000000001</v>
      </c>
      <c r="N341">
        <v>928.64200000000005</v>
      </c>
      <c r="O341">
        <v>942.80600000000004</v>
      </c>
      <c r="P341">
        <v>0</v>
      </c>
      <c r="Q341">
        <v>0</v>
      </c>
      <c r="R341">
        <v>1006.04</v>
      </c>
      <c r="S341">
        <v>0</v>
      </c>
      <c r="T341">
        <v>972.80799999999999</v>
      </c>
      <c r="U341">
        <v>940.31100000000004</v>
      </c>
      <c r="V341">
        <v>918.71799999999996</v>
      </c>
      <c r="W341">
        <v>901.798</v>
      </c>
      <c r="X341">
        <v>864.25</v>
      </c>
      <c r="Y341">
        <v>844.00800000000004</v>
      </c>
    </row>
    <row r="342" spans="1:25" x14ac:dyDescent="0.3">
      <c r="A342">
        <v>9.099999996429931</v>
      </c>
      <c r="B342">
        <v>1056.1959999999999</v>
      </c>
      <c r="C342">
        <v>1045.4090000000001</v>
      </c>
      <c r="D342">
        <v>1019.509</v>
      </c>
      <c r="E342">
        <v>999.60599999999999</v>
      </c>
      <c r="F342">
        <v>954.93</v>
      </c>
      <c r="G342">
        <v>930.428</v>
      </c>
      <c r="H342">
        <v>916.73699999999997</v>
      </c>
      <c r="I342">
        <v>923.399</v>
      </c>
      <c r="J342">
        <v>945.83600000000001</v>
      </c>
      <c r="K342">
        <v>962.75699999999995</v>
      </c>
      <c r="L342">
        <v>950.51800000000003</v>
      </c>
      <c r="M342">
        <v>921.77099999999996</v>
      </c>
      <c r="N342">
        <v>939.39400000000001</v>
      </c>
      <c r="O342">
        <v>963.697</v>
      </c>
      <c r="P342">
        <v>0</v>
      </c>
      <c r="Q342">
        <v>0</v>
      </c>
      <c r="R342">
        <v>1028.5039999999999</v>
      </c>
      <c r="S342">
        <v>0</v>
      </c>
      <c r="T342">
        <v>985.62800000000004</v>
      </c>
      <c r="U342">
        <v>938.58600000000001</v>
      </c>
      <c r="V342">
        <v>913.51</v>
      </c>
      <c r="W342">
        <v>902.02700000000004</v>
      </c>
      <c r="X342">
        <v>867.43299999999999</v>
      </c>
      <c r="Y342">
        <v>850.84799999999996</v>
      </c>
    </row>
    <row r="343" spans="1:25" x14ac:dyDescent="0.3">
      <c r="A343">
        <v>9.1333333375553298</v>
      </c>
      <c r="B343">
        <v>1060.8389999999999</v>
      </c>
      <c r="C343">
        <v>1049.904</v>
      </c>
      <c r="D343">
        <v>1036.0740000000001</v>
      </c>
      <c r="E343">
        <v>1021.071</v>
      </c>
      <c r="F343">
        <v>995.54899999999998</v>
      </c>
      <c r="G343">
        <v>963.19399999999996</v>
      </c>
      <c r="H343">
        <v>942.95</v>
      </c>
      <c r="I343">
        <v>937.279</v>
      </c>
      <c r="J343">
        <v>950.10599999999999</v>
      </c>
      <c r="K343">
        <v>964.91099999999994</v>
      </c>
      <c r="L343">
        <v>955.83299999999997</v>
      </c>
      <c r="M343">
        <v>929.12599999999998</v>
      </c>
      <c r="N343">
        <v>944.43899999999996</v>
      </c>
      <c r="O343">
        <v>961.29700000000003</v>
      </c>
      <c r="P343">
        <v>0</v>
      </c>
      <c r="Q343">
        <v>0</v>
      </c>
      <c r="R343">
        <v>1034.8219999999999</v>
      </c>
      <c r="S343">
        <v>0</v>
      </c>
      <c r="T343">
        <v>987.50400000000002</v>
      </c>
      <c r="U343">
        <v>940.20399999999995</v>
      </c>
      <c r="V343">
        <v>912.01599999999996</v>
      </c>
      <c r="W343">
        <v>899.48900000000003</v>
      </c>
      <c r="X343">
        <v>862.57799999999997</v>
      </c>
      <c r="Y343">
        <v>848.798</v>
      </c>
    </row>
    <row r="344" spans="1:25" x14ac:dyDescent="0.3">
      <c r="A344">
        <v>9.1499999976406503</v>
      </c>
      <c r="B344">
        <v>1055.607</v>
      </c>
      <c r="C344">
        <v>1052.9369999999999</v>
      </c>
      <c r="D344">
        <v>1047.04</v>
      </c>
      <c r="E344">
        <v>1036.3879999999999</v>
      </c>
      <c r="F344">
        <v>1002.662</v>
      </c>
      <c r="G344">
        <v>969.79100000000005</v>
      </c>
      <c r="H344">
        <v>952.80899999999997</v>
      </c>
      <c r="I344">
        <v>948.18100000000004</v>
      </c>
      <c r="J344">
        <v>958.95</v>
      </c>
      <c r="K344">
        <v>966.50199999999995</v>
      </c>
      <c r="L344">
        <v>956.28499999999997</v>
      </c>
      <c r="M344">
        <v>930.77200000000005</v>
      </c>
      <c r="N344">
        <v>943.72299999999996</v>
      </c>
      <c r="O344">
        <v>957.76099999999997</v>
      </c>
      <c r="P344">
        <v>0</v>
      </c>
      <c r="Q344">
        <v>0</v>
      </c>
      <c r="R344">
        <v>1038.3209999999999</v>
      </c>
      <c r="S344">
        <v>0</v>
      </c>
      <c r="T344">
        <v>993.18399999999997</v>
      </c>
      <c r="U344">
        <v>949.18899999999996</v>
      </c>
      <c r="V344">
        <v>917.91800000000001</v>
      </c>
      <c r="W344">
        <v>897.23299999999995</v>
      </c>
      <c r="X344">
        <v>857.84500000000003</v>
      </c>
      <c r="Y344">
        <v>842.71100000000001</v>
      </c>
    </row>
    <row r="345" spans="1:25" x14ac:dyDescent="0.3">
      <c r="A345">
        <v>9.1833333387660492</v>
      </c>
      <c r="B345">
        <v>1055.365</v>
      </c>
      <c r="C345">
        <v>1054.1949999999999</v>
      </c>
      <c r="D345">
        <v>1048.961</v>
      </c>
      <c r="E345">
        <v>1025.895</v>
      </c>
      <c r="F345">
        <v>976.59900000000005</v>
      </c>
      <c r="G345">
        <v>947.73</v>
      </c>
      <c r="H345">
        <v>935.80799999999999</v>
      </c>
      <c r="I345">
        <v>935.84400000000005</v>
      </c>
      <c r="J345">
        <v>951.18700000000001</v>
      </c>
      <c r="K345">
        <v>958.96699999999998</v>
      </c>
      <c r="L345">
        <v>948.34199999999998</v>
      </c>
      <c r="M345">
        <v>923.70600000000002</v>
      </c>
      <c r="N345">
        <v>951.87199999999996</v>
      </c>
      <c r="O345">
        <v>951.96199999999999</v>
      </c>
      <c r="P345">
        <v>0</v>
      </c>
      <c r="Q345">
        <v>0</v>
      </c>
      <c r="R345">
        <v>1005.054</v>
      </c>
      <c r="S345">
        <v>0</v>
      </c>
      <c r="T345">
        <v>969.10400000000004</v>
      </c>
      <c r="U345">
        <v>932.48900000000003</v>
      </c>
      <c r="V345">
        <v>906.61500000000001</v>
      </c>
      <c r="W345">
        <v>893.89200000000005</v>
      </c>
      <c r="X345">
        <v>859.12900000000002</v>
      </c>
      <c r="Y345">
        <v>845.27200000000005</v>
      </c>
    </row>
    <row r="346" spans="1:25" x14ac:dyDescent="0.3">
      <c r="A346">
        <v>9.1999999988513697</v>
      </c>
      <c r="B346">
        <v>1058.242</v>
      </c>
      <c r="C346">
        <v>1058.6320000000001</v>
      </c>
      <c r="D346">
        <v>1046.5029999999999</v>
      </c>
      <c r="E346">
        <v>1012.29</v>
      </c>
      <c r="F346">
        <v>960.9</v>
      </c>
      <c r="G346">
        <v>938.32100000000003</v>
      </c>
      <c r="H346">
        <v>927.71299999999997</v>
      </c>
      <c r="I346">
        <v>934.98299999999995</v>
      </c>
      <c r="J346">
        <v>952.34</v>
      </c>
      <c r="K346">
        <v>955.85199999999998</v>
      </c>
      <c r="L346">
        <v>941.47900000000004</v>
      </c>
      <c r="M346">
        <v>916.22400000000005</v>
      </c>
      <c r="N346">
        <v>965.96</v>
      </c>
      <c r="O346">
        <v>968.43499999999995</v>
      </c>
      <c r="P346">
        <v>0</v>
      </c>
      <c r="Q346">
        <v>0</v>
      </c>
      <c r="R346">
        <v>1010.554</v>
      </c>
      <c r="S346">
        <v>0</v>
      </c>
      <c r="T346">
        <v>970.56799999999998</v>
      </c>
      <c r="U346">
        <v>929.75199999999995</v>
      </c>
      <c r="V346">
        <v>899.25900000000001</v>
      </c>
      <c r="W346">
        <v>884.18600000000004</v>
      </c>
      <c r="X346">
        <v>849.41300000000001</v>
      </c>
      <c r="Y346">
        <v>839.33100000000002</v>
      </c>
    </row>
    <row r="347" spans="1:25" x14ac:dyDescent="0.3">
      <c r="A347">
        <v>9.2333333399767685</v>
      </c>
      <c r="B347">
        <v>1047.2270000000001</v>
      </c>
      <c r="C347">
        <v>1060.8989999999999</v>
      </c>
      <c r="D347">
        <v>1038.8389999999999</v>
      </c>
      <c r="E347">
        <v>1005.587</v>
      </c>
      <c r="F347">
        <v>942.91700000000003</v>
      </c>
      <c r="G347">
        <v>926.51700000000005</v>
      </c>
      <c r="H347">
        <v>918.74</v>
      </c>
      <c r="I347">
        <v>926.01700000000005</v>
      </c>
      <c r="J347">
        <v>945.77099999999996</v>
      </c>
      <c r="K347">
        <v>954.19799999999998</v>
      </c>
      <c r="L347">
        <v>941.822</v>
      </c>
      <c r="M347">
        <v>918.29399999999998</v>
      </c>
      <c r="N347">
        <v>971.221</v>
      </c>
      <c r="O347">
        <v>982.07899999999995</v>
      </c>
      <c r="P347">
        <v>0</v>
      </c>
      <c r="Q347">
        <v>0</v>
      </c>
      <c r="R347">
        <v>1024.5039999999999</v>
      </c>
      <c r="S347">
        <v>0</v>
      </c>
      <c r="T347">
        <v>985.56100000000004</v>
      </c>
      <c r="U347">
        <v>943.86800000000005</v>
      </c>
      <c r="V347">
        <v>910.48599999999999</v>
      </c>
      <c r="W347">
        <v>890.67</v>
      </c>
      <c r="X347">
        <v>846.48500000000001</v>
      </c>
      <c r="Y347">
        <v>837.375</v>
      </c>
    </row>
    <row r="348" spans="1:25" x14ac:dyDescent="0.3">
      <c r="A348">
        <v>9.2666666706247884</v>
      </c>
      <c r="B348">
        <v>1050.4590000000001</v>
      </c>
      <c r="C348">
        <v>1049.498</v>
      </c>
      <c r="D348">
        <v>1049.96</v>
      </c>
      <c r="E348">
        <v>1014.543</v>
      </c>
      <c r="F348">
        <v>948.32399999999996</v>
      </c>
      <c r="G348">
        <v>927.66</v>
      </c>
      <c r="H348">
        <v>916.72299999999996</v>
      </c>
      <c r="I348">
        <v>921.57799999999997</v>
      </c>
      <c r="J348">
        <v>940.76099999999997</v>
      </c>
      <c r="K348">
        <v>953.27700000000004</v>
      </c>
      <c r="L348">
        <v>942.89700000000005</v>
      </c>
      <c r="M348">
        <v>920.38</v>
      </c>
      <c r="N348">
        <v>963.73699999999997</v>
      </c>
      <c r="O348">
        <v>975.83799999999997</v>
      </c>
      <c r="P348">
        <v>0</v>
      </c>
      <c r="Q348">
        <v>0</v>
      </c>
      <c r="R348">
        <v>1017.1660000000001</v>
      </c>
      <c r="S348">
        <v>0</v>
      </c>
      <c r="T348">
        <v>979.39300000000003</v>
      </c>
      <c r="U348">
        <v>939.21799999999996</v>
      </c>
      <c r="V348">
        <v>909.66300000000001</v>
      </c>
      <c r="W348">
        <v>892.65099999999995</v>
      </c>
      <c r="X348">
        <v>852.46600000000001</v>
      </c>
      <c r="Y348">
        <v>841.41200000000003</v>
      </c>
    </row>
    <row r="349" spans="1:25" x14ac:dyDescent="0.3">
      <c r="A349">
        <v>9.2833333307101089</v>
      </c>
      <c r="B349">
        <v>1060.0250000000001</v>
      </c>
      <c r="C349">
        <v>1059.5609999999999</v>
      </c>
      <c r="D349">
        <v>1066.4649999999999</v>
      </c>
      <c r="E349">
        <v>1027.9559999999999</v>
      </c>
      <c r="F349">
        <v>970.65899999999999</v>
      </c>
      <c r="G349">
        <v>950.702</v>
      </c>
      <c r="H349">
        <v>932.22199999999998</v>
      </c>
      <c r="I349">
        <v>929.48500000000001</v>
      </c>
      <c r="J349">
        <v>941.48</v>
      </c>
      <c r="K349">
        <v>949.37</v>
      </c>
      <c r="L349">
        <v>936.49099999999999</v>
      </c>
      <c r="M349">
        <v>912.03499999999997</v>
      </c>
      <c r="N349">
        <v>959.83500000000004</v>
      </c>
      <c r="O349">
        <v>973.11800000000005</v>
      </c>
      <c r="P349">
        <v>0</v>
      </c>
      <c r="Q349">
        <v>0</v>
      </c>
      <c r="R349">
        <v>1012.51</v>
      </c>
      <c r="S349">
        <v>0</v>
      </c>
      <c r="T349">
        <v>973.88</v>
      </c>
      <c r="U349">
        <v>929.68200000000002</v>
      </c>
      <c r="V349">
        <v>896.91399999999999</v>
      </c>
      <c r="W349">
        <v>883.07100000000003</v>
      </c>
      <c r="X349">
        <v>846.71199999999999</v>
      </c>
      <c r="Y349">
        <v>837.98500000000001</v>
      </c>
    </row>
    <row r="350" spans="1:25" x14ac:dyDescent="0.3">
      <c r="A350">
        <v>9.3166666718355078</v>
      </c>
      <c r="B350">
        <v>1066.7660000000001</v>
      </c>
      <c r="C350">
        <v>1070.0999999999999</v>
      </c>
      <c r="D350">
        <v>1045.491</v>
      </c>
      <c r="E350">
        <v>984.25699999999995</v>
      </c>
      <c r="F350">
        <v>935.63300000000004</v>
      </c>
      <c r="G350">
        <v>925.35699999999997</v>
      </c>
      <c r="H350">
        <v>918.49199999999996</v>
      </c>
      <c r="I350">
        <v>921.47500000000002</v>
      </c>
      <c r="J350">
        <v>935.81200000000001</v>
      </c>
      <c r="K350">
        <v>943.15200000000004</v>
      </c>
      <c r="L350">
        <v>931.29499999999996</v>
      </c>
      <c r="M350">
        <v>906.726</v>
      </c>
      <c r="N350">
        <v>957.45899999999995</v>
      </c>
      <c r="O350">
        <v>967.87900000000002</v>
      </c>
      <c r="P350">
        <v>0</v>
      </c>
      <c r="Q350">
        <v>0</v>
      </c>
      <c r="R350">
        <v>1002.355</v>
      </c>
      <c r="S350">
        <v>0</v>
      </c>
      <c r="T350">
        <v>966.38</v>
      </c>
      <c r="U350">
        <v>924.82</v>
      </c>
      <c r="V350">
        <v>895.24699999999996</v>
      </c>
      <c r="W350">
        <v>880.80700000000002</v>
      </c>
      <c r="X350">
        <v>841.62699999999995</v>
      </c>
      <c r="Y350">
        <v>833.19600000000003</v>
      </c>
    </row>
    <row r="351" spans="1:25" x14ac:dyDescent="0.3">
      <c r="A351">
        <v>9.3333333319208283</v>
      </c>
      <c r="B351">
        <v>1077.461</v>
      </c>
      <c r="C351">
        <v>1067.0609999999999</v>
      </c>
      <c r="D351">
        <v>1053.623</v>
      </c>
      <c r="E351">
        <v>1006.172</v>
      </c>
      <c r="F351">
        <v>949.80399999999997</v>
      </c>
      <c r="G351">
        <v>930.00599999999997</v>
      </c>
      <c r="H351">
        <v>920.47199999999998</v>
      </c>
      <c r="I351">
        <v>924.01400000000001</v>
      </c>
      <c r="J351">
        <v>943.83299999999997</v>
      </c>
      <c r="K351">
        <v>951.22699999999998</v>
      </c>
      <c r="L351">
        <v>937.91099999999994</v>
      </c>
      <c r="M351">
        <v>910.20100000000002</v>
      </c>
      <c r="N351">
        <v>964.78800000000001</v>
      </c>
      <c r="O351">
        <v>971.81799999999998</v>
      </c>
      <c r="P351">
        <v>0</v>
      </c>
      <c r="Q351">
        <v>0</v>
      </c>
      <c r="R351">
        <v>1001.148</v>
      </c>
      <c r="S351">
        <v>0</v>
      </c>
      <c r="T351">
        <v>968.42</v>
      </c>
      <c r="U351">
        <v>925.44500000000005</v>
      </c>
      <c r="V351">
        <v>894.60599999999999</v>
      </c>
      <c r="W351">
        <v>880.91200000000003</v>
      </c>
      <c r="X351">
        <v>844.17</v>
      </c>
      <c r="Y351">
        <v>833.93</v>
      </c>
    </row>
    <row r="352" spans="1:25" x14ac:dyDescent="0.3">
      <c r="A352">
        <v>9.3666666730462271</v>
      </c>
      <c r="B352">
        <v>1091.223</v>
      </c>
      <c r="C352">
        <v>1074.999</v>
      </c>
      <c r="D352">
        <v>1041.9010000000001</v>
      </c>
      <c r="E352">
        <v>985.88599999999997</v>
      </c>
      <c r="F352">
        <v>940.58299999999997</v>
      </c>
      <c r="G352">
        <v>926.99900000000002</v>
      </c>
      <c r="H352">
        <v>921.81200000000001</v>
      </c>
      <c r="I352">
        <v>925.63900000000001</v>
      </c>
      <c r="J352">
        <v>945.19500000000005</v>
      </c>
      <c r="K352">
        <v>953.96199999999999</v>
      </c>
      <c r="L352">
        <v>943.93899999999996</v>
      </c>
      <c r="M352">
        <v>915.51199999999994</v>
      </c>
      <c r="N352">
        <v>961.06299999999999</v>
      </c>
      <c r="O352">
        <v>968.16499999999996</v>
      </c>
      <c r="P352">
        <v>0</v>
      </c>
      <c r="Q352">
        <v>0</v>
      </c>
      <c r="R352">
        <v>1000.652</v>
      </c>
      <c r="S352">
        <v>0</v>
      </c>
      <c r="T352">
        <v>962.16600000000005</v>
      </c>
      <c r="U352">
        <v>914.95899999999995</v>
      </c>
      <c r="V352">
        <v>887.83500000000004</v>
      </c>
      <c r="W352">
        <v>876.86500000000001</v>
      </c>
      <c r="X352">
        <v>843.92200000000003</v>
      </c>
      <c r="Y352">
        <v>836.971</v>
      </c>
    </row>
    <row r="353" spans="1:25" x14ac:dyDescent="0.3">
      <c r="A353">
        <v>9.400000003694247</v>
      </c>
      <c r="B353">
        <v>1077.0889999999999</v>
      </c>
      <c r="C353">
        <v>1069.316</v>
      </c>
      <c r="D353">
        <v>1053.088</v>
      </c>
      <c r="E353">
        <v>1009.388</v>
      </c>
      <c r="F353">
        <v>941.12300000000005</v>
      </c>
      <c r="G353">
        <v>925.89200000000005</v>
      </c>
      <c r="H353">
        <v>917.67100000000005</v>
      </c>
      <c r="I353">
        <v>922.29700000000003</v>
      </c>
      <c r="J353">
        <v>937.75</v>
      </c>
      <c r="K353">
        <v>948.54399999999998</v>
      </c>
      <c r="L353">
        <v>942.75699999999995</v>
      </c>
      <c r="M353">
        <v>916.601</v>
      </c>
      <c r="N353">
        <v>971.149</v>
      </c>
      <c r="O353">
        <v>981.15499999999997</v>
      </c>
      <c r="P353">
        <v>0</v>
      </c>
      <c r="Q353">
        <v>0</v>
      </c>
      <c r="R353">
        <v>998.21100000000001</v>
      </c>
      <c r="S353">
        <v>0</v>
      </c>
      <c r="T353">
        <v>960.072</v>
      </c>
      <c r="U353">
        <v>915.79899999999998</v>
      </c>
      <c r="V353">
        <v>889.11199999999997</v>
      </c>
      <c r="W353">
        <v>877.99800000000005</v>
      </c>
      <c r="X353">
        <v>845.80200000000002</v>
      </c>
      <c r="Y353">
        <v>837.16600000000005</v>
      </c>
    </row>
    <row r="354" spans="1:25" x14ac:dyDescent="0.3">
      <c r="A354">
        <v>9.4166666637795675</v>
      </c>
      <c r="B354">
        <v>1064.8</v>
      </c>
      <c r="C354">
        <v>1048.672</v>
      </c>
      <c r="D354">
        <v>1047.1379999999999</v>
      </c>
      <c r="E354">
        <v>992.91700000000003</v>
      </c>
      <c r="F354">
        <v>925.41200000000003</v>
      </c>
      <c r="G354">
        <v>918.49400000000003</v>
      </c>
      <c r="H354">
        <v>913.03899999999999</v>
      </c>
      <c r="I354">
        <v>931.1</v>
      </c>
      <c r="J354">
        <v>951.60799999999995</v>
      </c>
      <c r="K354">
        <v>955.3</v>
      </c>
      <c r="L354">
        <v>946.58399999999995</v>
      </c>
      <c r="M354">
        <v>920.11800000000005</v>
      </c>
      <c r="N354">
        <v>968.85699999999997</v>
      </c>
      <c r="O354">
        <v>986.47299999999996</v>
      </c>
      <c r="P354">
        <v>0</v>
      </c>
      <c r="Q354">
        <v>0</v>
      </c>
      <c r="R354">
        <v>1000.895</v>
      </c>
      <c r="S354">
        <v>0</v>
      </c>
      <c r="T354">
        <v>961.82799999999997</v>
      </c>
      <c r="U354">
        <v>917.26400000000001</v>
      </c>
      <c r="V354">
        <v>885.66200000000003</v>
      </c>
      <c r="W354">
        <v>876.005</v>
      </c>
      <c r="X354">
        <v>842.27800000000002</v>
      </c>
      <c r="Y354">
        <v>834.73699999999997</v>
      </c>
    </row>
    <row r="355" spans="1:25" x14ac:dyDescent="0.3">
      <c r="A355">
        <v>9.4500000049049664</v>
      </c>
      <c r="B355">
        <v>1063.4069999999999</v>
      </c>
      <c r="C355">
        <v>1047.7280000000001</v>
      </c>
      <c r="D355">
        <v>1038.933</v>
      </c>
      <c r="E355">
        <v>987.78300000000002</v>
      </c>
      <c r="F355">
        <v>922.15499999999997</v>
      </c>
      <c r="G355">
        <v>916.17499999999995</v>
      </c>
      <c r="H355">
        <v>910.72</v>
      </c>
      <c r="I355">
        <v>923.03200000000004</v>
      </c>
      <c r="J355">
        <v>944.37300000000005</v>
      </c>
      <c r="K355">
        <v>955.13599999999997</v>
      </c>
      <c r="L355">
        <v>946.88800000000003</v>
      </c>
      <c r="M355">
        <v>920.04499999999996</v>
      </c>
      <c r="N355">
        <v>969.25300000000004</v>
      </c>
      <c r="O355">
        <v>992.15099999999995</v>
      </c>
      <c r="P355">
        <v>0</v>
      </c>
      <c r="Q355">
        <v>0</v>
      </c>
      <c r="R355">
        <v>1021.003</v>
      </c>
      <c r="S355">
        <v>0</v>
      </c>
      <c r="T355">
        <v>978.83500000000004</v>
      </c>
      <c r="U355">
        <v>933.62300000000005</v>
      </c>
      <c r="V355">
        <v>901.80399999999997</v>
      </c>
      <c r="W355">
        <v>885.55399999999997</v>
      </c>
      <c r="X355">
        <v>843.57500000000005</v>
      </c>
      <c r="Y355">
        <v>836.85199999999998</v>
      </c>
    </row>
    <row r="356" spans="1:25" x14ac:dyDescent="0.3">
      <c r="A356">
        <v>9.4666666649902869</v>
      </c>
      <c r="B356">
        <v>1050.74</v>
      </c>
      <c r="C356">
        <v>1038.674</v>
      </c>
      <c r="D356">
        <v>1028.18</v>
      </c>
      <c r="E356">
        <v>979.505</v>
      </c>
      <c r="F356">
        <v>915.38900000000001</v>
      </c>
      <c r="G356">
        <v>910.14800000000002</v>
      </c>
      <c r="H356">
        <v>903.846</v>
      </c>
      <c r="I356">
        <v>912.91099999999994</v>
      </c>
      <c r="J356">
        <v>930.74</v>
      </c>
      <c r="K356">
        <v>948.94</v>
      </c>
      <c r="L356">
        <v>945.48400000000004</v>
      </c>
      <c r="M356">
        <v>921.99300000000005</v>
      </c>
      <c r="N356">
        <v>960.10799999999995</v>
      </c>
      <c r="O356">
        <v>986.19799999999998</v>
      </c>
      <c r="P356">
        <v>0</v>
      </c>
      <c r="Q356">
        <v>0</v>
      </c>
      <c r="R356">
        <v>1020.122</v>
      </c>
      <c r="S356">
        <v>0</v>
      </c>
      <c r="T356">
        <v>979.54100000000005</v>
      </c>
      <c r="U356">
        <v>940.85400000000004</v>
      </c>
      <c r="V356">
        <v>913.74900000000002</v>
      </c>
      <c r="W356">
        <v>898.35599999999999</v>
      </c>
      <c r="X356">
        <v>857.07399999999996</v>
      </c>
      <c r="Y356">
        <v>843.87199999999996</v>
      </c>
    </row>
    <row r="357" spans="1:25" x14ac:dyDescent="0.3">
      <c r="A357">
        <v>9.5000000061156857</v>
      </c>
      <c r="B357">
        <v>1056.615</v>
      </c>
      <c r="C357">
        <v>1018.309</v>
      </c>
      <c r="D357">
        <v>1023.976</v>
      </c>
      <c r="E357">
        <v>993.29899999999998</v>
      </c>
      <c r="F357">
        <v>932.71</v>
      </c>
      <c r="G357">
        <v>917.54899999999998</v>
      </c>
      <c r="H357">
        <v>905.16399999999999</v>
      </c>
      <c r="I357">
        <v>911.95100000000002</v>
      </c>
      <c r="J357">
        <v>926.71799999999996</v>
      </c>
      <c r="K357">
        <v>947.01599999999996</v>
      </c>
      <c r="L357">
        <v>945.32600000000002</v>
      </c>
      <c r="M357">
        <v>924.10599999999999</v>
      </c>
      <c r="N357">
        <v>957.33500000000004</v>
      </c>
      <c r="O357">
        <v>983.02599999999995</v>
      </c>
      <c r="P357">
        <v>0</v>
      </c>
      <c r="Q357">
        <v>0</v>
      </c>
      <c r="R357">
        <v>1019.153</v>
      </c>
      <c r="S357">
        <v>0</v>
      </c>
      <c r="T357">
        <v>980.07</v>
      </c>
      <c r="U357">
        <v>939.726</v>
      </c>
      <c r="V357">
        <v>912.34400000000005</v>
      </c>
      <c r="W357">
        <v>897.346</v>
      </c>
      <c r="X357">
        <v>859.96299999999997</v>
      </c>
      <c r="Y357">
        <v>845.524</v>
      </c>
    </row>
    <row r="358" spans="1:25" x14ac:dyDescent="0.3">
      <c r="A358">
        <v>9.5333333367637056</v>
      </c>
      <c r="B358">
        <v>1052.703</v>
      </c>
      <c r="C358">
        <v>1005.299</v>
      </c>
      <c r="D358">
        <v>1023.207</v>
      </c>
      <c r="E358">
        <v>981.26800000000003</v>
      </c>
      <c r="F358">
        <v>920.78</v>
      </c>
      <c r="G358">
        <v>913.68100000000004</v>
      </c>
      <c r="H358">
        <v>906.39099999999996</v>
      </c>
      <c r="I358">
        <v>916.39099999999996</v>
      </c>
      <c r="J358">
        <v>938.79399999999998</v>
      </c>
      <c r="K358">
        <v>956.327</v>
      </c>
      <c r="L358">
        <v>953.19399999999996</v>
      </c>
      <c r="M358">
        <v>929.95600000000002</v>
      </c>
      <c r="N358">
        <v>965.51499999999999</v>
      </c>
      <c r="O358">
        <v>990.77</v>
      </c>
      <c r="P358">
        <v>0</v>
      </c>
      <c r="Q358">
        <v>0</v>
      </c>
      <c r="R358">
        <v>1029.1410000000001</v>
      </c>
      <c r="S358">
        <v>0</v>
      </c>
      <c r="T358">
        <v>988.20399999999995</v>
      </c>
      <c r="U358">
        <v>951.375</v>
      </c>
      <c r="V358">
        <v>923.94600000000003</v>
      </c>
      <c r="W358">
        <v>909.18899999999996</v>
      </c>
      <c r="X358">
        <v>871.94600000000003</v>
      </c>
      <c r="Y358">
        <v>856.49699999999996</v>
      </c>
    </row>
    <row r="359" spans="1:25" x14ac:dyDescent="0.3">
      <c r="A359">
        <v>9.5499999968490261</v>
      </c>
      <c r="B359">
        <v>1046.99</v>
      </c>
      <c r="C359">
        <v>1027.2249999999999</v>
      </c>
      <c r="D359">
        <v>1023.169</v>
      </c>
      <c r="E359">
        <v>964.21299999999997</v>
      </c>
      <c r="F359">
        <v>907.47699999999998</v>
      </c>
      <c r="G359">
        <v>905.03899999999999</v>
      </c>
      <c r="H359">
        <v>900.93499999999995</v>
      </c>
      <c r="I359">
        <v>908.6</v>
      </c>
      <c r="J359">
        <v>931.04600000000005</v>
      </c>
      <c r="K359">
        <v>955.94799999999998</v>
      </c>
      <c r="L359">
        <v>957.029</v>
      </c>
      <c r="M359">
        <v>935.58100000000002</v>
      </c>
      <c r="N359">
        <v>972.90599999999995</v>
      </c>
      <c r="O359">
        <v>996.35699999999997</v>
      </c>
      <c r="P359">
        <v>0</v>
      </c>
      <c r="Q359">
        <v>0</v>
      </c>
      <c r="R359">
        <v>1039.579</v>
      </c>
      <c r="S359">
        <v>0</v>
      </c>
      <c r="T359">
        <v>991.77</v>
      </c>
      <c r="U359">
        <v>951.37400000000002</v>
      </c>
      <c r="V359">
        <v>925.62699999999995</v>
      </c>
      <c r="W359">
        <v>911.07799999999997</v>
      </c>
      <c r="X359">
        <v>875.29899999999998</v>
      </c>
      <c r="Y359">
        <v>858.41399999999999</v>
      </c>
    </row>
    <row r="360" spans="1:25" x14ac:dyDescent="0.3">
      <c r="A360">
        <v>9.583333337974425</v>
      </c>
      <c r="B360">
        <v>1034.296</v>
      </c>
      <c r="C360">
        <v>1037.3889999999999</v>
      </c>
      <c r="D360">
        <v>1018.292</v>
      </c>
      <c r="E360">
        <v>956.07500000000005</v>
      </c>
      <c r="F360">
        <v>901.34400000000005</v>
      </c>
      <c r="G360">
        <v>899.56799999999998</v>
      </c>
      <c r="H360">
        <v>897.31100000000004</v>
      </c>
      <c r="I360">
        <v>904.27599999999995</v>
      </c>
      <c r="J360">
        <v>924.35799999999995</v>
      </c>
      <c r="K360">
        <v>953.73400000000004</v>
      </c>
      <c r="L360">
        <v>959.20899999999995</v>
      </c>
      <c r="M360">
        <v>939.42200000000003</v>
      </c>
      <c r="N360">
        <v>982.93600000000004</v>
      </c>
      <c r="O360">
        <v>1010.726</v>
      </c>
      <c r="P360">
        <v>0</v>
      </c>
      <c r="Q360">
        <v>0</v>
      </c>
      <c r="R360">
        <v>1044.4590000000001</v>
      </c>
      <c r="S360">
        <v>0</v>
      </c>
      <c r="T360">
        <v>991.298</v>
      </c>
      <c r="U360">
        <v>948.33199999999999</v>
      </c>
      <c r="V360">
        <v>924.64400000000001</v>
      </c>
      <c r="W360">
        <v>913.32500000000005</v>
      </c>
      <c r="X360">
        <v>880.36699999999996</v>
      </c>
      <c r="Y360">
        <v>863.88800000000003</v>
      </c>
    </row>
    <row r="361" spans="1:25" x14ac:dyDescent="0.3">
      <c r="A361">
        <v>9.6166666686224449</v>
      </c>
      <c r="B361">
        <v>1038.184</v>
      </c>
      <c r="C361">
        <v>1036.1400000000001</v>
      </c>
      <c r="D361">
        <v>1019.982</v>
      </c>
      <c r="E361">
        <v>959.73500000000001</v>
      </c>
      <c r="F361">
        <v>903.92399999999998</v>
      </c>
      <c r="G361">
        <v>902.43100000000004</v>
      </c>
      <c r="H361">
        <v>899.28599999999994</v>
      </c>
      <c r="I361">
        <v>905.04300000000001</v>
      </c>
      <c r="J361">
        <v>921.30200000000002</v>
      </c>
      <c r="K361">
        <v>950.98199999999997</v>
      </c>
      <c r="L361">
        <v>960.27700000000004</v>
      </c>
      <c r="M361">
        <v>942.06299999999999</v>
      </c>
      <c r="N361">
        <v>980.45399999999995</v>
      </c>
      <c r="O361">
        <v>1014.186</v>
      </c>
      <c r="P361">
        <v>0</v>
      </c>
      <c r="Q361">
        <v>0</v>
      </c>
      <c r="R361">
        <v>1046.828</v>
      </c>
      <c r="S361">
        <v>0</v>
      </c>
      <c r="T361">
        <v>994.32299999999998</v>
      </c>
      <c r="U361">
        <v>949.48699999999997</v>
      </c>
      <c r="V361">
        <v>924.96900000000005</v>
      </c>
      <c r="W361">
        <v>914.30799999999999</v>
      </c>
      <c r="X361">
        <v>880.529</v>
      </c>
      <c r="Y361">
        <v>863.96199999999999</v>
      </c>
    </row>
    <row r="362" spans="1:25" x14ac:dyDescent="0.3">
      <c r="A362">
        <v>9.6333333391851443</v>
      </c>
      <c r="B362">
        <v>1055.299</v>
      </c>
      <c r="C362">
        <v>1035.2539999999999</v>
      </c>
      <c r="D362">
        <v>1018.824</v>
      </c>
      <c r="E362">
        <v>988.87800000000004</v>
      </c>
      <c r="F362">
        <v>940.10500000000002</v>
      </c>
      <c r="G362">
        <v>928.34699999999998</v>
      </c>
      <c r="H362">
        <v>918.29899999999998</v>
      </c>
      <c r="I362">
        <v>922.78399999999999</v>
      </c>
      <c r="J362">
        <v>941.66600000000005</v>
      </c>
      <c r="K362">
        <v>958.45299999999997</v>
      </c>
      <c r="L362">
        <v>960.40099999999995</v>
      </c>
      <c r="M362">
        <v>940.44600000000003</v>
      </c>
      <c r="N362">
        <v>972.76199999999994</v>
      </c>
      <c r="O362">
        <v>1001.134</v>
      </c>
      <c r="P362">
        <v>0</v>
      </c>
      <c r="Q362">
        <v>0</v>
      </c>
      <c r="R362">
        <v>1044.385</v>
      </c>
      <c r="S362">
        <v>0</v>
      </c>
      <c r="T362">
        <v>987.822</v>
      </c>
      <c r="U362">
        <v>940.76900000000001</v>
      </c>
      <c r="V362">
        <v>919.101</v>
      </c>
      <c r="W362">
        <v>912.71900000000005</v>
      </c>
      <c r="X362">
        <v>881.23500000000001</v>
      </c>
      <c r="Y362">
        <v>865.05</v>
      </c>
    </row>
    <row r="363" spans="1:25" x14ac:dyDescent="0.3">
      <c r="A363">
        <v>9.6666666698331642</v>
      </c>
      <c r="B363">
        <v>1063.7629999999999</v>
      </c>
      <c r="C363">
        <v>1035.549</v>
      </c>
      <c r="D363">
        <v>1039.0840000000001</v>
      </c>
      <c r="E363">
        <v>1009.356</v>
      </c>
      <c r="F363">
        <v>954.31100000000004</v>
      </c>
      <c r="G363">
        <v>941.32500000000005</v>
      </c>
      <c r="H363">
        <v>927.57799999999997</v>
      </c>
      <c r="I363">
        <v>931.173</v>
      </c>
      <c r="J363">
        <v>956.41800000000001</v>
      </c>
      <c r="K363">
        <v>970.14200000000005</v>
      </c>
      <c r="L363">
        <v>965.53399999999999</v>
      </c>
      <c r="M363">
        <v>940.98400000000004</v>
      </c>
      <c r="N363">
        <v>976.13599999999997</v>
      </c>
      <c r="O363">
        <v>1000.4589999999999</v>
      </c>
      <c r="P363">
        <v>0</v>
      </c>
      <c r="Q363">
        <v>0</v>
      </c>
      <c r="R363">
        <v>1030.78</v>
      </c>
      <c r="S363">
        <v>0</v>
      </c>
      <c r="T363">
        <v>976.59</v>
      </c>
      <c r="U363">
        <v>933.32100000000003</v>
      </c>
      <c r="V363">
        <v>912.096</v>
      </c>
      <c r="W363">
        <v>906.74800000000005</v>
      </c>
      <c r="X363">
        <v>881.73199999999997</v>
      </c>
      <c r="Y363">
        <v>867.798</v>
      </c>
    </row>
    <row r="364" spans="1:25" x14ac:dyDescent="0.3">
      <c r="A364">
        <v>9.6833333299184847</v>
      </c>
      <c r="B364">
        <v>1057.992</v>
      </c>
      <c r="C364">
        <v>1043.019</v>
      </c>
      <c r="D364">
        <v>1052.6690000000001</v>
      </c>
      <c r="E364">
        <v>1016.24</v>
      </c>
      <c r="F364">
        <v>963.45699999999999</v>
      </c>
      <c r="G364">
        <v>957.28399999999999</v>
      </c>
      <c r="H364">
        <v>944.52099999999996</v>
      </c>
      <c r="I364">
        <v>942.56500000000005</v>
      </c>
      <c r="J364">
        <v>962.12</v>
      </c>
      <c r="K364">
        <v>972.149</v>
      </c>
      <c r="L364">
        <v>966.13199999999995</v>
      </c>
      <c r="M364">
        <v>940.48299999999995</v>
      </c>
      <c r="N364">
        <v>989.24400000000003</v>
      </c>
      <c r="O364">
        <v>1015.231</v>
      </c>
      <c r="P364">
        <v>0</v>
      </c>
      <c r="Q364">
        <v>0</v>
      </c>
      <c r="R364">
        <v>1037.6679999999999</v>
      </c>
      <c r="S364">
        <v>0</v>
      </c>
      <c r="T364">
        <v>989.84400000000005</v>
      </c>
      <c r="U364">
        <v>949.28800000000001</v>
      </c>
      <c r="V364">
        <v>926.43499999999995</v>
      </c>
      <c r="W364">
        <v>913.86199999999997</v>
      </c>
      <c r="X364">
        <v>881.34400000000005</v>
      </c>
      <c r="Y364">
        <v>863.803</v>
      </c>
    </row>
    <row r="365" spans="1:25" x14ac:dyDescent="0.3">
      <c r="A365">
        <v>9.7166666710438836</v>
      </c>
      <c r="B365">
        <v>1073.201</v>
      </c>
      <c r="C365">
        <v>1037.761</v>
      </c>
      <c r="D365">
        <v>1047.4749999999999</v>
      </c>
      <c r="E365">
        <v>1020.037</v>
      </c>
      <c r="F365">
        <v>961.39800000000002</v>
      </c>
      <c r="G365">
        <v>948.73099999999999</v>
      </c>
      <c r="H365">
        <v>938.95899999999995</v>
      </c>
      <c r="I365">
        <v>941.79399999999998</v>
      </c>
      <c r="J365">
        <v>971.59</v>
      </c>
      <c r="K365">
        <v>981.19799999999998</v>
      </c>
      <c r="L365">
        <v>973.255</v>
      </c>
      <c r="M365">
        <v>946.12</v>
      </c>
      <c r="N365">
        <v>989.31700000000001</v>
      </c>
      <c r="O365">
        <v>1008.299</v>
      </c>
      <c r="P365">
        <v>0</v>
      </c>
      <c r="Q365">
        <v>0</v>
      </c>
      <c r="R365">
        <v>1043.9069999999999</v>
      </c>
      <c r="S365">
        <v>0</v>
      </c>
      <c r="T365">
        <v>994.61400000000003</v>
      </c>
      <c r="U365">
        <v>951.05399999999997</v>
      </c>
      <c r="V365">
        <v>930.06700000000001</v>
      </c>
      <c r="W365">
        <v>918.74800000000005</v>
      </c>
      <c r="X365">
        <v>884.37300000000005</v>
      </c>
      <c r="Y365">
        <v>867.28800000000001</v>
      </c>
    </row>
    <row r="366" spans="1:25" x14ac:dyDescent="0.3">
      <c r="A366">
        <v>9.7500000016919035</v>
      </c>
      <c r="B366">
        <v>1079.6849999999999</v>
      </c>
      <c r="C366">
        <v>1050.837</v>
      </c>
      <c r="D366">
        <v>1062.7049999999999</v>
      </c>
      <c r="E366">
        <v>1020.016</v>
      </c>
      <c r="F366">
        <v>952.67200000000003</v>
      </c>
      <c r="G366">
        <v>941.34299999999996</v>
      </c>
      <c r="H366">
        <v>935.08</v>
      </c>
      <c r="I366">
        <v>942.29499999999996</v>
      </c>
      <c r="J366">
        <v>975.55600000000004</v>
      </c>
      <c r="K366">
        <v>983.71699999999998</v>
      </c>
      <c r="L366">
        <v>973.08900000000006</v>
      </c>
      <c r="M366">
        <v>944.39400000000001</v>
      </c>
      <c r="N366">
        <v>998.70699999999999</v>
      </c>
      <c r="O366">
        <v>1009.795</v>
      </c>
      <c r="P366">
        <v>0</v>
      </c>
      <c r="Q366">
        <v>0</v>
      </c>
      <c r="R366">
        <v>1042.297</v>
      </c>
      <c r="S366">
        <v>0</v>
      </c>
      <c r="T366">
        <v>992.59100000000001</v>
      </c>
      <c r="U366">
        <v>946.279</v>
      </c>
      <c r="V366">
        <v>925.18100000000004</v>
      </c>
      <c r="W366">
        <v>915.67899999999997</v>
      </c>
      <c r="X366">
        <v>883.30799999999999</v>
      </c>
      <c r="Y366">
        <v>868.68100000000004</v>
      </c>
    </row>
    <row r="367" spans="1:25" x14ac:dyDescent="0.3">
      <c r="A367">
        <v>9.7666666722546029</v>
      </c>
      <c r="B367">
        <v>1069.752</v>
      </c>
      <c r="C367">
        <v>1045.22</v>
      </c>
      <c r="D367">
        <v>1052.8</v>
      </c>
      <c r="E367">
        <v>1001.265</v>
      </c>
      <c r="F367">
        <v>937.721</v>
      </c>
      <c r="G367">
        <v>931.62300000000005</v>
      </c>
      <c r="H367">
        <v>926.93700000000001</v>
      </c>
      <c r="I367">
        <v>933.46799999999996</v>
      </c>
      <c r="J367">
        <v>962.24800000000005</v>
      </c>
      <c r="K367">
        <v>975.55899999999997</v>
      </c>
      <c r="L367">
        <v>967.452</v>
      </c>
      <c r="M367">
        <v>939.85699999999997</v>
      </c>
      <c r="N367">
        <v>1002.1420000000001</v>
      </c>
      <c r="O367">
        <v>1020.258</v>
      </c>
      <c r="P367">
        <v>0</v>
      </c>
      <c r="Q367">
        <v>0</v>
      </c>
      <c r="R367">
        <v>1045.3130000000001</v>
      </c>
      <c r="S367">
        <v>0</v>
      </c>
      <c r="T367">
        <v>984.51800000000003</v>
      </c>
      <c r="U367">
        <v>938.04399999999998</v>
      </c>
      <c r="V367">
        <v>913.54300000000001</v>
      </c>
      <c r="W367">
        <v>906.89300000000003</v>
      </c>
      <c r="X367">
        <v>878.25199999999995</v>
      </c>
      <c r="Y367">
        <v>867.02499999999998</v>
      </c>
    </row>
    <row r="368" spans="1:25" x14ac:dyDescent="0.3">
      <c r="A368">
        <v>9.8000000029026229</v>
      </c>
      <c r="B368">
        <v>1061.0940000000001</v>
      </c>
      <c r="C368">
        <v>1033.5640000000001</v>
      </c>
      <c r="D368">
        <v>1054.134</v>
      </c>
      <c r="E368">
        <v>1023.376</v>
      </c>
      <c r="F368">
        <v>962.71900000000005</v>
      </c>
      <c r="G368">
        <v>946.03099999999995</v>
      </c>
      <c r="H368">
        <v>933.39700000000005</v>
      </c>
      <c r="I368">
        <v>935.74800000000005</v>
      </c>
      <c r="J368">
        <v>957.899</v>
      </c>
      <c r="K368">
        <v>977.40899999999999</v>
      </c>
      <c r="L368">
        <v>970.54300000000001</v>
      </c>
      <c r="M368">
        <v>942.13699999999994</v>
      </c>
      <c r="N368">
        <v>993.81500000000005</v>
      </c>
      <c r="O368">
        <v>1009.378</v>
      </c>
      <c r="P368">
        <v>0</v>
      </c>
      <c r="Q368">
        <v>0</v>
      </c>
      <c r="R368">
        <v>1039.806</v>
      </c>
      <c r="S368">
        <v>0</v>
      </c>
      <c r="T368">
        <v>981.25400000000002</v>
      </c>
      <c r="U368">
        <v>928.38699999999994</v>
      </c>
      <c r="V368">
        <v>901.56200000000001</v>
      </c>
      <c r="W368">
        <v>896.81799999999998</v>
      </c>
      <c r="X368">
        <v>870.18499999999995</v>
      </c>
      <c r="Y368">
        <v>861.2</v>
      </c>
    </row>
    <row r="369" spans="1:25" x14ac:dyDescent="0.3">
      <c r="A369">
        <v>9.8166666629879433</v>
      </c>
      <c r="B369">
        <v>1052.337</v>
      </c>
      <c r="C369">
        <v>1007.1849999999999</v>
      </c>
      <c r="D369">
        <v>1050.97</v>
      </c>
      <c r="E369">
        <v>1031.557</v>
      </c>
      <c r="F369">
        <v>973.274</v>
      </c>
      <c r="G369">
        <v>955.03399999999999</v>
      </c>
      <c r="H369">
        <v>940.77200000000005</v>
      </c>
      <c r="I369">
        <v>946.39</v>
      </c>
      <c r="J369">
        <v>970.92200000000003</v>
      </c>
      <c r="K369">
        <v>980.34699999999998</v>
      </c>
      <c r="L369">
        <v>967.61500000000001</v>
      </c>
      <c r="M369">
        <v>936.78800000000001</v>
      </c>
      <c r="N369">
        <v>995.36099999999999</v>
      </c>
      <c r="O369">
        <v>1009.798</v>
      </c>
      <c r="P369">
        <v>0</v>
      </c>
      <c r="Q369">
        <v>0</v>
      </c>
      <c r="R369">
        <v>1035.7729999999999</v>
      </c>
      <c r="S369">
        <v>0</v>
      </c>
      <c r="T369">
        <v>978.15200000000004</v>
      </c>
      <c r="U369">
        <v>921.71400000000006</v>
      </c>
      <c r="V369">
        <v>896.053</v>
      </c>
      <c r="W369">
        <v>890.32399999999996</v>
      </c>
      <c r="X369">
        <v>862.50199999999995</v>
      </c>
      <c r="Y369">
        <v>855.33900000000006</v>
      </c>
    </row>
    <row r="370" spans="1:25" x14ac:dyDescent="0.3">
      <c r="A370">
        <v>9.8500000041133422</v>
      </c>
      <c r="B370">
        <v>1055.2470000000001</v>
      </c>
      <c r="C370">
        <v>1020.79</v>
      </c>
      <c r="D370">
        <v>1051.4880000000001</v>
      </c>
      <c r="E370">
        <v>1022.514</v>
      </c>
      <c r="F370">
        <v>977.06500000000005</v>
      </c>
      <c r="G370">
        <v>958.96100000000001</v>
      </c>
      <c r="H370">
        <v>945.40300000000002</v>
      </c>
      <c r="I370">
        <v>953.52300000000002</v>
      </c>
      <c r="J370">
        <v>978.26199999999994</v>
      </c>
      <c r="K370">
        <v>979.45899999999995</v>
      </c>
      <c r="L370">
        <v>964.74300000000005</v>
      </c>
      <c r="M370">
        <v>933.52300000000002</v>
      </c>
      <c r="N370">
        <v>998.12900000000002</v>
      </c>
      <c r="O370">
        <v>1017.7089999999999</v>
      </c>
      <c r="P370">
        <v>0</v>
      </c>
      <c r="Q370">
        <v>0</v>
      </c>
      <c r="R370">
        <v>1033.9690000000001</v>
      </c>
      <c r="S370">
        <v>0</v>
      </c>
      <c r="T370">
        <v>979.24099999999999</v>
      </c>
      <c r="U370">
        <v>930.05</v>
      </c>
      <c r="V370">
        <v>906.2</v>
      </c>
      <c r="W370">
        <v>895.077</v>
      </c>
      <c r="X370">
        <v>859.26400000000001</v>
      </c>
      <c r="Y370">
        <v>849.05600000000004</v>
      </c>
    </row>
    <row r="371" spans="1:25" x14ac:dyDescent="0.3">
      <c r="A371">
        <v>9.8833333347613621</v>
      </c>
      <c r="B371">
        <v>1054.489</v>
      </c>
      <c r="C371">
        <v>1041.231</v>
      </c>
      <c r="D371">
        <v>1054.117</v>
      </c>
      <c r="E371">
        <v>1014.319</v>
      </c>
      <c r="F371">
        <v>963.71500000000003</v>
      </c>
      <c r="G371">
        <v>949.27499999999998</v>
      </c>
      <c r="H371">
        <v>938.72900000000004</v>
      </c>
      <c r="I371">
        <v>948.19399999999996</v>
      </c>
      <c r="J371">
        <v>974.601</v>
      </c>
      <c r="K371">
        <v>978.75400000000002</v>
      </c>
      <c r="L371">
        <v>965.66700000000003</v>
      </c>
      <c r="M371">
        <v>935.98400000000004</v>
      </c>
      <c r="N371">
        <v>996.63900000000001</v>
      </c>
      <c r="O371">
        <v>1028.0429999999999</v>
      </c>
      <c r="P371">
        <v>0</v>
      </c>
      <c r="Q371">
        <v>0</v>
      </c>
      <c r="R371">
        <v>1041.434</v>
      </c>
      <c r="S371">
        <v>0</v>
      </c>
      <c r="T371">
        <v>988.15599999999995</v>
      </c>
      <c r="U371">
        <v>943.21600000000001</v>
      </c>
      <c r="V371">
        <v>918.53700000000003</v>
      </c>
      <c r="W371">
        <v>906.327</v>
      </c>
      <c r="X371">
        <v>871.03499999999997</v>
      </c>
      <c r="Y371">
        <v>858.38699999999994</v>
      </c>
    </row>
    <row r="372" spans="1:25" x14ac:dyDescent="0.3">
      <c r="A372">
        <v>9.9000000053240615</v>
      </c>
      <c r="B372">
        <v>1066.5719999999999</v>
      </c>
      <c r="C372">
        <v>1044.373</v>
      </c>
      <c r="D372">
        <v>1044.873</v>
      </c>
      <c r="E372">
        <v>1008.157</v>
      </c>
      <c r="F372">
        <v>952.553</v>
      </c>
      <c r="G372">
        <v>937.79600000000005</v>
      </c>
      <c r="H372">
        <v>926.17100000000005</v>
      </c>
      <c r="I372">
        <v>932.12800000000004</v>
      </c>
      <c r="J372">
        <v>947.96</v>
      </c>
      <c r="K372">
        <v>961.49199999999996</v>
      </c>
      <c r="L372">
        <v>957.90099999999995</v>
      </c>
      <c r="M372">
        <v>934.33299999999997</v>
      </c>
      <c r="N372">
        <v>995.83799999999997</v>
      </c>
      <c r="O372">
        <v>1028.835</v>
      </c>
      <c r="P372">
        <v>0</v>
      </c>
      <c r="Q372">
        <v>0</v>
      </c>
      <c r="R372">
        <v>1041.693</v>
      </c>
      <c r="S372">
        <v>0</v>
      </c>
      <c r="T372">
        <v>993.99900000000002</v>
      </c>
      <c r="U372">
        <v>950.62599999999998</v>
      </c>
      <c r="V372">
        <v>927.79899999999998</v>
      </c>
      <c r="W372">
        <v>914.50900000000001</v>
      </c>
      <c r="X372">
        <v>878.45</v>
      </c>
      <c r="Y372">
        <v>863.13900000000001</v>
      </c>
    </row>
    <row r="373" spans="1:25" x14ac:dyDescent="0.3">
      <c r="A373">
        <v>9.9333333359720815</v>
      </c>
      <c r="B373">
        <v>1062.4880000000001</v>
      </c>
      <c r="C373">
        <v>1040.011</v>
      </c>
      <c r="D373">
        <v>1057.7739999999999</v>
      </c>
      <c r="E373">
        <v>1031.615</v>
      </c>
      <c r="F373">
        <v>967.83500000000004</v>
      </c>
      <c r="G373">
        <v>947.85199999999998</v>
      </c>
      <c r="H373">
        <v>931.16200000000003</v>
      </c>
      <c r="I373">
        <v>931.64499999999998</v>
      </c>
      <c r="J373">
        <v>940.97299999999996</v>
      </c>
      <c r="K373">
        <v>957.59500000000003</v>
      </c>
      <c r="L373">
        <v>956.85699999999997</v>
      </c>
      <c r="M373">
        <v>937.58100000000002</v>
      </c>
      <c r="N373">
        <v>994.45399999999995</v>
      </c>
      <c r="O373">
        <v>1029.9770000000001</v>
      </c>
      <c r="P373">
        <v>0</v>
      </c>
      <c r="Q373">
        <v>0</v>
      </c>
      <c r="R373">
        <v>1047.867</v>
      </c>
      <c r="S373">
        <v>0</v>
      </c>
      <c r="T373">
        <v>999.53300000000002</v>
      </c>
      <c r="U373">
        <v>955.79399999999998</v>
      </c>
      <c r="V373">
        <v>931.75199999999995</v>
      </c>
      <c r="W373">
        <v>919.73199999999997</v>
      </c>
      <c r="X373">
        <v>882.96</v>
      </c>
      <c r="Y373">
        <v>866.83399999999995</v>
      </c>
    </row>
    <row r="374" spans="1:25" x14ac:dyDescent="0.3">
      <c r="A374">
        <v>9.9500000065347809</v>
      </c>
      <c r="B374">
        <v>1059.8889999999999</v>
      </c>
      <c r="C374">
        <v>1054.432</v>
      </c>
      <c r="D374">
        <v>1062.172</v>
      </c>
      <c r="E374">
        <v>1028.4839999999999</v>
      </c>
      <c r="F374">
        <v>958.87300000000005</v>
      </c>
      <c r="G374">
        <v>940.91800000000001</v>
      </c>
      <c r="H374">
        <v>928.40599999999995</v>
      </c>
      <c r="I374">
        <v>932.68100000000004</v>
      </c>
      <c r="J374">
        <v>949.74199999999996</v>
      </c>
      <c r="K374">
        <v>961.52800000000002</v>
      </c>
      <c r="L374">
        <v>957.702</v>
      </c>
      <c r="M374">
        <v>936.73599999999999</v>
      </c>
      <c r="N374">
        <v>993.798</v>
      </c>
      <c r="O374">
        <v>1018.078</v>
      </c>
      <c r="P374">
        <v>0</v>
      </c>
      <c r="Q374">
        <v>0</v>
      </c>
      <c r="R374">
        <v>1040.1020000000001</v>
      </c>
      <c r="S374">
        <v>0</v>
      </c>
      <c r="T374">
        <v>995.01800000000003</v>
      </c>
      <c r="U374">
        <v>950.60699999999997</v>
      </c>
      <c r="V374">
        <v>922.96900000000005</v>
      </c>
      <c r="W374">
        <v>911.56600000000003</v>
      </c>
      <c r="X374">
        <v>878.16600000000005</v>
      </c>
      <c r="Y374">
        <v>864.22900000000004</v>
      </c>
    </row>
    <row r="375" spans="1:25" x14ac:dyDescent="0.3">
      <c r="A375">
        <v>9.9833333371828008</v>
      </c>
      <c r="B375">
        <v>1070.057</v>
      </c>
      <c r="C375">
        <v>1058.8900000000001</v>
      </c>
      <c r="D375">
        <v>1061.0250000000001</v>
      </c>
      <c r="E375">
        <v>1010.717</v>
      </c>
      <c r="F375">
        <v>942.60799999999995</v>
      </c>
      <c r="G375">
        <v>931.09299999999996</v>
      </c>
      <c r="H375">
        <v>922.45299999999997</v>
      </c>
      <c r="I375">
        <v>927.74800000000005</v>
      </c>
      <c r="J375">
        <v>947.80100000000004</v>
      </c>
      <c r="K375">
        <v>961.42200000000003</v>
      </c>
      <c r="L375">
        <v>955.83299999999997</v>
      </c>
      <c r="M375">
        <v>931.57500000000005</v>
      </c>
      <c r="N375">
        <v>1005.181</v>
      </c>
      <c r="O375">
        <v>1017.806</v>
      </c>
      <c r="P375">
        <v>0</v>
      </c>
      <c r="Q375">
        <v>0</v>
      </c>
      <c r="R375">
        <v>1035.595</v>
      </c>
      <c r="S375">
        <v>0</v>
      </c>
      <c r="T375">
        <v>991.56299999999999</v>
      </c>
      <c r="U375">
        <v>948.39499999999998</v>
      </c>
      <c r="V375">
        <v>917.04200000000003</v>
      </c>
      <c r="W375">
        <v>903.78800000000001</v>
      </c>
      <c r="X375">
        <v>869.20100000000002</v>
      </c>
      <c r="Y375">
        <v>858.53</v>
      </c>
    </row>
    <row r="376" spans="1:25" x14ac:dyDescent="0.3">
      <c r="A376">
        <v>10.016666667830821</v>
      </c>
      <c r="B376">
        <v>1065.684</v>
      </c>
      <c r="C376">
        <v>1067.5409999999999</v>
      </c>
      <c r="D376">
        <v>1058.241</v>
      </c>
      <c r="E376">
        <v>1006.936</v>
      </c>
      <c r="F376">
        <v>938.06799999999998</v>
      </c>
      <c r="G376">
        <v>930.21699999999998</v>
      </c>
      <c r="H376">
        <v>923.50900000000001</v>
      </c>
      <c r="I376">
        <v>928.875</v>
      </c>
      <c r="J376">
        <v>951.529</v>
      </c>
      <c r="K376">
        <v>966.50099999999998</v>
      </c>
      <c r="L376">
        <v>959.59799999999996</v>
      </c>
      <c r="M376">
        <v>936.18399999999997</v>
      </c>
      <c r="N376">
        <v>1007.575</v>
      </c>
      <c r="O376">
        <v>1022.318</v>
      </c>
      <c r="P376">
        <v>0</v>
      </c>
      <c r="Q376">
        <v>0</v>
      </c>
      <c r="R376">
        <v>1045.8920000000001</v>
      </c>
      <c r="S376">
        <v>0</v>
      </c>
      <c r="T376">
        <v>994.60299999999995</v>
      </c>
      <c r="U376">
        <v>951.43899999999996</v>
      </c>
      <c r="V376">
        <v>917.61300000000006</v>
      </c>
      <c r="W376">
        <v>896.32600000000002</v>
      </c>
      <c r="X376">
        <v>859.11099999999999</v>
      </c>
      <c r="Y376">
        <v>853.64</v>
      </c>
    </row>
    <row r="377" spans="1:25" x14ac:dyDescent="0.3">
      <c r="A377">
        <v>10.03333333839352</v>
      </c>
      <c r="B377">
        <v>1057.684</v>
      </c>
      <c r="C377">
        <v>1051.327</v>
      </c>
      <c r="D377">
        <v>1051.0309999999999</v>
      </c>
      <c r="E377">
        <v>1021.7670000000001</v>
      </c>
      <c r="F377">
        <v>965.74099999999999</v>
      </c>
      <c r="G377">
        <v>947.31500000000005</v>
      </c>
      <c r="H377">
        <v>936.70399999999995</v>
      </c>
      <c r="I377">
        <v>938.822</v>
      </c>
      <c r="J377">
        <v>960.82600000000002</v>
      </c>
      <c r="K377">
        <v>975.71</v>
      </c>
      <c r="L377">
        <v>964.44</v>
      </c>
      <c r="M377">
        <v>935.91399999999999</v>
      </c>
      <c r="N377">
        <v>1004.341</v>
      </c>
      <c r="O377">
        <v>1023.345</v>
      </c>
      <c r="P377">
        <v>0</v>
      </c>
      <c r="Q377">
        <v>0</v>
      </c>
      <c r="R377">
        <v>1043.8579999999999</v>
      </c>
      <c r="S377">
        <v>0</v>
      </c>
      <c r="T377">
        <v>992.2</v>
      </c>
      <c r="U377">
        <v>955.851</v>
      </c>
      <c r="V377">
        <v>926.99699999999996</v>
      </c>
      <c r="W377">
        <v>904.74800000000005</v>
      </c>
      <c r="X377">
        <v>866.34400000000005</v>
      </c>
      <c r="Y377">
        <v>853.64</v>
      </c>
    </row>
    <row r="378" spans="1:25" x14ac:dyDescent="0.3">
      <c r="A378">
        <v>10.06666666904154</v>
      </c>
      <c r="B378">
        <v>1043.1010000000001</v>
      </c>
      <c r="C378">
        <v>1042.454</v>
      </c>
      <c r="D378">
        <v>1043.692</v>
      </c>
      <c r="E378">
        <v>1013.754</v>
      </c>
      <c r="F378">
        <v>956.58900000000006</v>
      </c>
      <c r="G378">
        <v>939.95299999999997</v>
      </c>
      <c r="H378">
        <v>927.98099999999999</v>
      </c>
      <c r="I378">
        <v>931.03899999999999</v>
      </c>
      <c r="J378">
        <v>951.49300000000005</v>
      </c>
      <c r="K378">
        <v>973.18899999999996</v>
      </c>
      <c r="L378">
        <v>963.91700000000003</v>
      </c>
      <c r="M378">
        <v>935.68100000000004</v>
      </c>
      <c r="N378">
        <v>997.16899999999998</v>
      </c>
      <c r="O378">
        <v>1028.4880000000001</v>
      </c>
      <c r="P378">
        <v>0</v>
      </c>
      <c r="Q378">
        <v>0</v>
      </c>
      <c r="R378">
        <v>1049.4970000000001</v>
      </c>
      <c r="S378">
        <v>0</v>
      </c>
      <c r="T378">
        <v>999.57299999999998</v>
      </c>
      <c r="U378">
        <v>962.70600000000002</v>
      </c>
      <c r="V378">
        <v>934.24599999999998</v>
      </c>
      <c r="W378">
        <v>912.69299999999998</v>
      </c>
      <c r="X378">
        <v>873.33299999999997</v>
      </c>
      <c r="Y378">
        <v>857.05200000000002</v>
      </c>
    </row>
    <row r="379" spans="1:25" x14ac:dyDescent="0.3">
      <c r="A379">
        <v>10.09999999968956</v>
      </c>
      <c r="B379">
        <v>1040.2560000000001</v>
      </c>
      <c r="C379">
        <v>1043.1949999999999</v>
      </c>
      <c r="D379">
        <v>1049.665</v>
      </c>
      <c r="E379">
        <v>1008.362</v>
      </c>
      <c r="F379">
        <v>938.69799999999998</v>
      </c>
      <c r="G379">
        <v>927.17700000000002</v>
      </c>
      <c r="H379">
        <v>919.20100000000002</v>
      </c>
      <c r="I379">
        <v>923.58199999999999</v>
      </c>
      <c r="J379">
        <v>938.42899999999997</v>
      </c>
      <c r="K379">
        <v>963.35799999999995</v>
      </c>
      <c r="L379">
        <v>962.85199999999998</v>
      </c>
      <c r="M379">
        <v>938.82299999999998</v>
      </c>
      <c r="N379">
        <v>1007.649</v>
      </c>
      <c r="O379">
        <v>1036.075</v>
      </c>
      <c r="P379">
        <v>0</v>
      </c>
      <c r="Q379">
        <v>0</v>
      </c>
      <c r="R379">
        <v>1056.0889999999999</v>
      </c>
      <c r="S379">
        <v>0</v>
      </c>
      <c r="T379">
        <v>1011.8150000000001</v>
      </c>
      <c r="U379">
        <v>977.28899999999999</v>
      </c>
      <c r="V379">
        <v>950.19799999999998</v>
      </c>
      <c r="W379">
        <v>925.65700000000004</v>
      </c>
      <c r="X379">
        <v>882.59199999999998</v>
      </c>
      <c r="Y379">
        <v>860.89</v>
      </c>
    </row>
    <row r="380" spans="1:25" x14ac:dyDescent="0.3">
      <c r="A380">
        <v>10.116666670252259</v>
      </c>
      <c r="B380">
        <v>1044.7660000000001</v>
      </c>
      <c r="C380">
        <v>1051.7909999999999</v>
      </c>
      <c r="D380">
        <v>1048.944</v>
      </c>
      <c r="E380">
        <v>1006.17</v>
      </c>
      <c r="F380">
        <v>937.47699999999998</v>
      </c>
      <c r="G380">
        <v>928.78700000000003</v>
      </c>
      <c r="H380">
        <v>921.75800000000004</v>
      </c>
      <c r="I380">
        <v>926.05</v>
      </c>
      <c r="J380">
        <v>940.726</v>
      </c>
      <c r="K380">
        <v>970.09799999999996</v>
      </c>
      <c r="L380">
        <v>971.45399999999995</v>
      </c>
      <c r="M380">
        <v>948.54100000000005</v>
      </c>
      <c r="N380">
        <v>1017.129</v>
      </c>
      <c r="O380">
        <v>1048.297</v>
      </c>
      <c r="P380">
        <v>0</v>
      </c>
      <c r="Q380">
        <v>0</v>
      </c>
      <c r="R380">
        <v>1073.3389999999999</v>
      </c>
      <c r="S380">
        <v>0</v>
      </c>
      <c r="T380">
        <v>1024.759</v>
      </c>
      <c r="U380">
        <v>991.21900000000005</v>
      </c>
      <c r="V380">
        <v>964.96600000000001</v>
      </c>
      <c r="W380">
        <v>939.63099999999997</v>
      </c>
      <c r="X380">
        <v>894.85199999999998</v>
      </c>
      <c r="Y380">
        <v>869.82100000000003</v>
      </c>
    </row>
    <row r="381" spans="1:25" x14ac:dyDescent="0.3">
      <c r="A381">
        <v>10.150000000900279</v>
      </c>
      <c r="B381">
        <v>1047.963</v>
      </c>
      <c r="C381">
        <v>1051.5309999999999</v>
      </c>
      <c r="D381">
        <v>1050.126</v>
      </c>
      <c r="E381">
        <v>1008.544</v>
      </c>
      <c r="F381">
        <v>955.50900000000001</v>
      </c>
      <c r="G381">
        <v>938.76900000000001</v>
      </c>
      <c r="H381">
        <v>926.58600000000001</v>
      </c>
      <c r="I381">
        <v>927.15800000000002</v>
      </c>
      <c r="J381">
        <v>941.47900000000004</v>
      </c>
      <c r="K381">
        <v>971.29</v>
      </c>
      <c r="L381">
        <v>974.18700000000001</v>
      </c>
      <c r="M381">
        <v>950.10699999999997</v>
      </c>
      <c r="N381">
        <v>1013.112</v>
      </c>
      <c r="O381">
        <v>1044.691</v>
      </c>
      <c r="P381">
        <v>0</v>
      </c>
      <c r="Q381">
        <v>0</v>
      </c>
      <c r="R381">
        <v>1072.9280000000001</v>
      </c>
      <c r="S381">
        <v>0</v>
      </c>
      <c r="T381">
        <v>1026.4079999999999</v>
      </c>
      <c r="U381">
        <v>995.96799999999996</v>
      </c>
      <c r="V381">
        <v>971.48900000000003</v>
      </c>
      <c r="W381">
        <v>947.49599999999998</v>
      </c>
      <c r="X381">
        <v>904.78399999999999</v>
      </c>
      <c r="Y381">
        <v>877.14599999999996</v>
      </c>
    </row>
    <row r="382" spans="1:25" x14ac:dyDescent="0.3">
      <c r="A382">
        <v>10.166666671462979</v>
      </c>
      <c r="B382">
        <v>1049.002</v>
      </c>
      <c r="C382">
        <v>1044.454</v>
      </c>
      <c r="D382">
        <v>1043.53</v>
      </c>
      <c r="E382">
        <v>1018.287</v>
      </c>
      <c r="F382">
        <v>964.98699999999997</v>
      </c>
      <c r="G382">
        <v>950.54200000000003</v>
      </c>
      <c r="H382">
        <v>938.55700000000002</v>
      </c>
      <c r="I382">
        <v>939.43600000000004</v>
      </c>
      <c r="J382">
        <v>958.19600000000003</v>
      </c>
      <c r="K382">
        <v>985.83399999999995</v>
      </c>
      <c r="L382">
        <v>981.572</v>
      </c>
      <c r="M382">
        <v>951.85699999999997</v>
      </c>
      <c r="N382">
        <v>1018.581</v>
      </c>
      <c r="O382">
        <v>1058.5050000000001</v>
      </c>
      <c r="P382">
        <v>0</v>
      </c>
      <c r="Q382">
        <v>0</v>
      </c>
      <c r="R382">
        <v>1075.952</v>
      </c>
      <c r="S382">
        <v>0</v>
      </c>
      <c r="T382">
        <v>1025.9349999999999</v>
      </c>
      <c r="U382">
        <v>996.39099999999996</v>
      </c>
      <c r="V382">
        <v>972.55799999999999</v>
      </c>
      <c r="W382">
        <v>948.79600000000005</v>
      </c>
      <c r="X382">
        <v>906.38699999999994</v>
      </c>
      <c r="Y382">
        <v>877.94399999999996</v>
      </c>
    </row>
    <row r="383" spans="1:25" x14ac:dyDescent="0.3">
      <c r="A383">
        <v>10.200000002110999</v>
      </c>
      <c r="B383">
        <v>1043.067</v>
      </c>
      <c r="C383">
        <v>1042.309</v>
      </c>
      <c r="D383">
        <v>1042.587</v>
      </c>
      <c r="E383">
        <v>1022.193</v>
      </c>
      <c r="F383">
        <v>967.29899999999998</v>
      </c>
      <c r="G383">
        <v>952.45100000000002</v>
      </c>
      <c r="H383">
        <v>940.90700000000004</v>
      </c>
      <c r="I383">
        <v>941.697</v>
      </c>
      <c r="J383">
        <v>960.72199999999998</v>
      </c>
      <c r="K383">
        <v>985.67</v>
      </c>
      <c r="L383">
        <v>980.95500000000004</v>
      </c>
      <c r="M383">
        <v>953.47699999999998</v>
      </c>
      <c r="N383">
        <v>1014.069</v>
      </c>
      <c r="O383">
        <v>1041.81</v>
      </c>
      <c r="P383">
        <v>0</v>
      </c>
      <c r="Q383">
        <v>0</v>
      </c>
      <c r="R383">
        <v>1067.395</v>
      </c>
      <c r="S383">
        <v>0</v>
      </c>
      <c r="T383">
        <v>1021.478</v>
      </c>
      <c r="U383">
        <v>994.16899999999998</v>
      </c>
      <c r="V383">
        <v>971.58199999999999</v>
      </c>
      <c r="W383">
        <v>949.64099999999996</v>
      </c>
      <c r="X383">
        <v>908.91700000000003</v>
      </c>
      <c r="Y383">
        <v>881.44299999999998</v>
      </c>
    </row>
    <row r="384" spans="1:25" x14ac:dyDescent="0.3">
      <c r="A384">
        <v>10.233333332759019</v>
      </c>
      <c r="B384">
        <v>1053.8810000000001</v>
      </c>
      <c r="C384">
        <v>1037.2539999999999</v>
      </c>
      <c r="D384">
        <v>1042.4190000000001</v>
      </c>
      <c r="E384">
        <v>1010.4450000000001</v>
      </c>
      <c r="F384">
        <v>956.35699999999997</v>
      </c>
      <c r="G384">
        <v>949.46</v>
      </c>
      <c r="H384">
        <v>942.12599999999998</v>
      </c>
      <c r="I384">
        <v>944.45899999999995</v>
      </c>
      <c r="J384">
        <v>964.24400000000003</v>
      </c>
      <c r="K384">
        <v>985.79600000000005</v>
      </c>
      <c r="L384">
        <v>982.005</v>
      </c>
      <c r="M384">
        <v>955.20500000000004</v>
      </c>
      <c r="N384">
        <v>1021.22</v>
      </c>
      <c r="O384">
        <v>1053.1220000000001</v>
      </c>
      <c r="P384">
        <v>0</v>
      </c>
      <c r="Q384">
        <v>0</v>
      </c>
      <c r="R384">
        <v>1064.182</v>
      </c>
      <c r="S384">
        <v>0</v>
      </c>
      <c r="T384">
        <v>1018.817</v>
      </c>
      <c r="U384">
        <v>991.83799999999997</v>
      </c>
      <c r="V384">
        <v>968.68899999999996</v>
      </c>
      <c r="W384">
        <v>946.52499999999998</v>
      </c>
      <c r="X384">
        <v>905.72699999999998</v>
      </c>
      <c r="Y384">
        <v>879.70799999999997</v>
      </c>
    </row>
    <row r="385" spans="1:25" x14ac:dyDescent="0.3">
      <c r="A385">
        <v>10.250000003321718</v>
      </c>
      <c r="B385">
        <v>1046.3030000000001</v>
      </c>
      <c r="C385">
        <v>1045.1569999999999</v>
      </c>
      <c r="D385">
        <v>1043.0129999999999</v>
      </c>
      <c r="E385">
        <v>1021.534</v>
      </c>
      <c r="F385">
        <v>967.39099999999996</v>
      </c>
      <c r="G385">
        <v>950.77700000000004</v>
      </c>
      <c r="H385">
        <v>938.19799999999998</v>
      </c>
      <c r="I385">
        <v>939.99300000000005</v>
      </c>
      <c r="J385">
        <v>956.36</v>
      </c>
      <c r="K385">
        <v>979.10599999999999</v>
      </c>
      <c r="L385">
        <v>978.45299999999997</v>
      </c>
      <c r="M385">
        <v>953.96400000000006</v>
      </c>
      <c r="N385">
        <v>1023.405</v>
      </c>
      <c r="O385">
        <v>1048.2070000000001</v>
      </c>
      <c r="P385">
        <v>0</v>
      </c>
      <c r="Q385">
        <v>0</v>
      </c>
      <c r="R385">
        <v>1065.4649999999999</v>
      </c>
      <c r="S385">
        <v>0</v>
      </c>
      <c r="T385">
        <v>1020.855</v>
      </c>
      <c r="U385">
        <v>990.74800000000005</v>
      </c>
      <c r="V385">
        <v>963.99300000000005</v>
      </c>
      <c r="W385">
        <v>940.40599999999995</v>
      </c>
      <c r="X385">
        <v>899.01300000000003</v>
      </c>
      <c r="Y385">
        <v>875.68499999999995</v>
      </c>
    </row>
    <row r="386" spans="1:25" x14ac:dyDescent="0.3">
      <c r="A386">
        <v>10.283333333969738</v>
      </c>
      <c r="B386">
        <v>1055.1089999999999</v>
      </c>
      <c r="C386">
        <v>1063.7950000000001</v>
      </c>
      <c r="D386">
        <v>1041.923</v>
      </c>
      <c r="E386">
        <v>1007.013</v>
      </c>
      <c r="F386">
        <v>955.00900000000001</v>
      </c>
      <c r="G386">
        <v>946.149</v>
      </c>
      <c r="H386">
        <v>937.678</v>
      </c>
      <c r="I386">
        <v>940.69299999999998</v>
      </c>
      <c r="J386">
        <v>960.596</v>
      </c>
      <c r="K386">
        <v>983.94899999999996</v>
      </c>
      <c r="L386">
        <v>981.35500000000002</v>
      </c>
      <c r="M386">
        <v>956.27</v>
      </c>
      <c r="N386">
        <v>1034.827</v>
      </c>
      <c r="O386">
        <v>1058.951</v>
      </c>
      <c r="P386">
        <v>0</v>
      </c>
      <c r="Q386">
        <v>0</v>
      </c>
      <c r="R386">
        <v>1070.2860000000001</v>
      </c>
      <c r="S386">
        <v>0</v>
      </c>
      <c r="T386">
        <v>1027.9960000000001</v>
      </c>
      <c r="U386">
        <v>1000.107</v>
      </c>
      <c r="V386">
        <v>974.21</v>
      </c>
      <c r="W386">
        <v>950.68700000000001</v>
      </c>
      <c r="X386">
        <v>907.29600000000005</v>
      </c>
      <c r="Y386">
        <v>880.346</v>
      </c>
    </row>
    <row r="387" spans="1:25" x14ac:dyDescent="0.3">
      <c r="A387">
        <v>10.300000004532437</v>
      </c>
      <c r="B387">
        <v>1058.8209999999999</v>
      </c>
      <c r="C387">
        <v>1063.8140000000001</v>
      </c>
      <c r="D387">
        <v>1041.0350000000001</v>
      </c>
      <c r="E387">
        <v>997.12</v>
      </c>
      <c r="F387">
        <v>947.96799999999996</v>
      </c>
      <c r="G387">
        <v>940.01099999999997</v>
      </c>
      <c r="H387">
        <v>932.51099999999997</v>
      </c>
      <c r="I387">
        <v>936.56600000000003</v>
      </c>
      <c r="J387">
        <v>954.70299999999997</v>
      </c>
      <c r="K387">
        <v>976.62199999999996</v>
      </c>
      <c r="L387">
        <v>976.89400000000001</v>
      </c>
      <c r="M387">
        <v>954.577</v>
      </c>
      <c r="N387">
        <v>1021.039</v>
      </c>
      <c r="O387">
        <v>1054.163</v>
      </c>
      <c r="P387">
        <v>0</v>
      </c>
      <c r="Q387">
        <v>0</v>
      </c>
      <c r="R387">
        <v>1075.076</v>
      </c>
      <c r="S387">
        <v>0</v>
      </c>
      <c r="T387">
        <v>1030.758</v>
      </c>
      <c r="U387">
        <v>1003.889</v>
      </c>
      <c r="V387">
        <v>979.37800000000004</v>
      </c>
      <c r="W387">
        <v>957.00800000000004</v>
      </c>
      <c r="X387">
        <v>915.85299999999995</v>
      </c>
      <c r="Y387">
        <v>887.44799999999998</v>
      </c>
    </row>
    <row r="388" spans="1:25" x14ac:dyDescent="0.3">
      <c r="A388">
        <v>10.333333335180457</v>
      </c>
      <c r="B388">
        <v>1061.289</v>
      </c>
      <c r="C388">
        <v>1058.375</v>
      </c>
      <c r="D388">
        <v>1052.0340000000001</v>
      </c>
      <c r="E388">
        <v>1017.151</v>
      </c>
      <c r="F388">
        <v>962.24</v>
      </c>
      <c r="G388">
        <v>950.88499999999999</v>
      </c>
      <c r="H388">
        <v>937.92899999999997</v>
      </c>
      <c r="I388">
        <v>938.07299999999998</v>
      </c>
      <c r="J388">
        <v>950.77700000000004</v>
      </c>
      <c r="K388">
        <v>973.71900000000005</v>
      </c>
      <c r="L388">
        <v>975.73199999999997</v>
      </c>
      <c r="M388">
        <v>953.58600000000001</v>
      </c>
      <c r="N388">
        <v>1022.616</v>
      </c>
      <c r="O388">
        <v>1060.3610000000001</v>
      </c>
      <c r="P388">
        <v>0</v>
      </c>
      <c r="Q388">
        <v>0</v>
      </c>
      <c r="R388">
        <v>1082.3330000000001</v>
      </c>
      <c r="S388">
        <v>0</v>
      </c>
      <c r="T388">
        <v>1034.6600000000001</v>
      </c>
      <c r="U388">
        <v>1005.35</v>
      </c>
      <c r="V388">
        <v>981.39099999999996</v>
      </c>
      <c r="W388">
        <v>957.85400000000004</v>
      </c>
      <c r="X388">
        <v>917.68899999999996</v>
      </c>
      <c r="Y388">
        <v>888.68700000000001</v>
      </c>
    </row>
    <row r="389" spans="1:25" x14ac:dyDescent="0.3">
      <c r="A389">
        <v>10.366666665828477</v>
      </c>
      <c r="B389">
        <v>1029.1010000000001</v>
      </c>
      <c r="C389">
        <v>1069.653</v>
      </c>
      <c r="D389">
        <v>1062.7570000000001</v>
      </c>
      <c r="E389">
        <v>1026.3209999999999</v>
      </c>
      <c r="F389">
        <v>963.68700000000001</v>
      </c>
      <c r="G389">
        <v>951.22799999999995</v>
      </c>
      <c r="H389">
        <v>940.33500000000004</v>
      </c>
      <c r="I389">
        <v>943.00900000000001</v>
      </c>
      <c r="J389">
        <v>959.51300000000003</v>
      </c>
      <c r="K389">
        <v>978.47199999999998</v>
      </c>
      <c r="L389">
        <v>978.87099999999998</v>
      </c>
      <c r="M389">
        <v>955.73</v>
      </c>
      <c r="N389">
        <v>1024.2670000000001</v>
      </c>
      <c r="O389">
        <v>1063.183</v>
      </c>
      <c r="P389">
        <v>0</v>
      </c>
      <c r="Q389">
        <v>0</v>
      </c>
      <c r="R389">
        <v>1084.7670000000001</v>
      </c>
      <c r="S389">
        <v>0</v>
      </c>
      <c r="T389">
        <v>1034.79</v>
      </c>
      <c r="U389">
        <v>1006.996</v>
      </c>
      <c r="V389">
        <v>984.85599999999999</v>
      </c>
      <c r="W389">
        <v>963.85</v>
      </c>
      <c r="X389">
        <v>925.23099999999999</v>
      </c>
      <c r="Y389">
        <v>896.846</v>
      </c>
    </row>
    <row r="390" spans="1:25" x14ac:dyDescent="0.3">
      <c r="A390">
        <v>10.383333336391177</v>
      </c>
      <c r="B390">
        <v>1054.296</v>
      </c>
      <c r="C390">
        <v>1072.3399999999999</v>
      </c>
      <c r="D390">
        <v>1072.0229999999999</v>
      </c>
      <c r="E390">
        <v>1040.059</v>
      </c>
      <c r="F390">
        <v>988.16700000000003</v>
      </c>
      <c r="G390">
        <v>967.14200000000005</v>
      </c>
      <c r="H390">
        <v>952.02300000000002</v>
      </c>
      <c r="I390">
        <v>955.01300000000003</v>
      </c>
      <c r="J390">
        <v>975.59100000000001</v>
      </c>
      <c r="K390">
        <v>986.94799999999998</v>
      </c>
      <c r="L390">
        <v>982.26499999999999</v>
      </c>
      <c r="M390">
        <v>958.21799999999996</v>
      </c>
      <c r="N390">
        <v>1025.2059999999999</v>
      </c>
      <c r="O390">
        <v>1072.135</v>
      </c>
      <c r="P390">
        <v>0</v>
      </c>
      <c r="Q390">
        <v>0</v>
      </c>
      <c r="R390">
        <v>1107.047</v>
      </c>
      <c r="S390">
        <v>0</v>
      </c>
      <c r="T390">
        <v>1053.5909999999999</v>
      </c>
      <c r="U390">
        <v>1020.456</v>
      </c>
      <c r="V390">
        <v>996.50400000000002</v>
      </c>
      <c r="W390">
        <v>973.23400000000004</v>
      </c>
      <c r="X390">
        <v>930.22500000000002</v>
      </c>
      <c r="Y390">
        <v>901.57600000000002</v>
      </c>
    </row>
    <row r="391" spans="1:25" x14ac:dyDescent="0.3">
      <c r="A391">
        <v>10.416666667039197</v>
      </c>
      <c r="B391">
        <v>1051.5930000000001</v>
      </c>
      <c r="C391">
        <v>1074.277</v>
      </c>
      <c r="D391">
        <v>1076.2159999999999</v>
      </c>
      <c r="E391">
        <v>1044.365</v>
      </c>
      <c r="F391">
        <v>992.33500000000004</v>
      </c>
      <c r="G391">
        <v>971.69399999999996</v>
      </c>
      <c r="H391">
        <v>957.89300000000003</v>
      </c>
      <c r="I391">
        <v>957.98299999999995</v>
      </c>
      <c r="J391">
        <v>979.50800000000004</v>
      </c>
      <c r="K391">
        <v>991.00599999999997</v>
      </c>
      <c r="L391">
        <v>985.34699999999998</v>
      </c>
      <c r="M391">
        <v>961.08699999999999</v>
      </c>
      <c r="N391">
        <v>1032.933</v>
      </c>
      <c r="O391">
        <v>1081.7929999999999</v>
      </c>
      <c r="P391">
        <v>0</v>
      </c>
      <c r="Q391">
        <v>0</v>
      </c>
      <c r="R391">
        <v>1095.444</v>
      </c>
      <c r="S391">
        <v>0</v>
      </c>
      <c r="T391">
        <v>1046.3430000000001</v>
      </c>
      <c r="U391">
        <v>1017.319</v>
      </c>
      <c r="V391">
        <v>993.97299999999996</v>
      </c>
      <c r="W391">
        <v>971.76700000000005</v>
      </c>
      <c r="X391">
        <v>929.13300000000004</v>
      </c>
      <c r="Y391">
        <v>900.58</v>
      </c>
    </row>
    <row r="392" spans="1:25" x14ac:dyDescent="0.3">
      <c r="A392">
        <v>10.433333337601896</v>
      </c>
      <c r="B392">
        <v>1072.432</v>
      </c>
      <c r="C392">
        <v>1075.377</v>
      </c>
      <c r="D392">
        <v>1084.2449999999999</v>
      </c>
      <c r="E392">
        <v>1064.856</v>
      </c>
      <c r="F392">
        <v>1024.9849999999999</v>
      </c>
      <c r="G392">
        <v>993.5</v>
      </c>
      <c r="H392">
        <v>969.83299999999997</v>
      </c>
      <c r="I392">
        <v>964.43</v>
      </c>
      <c r="J392">
        <v>978.76400000000001</v>
      </c>
      <c r="K392">
        <v>989.47699999999998</v>
      </c>
      <c r="L392">
        <v>984.16899999999998</v>
      </c>
      <c r="M392">
        <v>960.56299999999999</v>
      </c>
      <c r="N392">
        <v>1039.8</v>
      </c>
      <c r="O392">
        <v>1079.087</v>
      </c>
      <c r="P392">
        <v>0</v>
      </c>
      <c r="Q392">
        <v>0</v>
      </c>
      <c r="R392">
        <v>1098.6030000000001</v>
      </c>
      <c r="S392">
        <v>0</v>
      </c>
      <c r="T392">
        <v>1049.597</v>
      </c>
      <c r="U392">
        <v>1020.271</v>
      </c>
      <c r="V392">
        <v>995.24699999999996</v>
      </c>
      <c r="W392">
        <v>971.06200000000001</v>
      </c>
      <c r="X392">
        <v>926.37800000000004</v>
      </c>
      <c r="Y392">
        <v>897.89599999999996</v>
      </c>
    </row>
    <row r="393" spans="1:25" x14ac:dyDescent="0.3">
      <c r="A393">
        <v>10.466666668249916</v>
      </c>
      <c r="B393">
        <v>1076.664</v>
      </c>
      <c r="C393">
        <v>1056.319</v>
      </c>
      <c r="D393">
        <v>1079.9449999999999</v>
      </c>
      <c r="E393">
        <v>1058.75</v>
      </c>
      <c r="F393">
        <v>1005.92</v>
      </c>
      <c r="G393">
        <v>983.154</v>
      </c>
      <c r="H393">
        <v>966.03899999999999</v>
      </c>
      <c r="I393">
        <v>965.822</v>
      </c>
      <c r="J393">
        <v>985.25699999999995</v>
      </c>
      <c r="K393">
        <v>991.95299999999997</v>
      </c>
      <c r="L393">
        <v>984.29600000000005</v>
      </c>
      <c r="M393">
        <v>959.02800000000002</v>
      </c>
      <c r="N393">
        <v>1044.588</v>
      </c>
      <c r="O393">
        <v>1072.731</v>
      </c>
      <c r="P393">
        <v>0</v>
      </c>
      <c r="Q393">
        <v>0</v>
      </c>
      <c r="R393">
        <v>1081.194</v>
      </c>
      <c r="S393">
        <v>0</v>
      </c>
      <c r="T393">
        <v>1041.242</v>
      </c>
      <c r="U393">
        <v>1015.1369999999999</v>
      </c>
      <c r="V393">
        <v>991.73500000000001</v>
      </c>
      <c r="W393">
        <v>969.79700000000003</v>
      </c>
      <c r="X393">
        <v>925.14400000000001</v>
      </c>
      <c r="Y393">
        <v>898.64300000000003</v>
      </c>
    </row>
    <row r="394" spans="1:25" x14ac:dyDescent="0.3">
      <c r="A394">
        <v>10.499999998897936</v>
      </c>
      <c r="B394">
        <v>1086.1759999999999</v>
      </c>
      <c r="C394">
        <v>1074.596</v>
      </c>
      <c r="D394">
        <v>1077.933</v>
      </c>
      <c r="E394">
        <v>1039.066</v>
      </c>
      <c r="F394">
        <v>973.47</v>
      </c>
      <c r="G394">
        <v>960.221</v>
      </c>
      <c r="H394">
        <v>950.51199999999994</v>
      </c>
      <c r="I394">
        <v>953.80700000000002</v>
      </c>
      <c r="J394">
        <v>975.32</v>
      </c>
      <c r="K394">
        <v>984.22500000000002</v>
      </c>
      <c r="L394">
        <v>977.91399999999999</v>
      </c>
      <c r="M394">
        <v>954.09500000000003</v>
      </c>
      <c r="N394">
        <v>1051.096</v>
      </c>
      <c r="O394">
        <v>1094.001</v>
      </c>
      <c r="P394">
        <v>0</v>
      </c>
      <c r="Q394">
        <v>0</v>
      </c>
      <c r="R394">
        <v>1076.2929999999999</v>
      </c>
      <c r="S394">
        <v>0</v>
      </c>
      <c r="T394">
        <v>1033.579</v>
      </c>
      <c r="U394">
        <v>1007.091</v>
      </c>
      <c r="V394">
        <v>982.39300000000003</v>
      </c>
      <c r="W394">
        <v>960.8</v>
      </c>
      <c r="X394">
        <v>915.80399999999997</v>
      </c>
      <c r="Y394">
        <v>892.48199999999997</v>
      </c>
    </row>
    <row r="395" spans="1:25" x14ac:dyDescent="0.3">
      <c r="A395">
        <v>10.516666669460635</v>
      </c>
      <c r="B395">
        <v>1070.8489999999999</v>
      </c>
      <c r="C395">
        <v>1086.7370000000001</v>
      </c>
      <c r="D395">
        <v>1075.7329999999999</v>
      </c>
      <c r="E395">
        <v>1038.6790000000001</v>
      </c>
      <c r="F395">
        <v>972.41899999999998</v>
      </c>
      <c r="G395">
        <v>959.75099999999998</v>
      </c>
      <c r="H395">
        <v>947.16200000000003</v>
      </c>
      <c r="I395">
        <v>951.37599999999998</v>
      </c>
      <c r="J395">
        <v>971.69600000000003</v>
      </c>
      <c r="K395">
        <v>980.90599999999995</v>
      </c>
      <c r="L395">
        <v>974.15899999999999</v>
      </c>
      <c r="M395">
        <v>953.15899999999999</v>
      </c>
      <c r="N395">
        <v>1039.8019999999999</v>
      </c>
      <c r="O395">
        <v>1084.6400000000001</v>
      </c>
      <c r="P395">
        <v>0</v>
      </c>
      <c r="Q395">
        <v>0</v>
      </c>
      <c r="R395">
        <v>1074.671</v>
      </c>
      <c r="S395">
        <v>0</v>
      </c>
      <c r="T395">
        <v>1035.604</v>
      </c>
      <c r="U395">
        <v>1009.32</v>
      </c>
      <c r="V395">
        <v>985.64</v>
      </c>
      <c r="W395">
        <v>964.16099999999994</v>
      </c>
      <c r="X395">
        <v>920.06600000000003</v>
      </c>
      <c r="Y395">
        <v>894.96699999999998</v>
      </c>
    </row>
    <row r="396" spans="1:25" x14ac:dyDescent="0.3">
      <c r="A396">
        <v>10.550000000108655</v>
      </c>
      <c r="B396">
        <v>1066.3979999999999</v>
      </c>
      <c r="C396">
        <v>1080.8040000000001</v>
      </c>
      <c r="D396">
        <v>1075.752</v>
      </c>
      <c r="E396">
        <v>1041.798</v>
      </c>
      <c r="F396">
        <v>981.43200000000002</v>
      </c>
      <c r="G396">
        <v>967.35900000000004</v>
      </c>
      <c r="H396">
        <v>952.20399999999995</v>
      </c>
      <c r="I396">
        <v>954.27499999999998</v>
      </c>
      <c r="J396">
        <v>972.32899999999995</v>
      </c>
      <c r="K396">
        <v>982.68299999999999</v>
      </c>
      <c r="L396">
        <v>976.04600000000005</v>
      </c>
      <c r="M396">
        <v>954.63599999999997</v>
      </c>
      <c r="N396">
        <v>1033.0450000000001</v>
      </c>
      <c r="O396">
        <v>1075.7149999999999</v>
      </c>
      <c r="P396">
        <v>0</v>
      </c>
      <c r="Q396">
        <v>0</v>
      </c>
      <c r="R396">
        <v>1078.623</v>
      </c>
      <c r="S396">
        <v>0</v>
      </c>
      <c r="T396">
        <v>1032.4929999999999</v>
      </c>
      <c r="U396">
        <v>1006.123</v>
      </c>
      <c r="V396">
        <v>983.59</v>
      </c>
      <c r="W396">
        <v>964.14300000000003</v>
      </c>
      <c r="X396">
        <v>922.21199999999999</v>
      </c>
      <c r="Y396">
        <v>897.56100000000004</v>
      </c>
    </row>
    <row r="397" spans="1:25" x14ac:dyDescent="0.3">
      <c r="A397">
        <v>10.566666670671355</v>
      </c>
      <c r="B397">
        <v>1049.7840000000001</v>
      </c>
      <c r="C397">
        <v>1083.873</v>
      </c>
      <c r="D397">
        <v>1077.952</v>
      </c>
      <c r="E397">
        <v>1067.569</v>
      </c>
      <c r="F397">
        <v>1005.7569999999999</v>
      </c>
      <c r="G397">
        <v>979.69100000000003</v>
      </c>
      <c r="H397">
        <v>959.26400000000001</v>
      </c>
      <c r="I397">
        <v>958.66899999999998</v>
      </c>
      <c r="J397">
        <v>974.92100000000005</v>
      </c>
      <c r="K397">
        <v>988.69600000000003</v>
      </c>
      <c r="L397">
        <v>983.42700000000002</v>
      </c>
      <c r="M397">
        <v>960.149</v>
      </c>
      <c r="N397">
        <v>1036.212</v>
      </c>
      <c r="O397">
        <v>1087.655</v>
      </c>
      <c r="P397">
        <v>0</v>
      </c>
      <c r="Q397">
        <v>0</v>
      </c>
      <c r="R397">
        <v>1088.9090000000001</v>
      </c>
      <c r="S397">
        <v>0</v>
      </c>
      <c r="T397">
        <v>1037.5740000000001</v>
      </c>
      <c r="U397">
        <v>1009.448</v>
      </c>
      <c r="V397">
        <v>985.36800000000005</v>
      </c>
      <c r="W397">
        <v>964.125</v>
      </c>
      <c r="X397">
        <v>920.81700000000001</v>
      </c>
      <c r="Y397">
        <v>895.07299999999998</v>
      </c>
    </row>
    <row r="398" spans="1:25" x14ac:dyDescent="0.3">
      <c r="A398">
        <v>10.600000001319374</v>
      </c>
      <c r="B398">
        <v>1054.7829999999999</v>
      </c>
      <c r="C398">
        <v>1073.0709999999999</v>
      </c>
      <c r="D398">
        <v>1075.5129999999999</v>
      </c>
      <c r="E398">
        <v>1056.6579999999999</v>
      </c>
      <c r="F398">
        <v>993.08600000000001</v>
      </c>
      <c r="G398">
        <v>976.52099999999996</v>
      </c>
      <c r="H398">
        <v>962.15800000000002</v>
      </c>
      <c r="I398">
        <v>964.14599999999996</v>
      </c>
      <c r="J398">
        <v>982.77700000000004</v>
      </c>
      <c r="K398">
        <v>996.63599999999997</v>
      </c>
      <c r="L398">
        <v>990.702</v>
      </c>
      <c r="M398">
        <v>966.38699999999994</v>
      </c>
      <c r="N398">
        <v>1039.2719999999999</v>
      </c>
      <c r="O398">
        <v>1087.6389999999999</v>
      </c>
      <c r="P398">
        <v>0</v>
      </c>
      <c r="Q398">
        <v>0</v>
      </c>
      <c r="R398">
        <v>1093.9860000000001</v>
      </c>
      <c r="S398">
        <v>0</v>
      </c>
      <c r="T398">
        <v>1044.3710000000001</v>
      </c>
      <c r="U398">
        <v>1015.912</v>
      </c>
      <c r="V398">
        <v>990.72</v>
      </c>
      <c r="W398">
        <v>969.20600000000002</v>
      </c>
      <c r="X398">
        <v>924.11199999999997</v>
      </c>
      <c r="Y398">
        <v>898.77200000000005</v>
      </c>
    </row>
    <row r="399" spans="1:25" x14ac:dyDescent="0.3">
      <c r="A399">
        <v>10.633333331967394</v>
      </c>
      <c r="B399">
        <v>1054.67</v>
      </c>
      <c r="C399">
        <v>1068.242</v>
      </c>
      <c r="D399">
        <v>1086.1400000000001</v>
      </c>
      <c r="E399">
        <v>1049.3610000000001</v>
      </c>
      <c r="F399">
        <v>985.15200000000004</v>
      </c>
      <c r="G399">
        <v>970.03599999999994</v>
      </c>
      <c r="H399">
        <v>957.48299999999995</v>
      </c>
      <c r="I399">
        <v>963.31299999999999</v>
      </c>
      <c r="J399">
        <v>984.53499999999997</v>
      </c>
      <c r="K399">
        <v>996.65300000000002</v>
      </c>
      <c r="L399">
        <v>989.93600000000004</v>
      </c>
      <c r="M399">
        <v>965.10199999999998</v>
      </c>
      <c r="N399">
        <v>1043.759</v>
      </c>
      <c r="O399">
        <v>1102.067</v>
      </c>
      <c r="P399">
        <v>0</v>
      </c>
      <c r="Q399">
        <v>0</v>
      </c>
      <c r="R399">
        <v>1104.605</v>
      </c>
      <c r="S399">
        <v>0</v>
      </c>
      <c r="T399">
        <v>1045.3489999999999</v>
      </c>
      <c r="U399">
        <v>1017.2859999999999</v>
      </c>
      <c r="V399">
        <v>991.41</v>
      </c>
      <c r="W399">
        <v>967.25300000000004</v>
      </c>
      <c r="X399">
        <v>919.88900000000001</v>
      </c>
      <c r="Y399">
        <v>895.80399999999997</v>
      </c>
    </row>
    <row r="400" spans="1:25" x14ac:dyDescent="0.3">
      <c r="A400">
        <v>10.650000002530094</v>
      </c>
      <c r="B400">
        <v>1072.2139999999999</v>
      </c>
      <c r="C400">
        <v>1067.8150000000001</v>
      </c>
      <c r="D400">
        <v>1070.0150000000001</v>
      </c>
      <c r="E400">
        <v>1017.453</v>
      </c>
      <c r="F400">
        <v>964.76099999999997</v>
      </c>
      <c r="G400">
        <v>957.88099999999997</v>
      </c>
      <c r="H400">
        <v>950.62300000000005</v>
      </c>
      <c r="I400">
        <v>955.86400000000003</v>
      </c>
      <c r="J400">
        <v>980.94600000000003</v>
      </c>
      <c r="K400">
        <v>994.81600000000003</v>
      </c>
      <c r="L400">
        <v>987.18899999999996</v>
      </c>
      <c r="M400">
        <v>962.55600000000004</v>
      </c>
      <c r="N400">
        <v>1044.6489999999999</v>
      </c>
      <c r="O400">
        <v>1097.819</v>
      </c>
      <c r="P400">
        <v>0</v>
      </c>
      <c r="Q400">
        <v>0</v>
      </c>
      <c r="R400">
        <v>1099.7929999999999</v>
      </c>
      <c r="S400">
        <v>0</v>
      </c>
      <c r="T400">
        <v>1050.7670000000001</v>
      </c>
      <c r="U400">
        <v>1022.46</v>
      </c>
      <c r="V400">
        <v>996.78200000000004</v>
      </c>
      <c r="W400">
        <v>973.65599999999995</v>
      </c>
      <c r="X400">
        <v>926.90200000000004</v>
      </c>
      <c r="Y400">
        <v>902.04200000000003</v>
      </c>
    </row>
    <row r="401" spans="1:25" x14ac:dyDescent="0.3">
      <c r="A401">
        <v>10.683333333178114</v>
      </c>
      <c r="B401">
        <v>1087.6400000000001</v>
      </c>
      <c r="C401">
        <v>1061.4280000000001</v>
      </c>
      <c r="D401">
        <v>1063.136</v>
      </c>
      <c r="E401">
        <v>1025.559</v>
      </c>
      <c r="F401">
        <v>968.62800000000004</v>
      </c>
      <c r="G401">
        <v>956.31399999999996</v>
      </c>
      <c r="H401">
        <v>947.22</v>
      </c>
      <c r="I401">
        <v>949.27300000000002</v>
      </c>
      <c r="J401">
        <v>968.15800000000002</v>
      </c>
      <c r="K401">
        <v>988.77300000000002</v>
      </c>
      <c r="L401">
        <v>986.13400000000001</v>
      </c>
      <c r="M401">
        <v>963.76700000000005</v>
      </c>
      <c r="N401">
        <v>1041.5239999999999</v>
      </c>
      <c r="O401">
        <v>1097.3489999999999</v>
      </c>
      <c r="P401">
        <v>0</v>
      </c>
      <c r="Q401">
        <v>0</v>
      </c>
      <c r="R401">
        <v>1110.577</v>
      </c>
      <c r="S401">
        <v>0</v>
      </c>
      <c r="T401">
        <v>1053.4849999999999</v>
      </c>
      <c r="U401">
        <v>1023.175</v>
      </c>
      <c r="V401">
        <v>998.23800000000006</v>
      </c>
      <c r="W401">
        <v>976.57500000000005</v>
      </c>
      <c r="X401">
        <v>932.62599999999998</v>
      </c>
      <c r="Y401">
        <v>906.91200000000003</v>
      </c>
    </row>
    <row r="402" spans="1:25" x14ac:dyDescent="0.3">
      <c r="A402">
        <v>10.700000003740813</v>
      </c>
      <c r="B402">
        <v>1084.944</v>
      </c>
      <c r="C402">
        <v>1044.1300000000001</v>
      </c>
      <c r="D402">
        <v>1068.7840000000001</v>
      </c>
      <c r="E402">
        <v>1040.748</v>
      </c>
      <c r="F402">
        <v>977.80799999999999</v>
      </c>
      <c r="G402">
        <v>959.50199999999995</v>
      </c>
      <c r="H402">
        <v>946.76900000000001</v>
      </c>
      <c r="I402">
        <v>946.71500000000003</v>
      </c>
      <c r="J402">
        <v>963.29700000000003</v>
      </c>
      <c r="K402">
        <v>987.57100000000003</v>
      </c>
      <c r="L402">
        <v>988.08100000000002</v>
      </c>
      <c r="M402">
        <v>968.66399999999999</v>
      </c>
      <c r="N402">
        <v>1044.1300000000001</v>
      </c>
      <c r="O402">
        <v>1103.328</v>
      </c>
      <c r="P402">
        <v>0</v>
      </c>
      <c r="Q402">
        <v>0</v>
      </c>
      <c r="R402">
        <v>1106.9949999999999</v>
      </c>
      <c r="S402">
        <v>0</v>
      </c>
      <c r="T402">
        <v>1053.17</v>
      </c>
      <c r="U402">
        <v>1025.338</v>
      </c>
      <c r="V402">
        <v>1000.5170000000001</v>
      </c>
      <c r="W402">
        <v>978.57</v>
      </c>
      <c r="X402">
        <v>936.21400000000006</v>
      </c>
      <c r="Y402">
        <v>908.87300000000005</v>
      </c>
    </row>
    <row r="403" spans="1:25" x14ac:dyDescent="0.3">
      <c r="A403">
        <v>10.733333334388833</v>
      </c>
      <c r="B403">
        <v>1065.771</v>
      </c>
      <c r="C403">
        <v>1056.3050000000001</v>
      </c>
      <c r="D403">
        <v>1076.502</v>
      </c>
      <c r="E403">
        <v>1057.7529999999999</v>
      </c>
      <c r="F403">
        <v>992.14</v>
      </c>
      <c r="G403">
        <v>962.9</v>
      </c>
      <c r="H403">
        <v>946.98599999999999</v>
      </c>
      <c r="I403">
        <v>947.99400000000003</v>
      </c>
      <c r="J403">
        <v>963.06200000000001</v>
      </c>
      <c r="K403">
        <v>985.40800000000002</v>
      </c>
      <c r="L403">
        <v>986.15200000000004</v>
      </c>
      <c r="M403">
        <v>967.05600000000004</v>
      </c>
      <c r="N403">
        <v>1048.604</v>
      </c>
      <c r="O403">
        <v>1106.77</v>
      </c>
      <c r="P403">
        <v>0</v>
      </c>
      <c r="Q403">
        <v>0</v>
      </c>
      <c r="R403">
        <v>1112.636</v>
      </c>
      <c r="S403">
        <v>0</v>
      </c>
      <c r="T403">
        <v>1055.3030000000001</v>
      </c>
      <c r="U403">
        <v>1027.029</v>
      </c>
      <c r="V403">
        <v>1003.148</v>
      </c>
      <c r="W403">
        <v>982.30600000000004</v>
      </c>
      <c r="X403">
        <v>940.28899999999999</v>
      </c>
      <c r="Y403">
        <v>912.11800000000005</v>
      </c>
    </row>
    <row r="404" spans="1:25" x14ac:dyDescent="0.3">
      <c r="A404">
        <v>10.766666665036853</v>
      </c>
      <c r="B404">
        <v>1080.509</v>
      </c>
      <c r="C404">
        <v>1072.829</v>
      </c>
      <c r="D404">
        <v>1089.7929999999999</v>
      </c>
      <c r="E404">
        <v>1065.4190000000001</v>
      </c>
      <c r="F404">
        <v>992.21299999999997</v>
      </c>
      <c r="G404">
        <v>969.96500000000003</v>
      </c>
      <c r="H404">
        <v>956.72799999999995</v>
      </c>
      <c r="I404">
        <v>958.83500000000004</v>
      </c>
      <c r="J404">
        <v>979.71299999999997</v>
      </c>
      <c r="K404">
        <v>998.36599999999999</v>
      </c>
      <c r="L404">
        <v>993.32399999999996</v>
      </c>
      <c r="M404">
        <v>969.65800000000002</v>
      </c>
      <c r="N404">
        <v>1059.925</v>
      </c>
      <c r="O404">
        <v>1102.558</v>
      </c>
      <c r="P404">
        <v>0</v>
      </c>
      <c r="Q404">
        <v>0</v>
      </c>
      <c r="R404">
        <v>1109.1980000000001</v>
      </c>
      <c r="S404">
        <v>0</v>
      </c>
      <c r="T404">
        <v>1063.5250000000001</v>
      </c>
      <c r="U404">
        <v>1037.413</v>
      </c>
      <c r="V404">
        <v>1014.023</v>
      </c>
      <c r="W404">
        <v>991.97699999999998</v>
      </c>
      <c r="X404">
        <v>949.16499999999996</v>
      </c>
      <c r="Y404">
        <v>918.87400000000002</v>
      </c>
    </row>
    <row r="405" spans="1:25" x14ac:dyDescent="0.3">
      <c r="A405">
        <v>10.783333335599552</v>
      </c>
      <c r="B405">
        <v>1060.7809999999999</v>
      </c>
      <c r="C405">
        <v>1065.421</v>
      </c>
      <c r="D405">
        <v>1099.4190000000001</v>
      </c>
      <c r="E405">
        <v>1082.8679999999999</v>
      </c>
      <c r="F405">
        <v>1004.4109999999999</v>
      </c>
      <c r="G405">
        <v>974.70899999999995</v>
      </c>
      <c r="H405">
        <v>960.04600000000005</v>
      </c>
      <c r="I405">
        <v>959.50400000000002</v>
      </c>
      <c r="J405">
        <v>981.65499999999997</v>
      </c>
      <c r="K405">
        <v>1000.921</v>
      </c>
      <c r="L405">
        <v>995.10900000000004</v>
      </c>
      <c r="M405">
        <v>971.34100000000001</v>
      </c>
      <c r="N405">
        <v>1066.5340000000001</v>
      </c>
      <c r="O405">
        <v>1110.239</v>
      </c>
      <c r="P405">
        <v>0</v>
      </c>
      <c r="Q405">
        <v>0</v>
      </c>
      <c r="R405">
        <v>1109.521</v>
      </c>
      <c r="S405">
        <v>0</v>
      </c>
      <c r="T405">
        <v>1062.8589999999999</v>
      </c>
      <c r="U405">
        <v>1038.114</v>
      </c>
      <c r="V405">
        <v>1015.474</v>
      </c>
      <c r="W405">
        <v>993.10699999999997</v>
      </c>
      <c r="X405">
        <v>949.52700000000004</v>
      </c>
      <c r="Y405">
        <v>916.505</v>
      </c>
    </row>
    <row r="406" spans="1:25" x14ac:dyDescent="0.3">
      <c r="A406">
        <v>10.816666666247572</v>
      </c>
      <c r="B406">
        <v>1069.645</v>
      </c>
      <c r="C406">
        <v>1083.2059999999999</v>
      </c>
      <c r="D406">
        <v>1102.279</v>
      </c>
      <c r="E406">
        <v>1082.1759999999999</v>
      </c>
      <c r="F406">
        <v>1019.712</v>
      </c>
      <c r="G406">
        <v>993.38099999999997</v>
      </c>
      <c r="H406">
        <v>973.04200000000003</v>
      </c>
      <c r="I406">
        <v>968.505</v>
      </c>
      <c r="J406">
        <v>982.03700000000003</v>
      </c>
      <c r="K406">
        <v>997.24</v>
      </c>
      <c r="L406">
        <v>993.25400000000002</v>
      </c>
      <c r="M406">
        <v>969.98599999999999</v>
      </c>
      <c r="N406">
        <v>1082.569</v>
      </c>
      <c r="O406">
        <v>1112.7149999999999</v>
      </c>
      <c r="P406">
        <v>0</v>
      </c>
      <c r="Q406">
        <v>0</v>
      </c>
      <c r="R406">
        <v>1105.0989999999999</v>
      </c>
      <c r="S406">
        <v>0</v>
      </c>
      <c r="T406">
        <v>1061.431</v>
      </c>
      <c r="U406">
        <v>1037.231</v>
      </c>
      <c r="V406">
        <v>1015.5119999999999</v>
      </c>
      <c r="W406">
        <v>993.654</v>
      </c>
      <c r="X406">
        <v>950.19399999999996</v>
      </c>
      <c r="Y406">
        <v>917.34400000000005</v>
      </c>
    </row>
    <row r="407" spans="1:25" x14ac:dyDescent="0.3">
      <c r="A407">
        <v>10.849999996895592</v>
      </c>
      <c r="B407">
        <v>1085.6949999999999</v>
      </c>
      <c r="C407">
        <v>1089.8889999999999</v>
      </c>
      <c r="D407">
        <v>1092.3789999999999</v>
      </c>
      <c r="E407">
        <v>1055.3050000000001</v>
      </c>
      <c r="F407">
        <v>989.53899999999999</v>
      </c>
      <c r="G407">
        <v>972.44299999999998</v>
      </c>
      <c r="H407">
        <v>961.18499999999995</v>
      </c>
      <c r="I407">
        <v>959.95600000000002</v>
      </c>
      <c r="J407">
        <v>979.17100000000005</v>
      </c>
      <c r="K407">
        <v>993.81700000000001</v>
      </c>
      <c r="L407">
        <v>989.23</v>
      </c>
      <c r="M407">
        <v>965.66600000000005</v>
      </c>
      <c r="N407">
        <v>1068.6369999999999</v>
      </c>
      <c r="O407">
        <v>1105.7940000000001</v>
      </c>
      <c r="P407">
        <v>0</v>
      </c>
      <c r="Q407">
        <v>0</v>
      </c>
      <c r="R407">
        <v>1091.6669999999999</v>
      </c>
      <c r="S407">
        <v>0</v>
      </c>
      <c r="T407">
        <v>1052.6179999999999</v>
      </c>
      <c r="U407">
        <v>1029.663</v>
      </c>
      <c r="V407">
        <v>1009.289</v>
      </c>
      <c r="W407">
        <v>989.43</v>
      </c>
      <c r="X407">
        <v>946.61</v>
      </c>
      <c r="Y407">
        <v>913.49199999999996</v>
      </c>
    </row>
    <row r="408" spans="1:25" x14ac:dyDescent="0.3">
      <c r="A408">
        <v>10.866666667458292</v>
      </c>
      <c r="B408">
        <v>1095.095</v>
      </c>
      <c r="C408">
        <v>1099.5519999999999</v>
      </c>
      <c r="D408">
        <v>1092.174</v>
      </c>
      <c r="E408">
        <v>1029.1489999999999</v>
      </c>
      <c r="F408">
        <v>963.95100000000002</v>
      </c>
      <c r="G408">
        <v>954.12</v>
      </c>
      <c r="H408">
        <v>947.56500000000005</v>
      </c>
      <c r="I408">
        <v>947.02499999999998</v>
      </c>
      <c r="J408">
        <v>963.89700000000005</v>
      </c>
      <c r="K408">
        <v>985.42899999999997</v>
      </c>
      <c r="L408">
        <v>985.08399999999995</v>
      </c>
      <c r="M408">
        <v>963.53499999999997</v>
      </c>
      <c r="N408">
        <v>1059.5940000000001</v>
      </c>
      <c r="O408">
        <v>1094.289</v>
      </c>
      <c r="P408">
        <v>0</v>
      </c>
      <c r="Q408">
        <v>0</v>
      </c>
      <c r="R408">
        <v>1090.6759999999999</v>
      </c>
      <c r="S408">
        <v>0</v>
      </c>
      <c r="T408">
        <v>1048.9770000000001</v>
      </c>
      <c r="U408">
        <v>1024.6079999999999</v>
      </c>
      <c r="V408">
        <v>1004.193</v>
      </c>
      <c r="W408">
        <v>985.48299999999995</v>
      </c>
      <c r="X408">
        <v>944.24</v>
      </c>
      <c r="Y408">
        <v>913.226</v>
      </c>
    </row>
    <row r="409" spans="1:25" x14ac:dyDescent="0.3">
      <c r="A409">
        <v>10.899999998106312</v>
      </c>
      <c r="B409">
        <v>1095.549</v>
      </c>
      <c r="C409">
        <v>1092.569</v>
      </c>
      <c r="D409">
        <v>1076.078</v>
      </c>
      <c r="E409">
        <v>1015.221</v>
      </c>
      <c r="F409">
        <v>957.05799999999999</v>
      </c>
      <c r="G409">
        <v>949.60199999999998</v>
      </c>
      <c r="H409">
        <v>942.75300000000004</v>
      </c>
      <c r="I409">
        <v>943.43499999999995</v>
      </c>
      <c r="J409">
        <v>957.18399999999997</v>
      </c>
      <c r="K409">
        <v>979.95399999999995</v>
      </c>
      <c r="L409">
        <v>982.02200000000005</v>
      </c>
      <c r="M409">
        <v>962.779</v>
      </c>
      <c r="N409">
        <v>1049.1089999999999</v>
      </c>
      <c r="O409">
        <v>1084.088</v>
      </c>
      <c r="P409">
        <v>0</v>
      </c>
      <c r="Q409">
        <v>0</v>
      </c>
      <c r="R409">
        <v>1084.875</v>
      </c>
      <c r="S409">
        <v>0</v>
      </c>
      <c r="T409">
        <v>1045.319</v>
      </c>
      <c r="U409">
        <v>1022.208</v>
      </c>
      <c r="V409">
        <v>1002.0940000000001</v>
      </c>
      <c r="W409">
        <v>984.452</v>
      </c>
      <c r="X409">
        <v>944.31399999999996</v>
      </c>
      <c r="Y409">
        <v>915.29600000000005</v>
      </c>
    </row>
    <row r="410" spans="1:25" x14ac:dyDescent="0.3">
      <c r="A410">
        <v>10.916666668669011</v>
      </c>
      <c r="B410">
        <v>1066.7059999999999</v>
      </c>
      <c r="C410">
        <v>1065.462</v>
      </c>
      <c r="D410">
        <v>1070.655</v>
      </c>
      <c r="E410">
        <v>1025.144</v>
      </c>
      <c r="F410">
        <v>967.22500000000002</v>
      </c>
      <c r="G410">
        <v>956.01400000000001</v>
      </c>
      <c r="H410">
        <v>947.01</v>
      </c>
      <c r="I410">
        <v>946.524</v>
      </c>
      <c r="J410">
        <v>960.03300000000002</v>
      </c>
      <c r="K410">
        <v>983.47299999999996</v>
      </c>
      <c r="L410">
        <v>984.45299999999997</v>
      </c>
      <c r="M410">
        <v>965.255</v>
      </c>
      <c r="N410">
        <v>1056.405</v>
      </c>
      <c r="O410">
        <v>1089.069</v>
      </c>
      <c r="P410">
        <v>0</v>
      </c>
      <c r="Q410">
        <v>0</v>
      </c>
      <c r="R410">
        <v>1082.9100000000001</v>
      </c>
      <c r="S410">
        <v>0</v>
      </c>
      <c r="T410">
        <v>1039.665</v>
      </c>
      <c r="U410">
        <v>1018.101</v>
      </c>
      <c r="V410">
        <v>998.73599999999999</v>
      </c>
      <c r="W410">
        <v>980.04600000000005</v>
      </c>
      <c r="X410">
        <v>941.31799999999998</v>
      </c>
      <c r="Y410">
        <v>913.10400000000004</v>
      </c>
    </row>
    <row r="411" spans="1:25" x14ac:dyDescent="0.3">
      <c r="A411">
        <v>10.949999999317031</v>
      </c>
      <c r="B411">
        <v>1071.941</v>
      </c>
      <c r="C411">
        <v>1072.2760000000001</v>
      </c>
      <c r="D411">
        <v>1076.0229999999999</v>
      </c>
      <c r="E411">
        <v>1022.924</v>
      </c>
      <c r="F411">
        <v>962.07399999999996</v>
      </c>
      <c r="G411">
        <v>952.14200000000005</v>
      </c>
      <c r="H411">
        <v>943.23800000000006</v>
      </c>
      <c r="I411">
        <v>944.601</v>
      </c>
      <c r="J411">
        <v>966.05</v>
      </c>
      <c r="K411">
        <v>987.75900000000001</v>
      </c>
      <c r="L411">
        <v>986.19399999999996</v>
      </c>
      <c r="M411">
        <v>964.44200000000001</v>
      </c>
      <c r="N411">
        <v>1049.0730000000001</v>
      </c>
      <c r="O411">
        <v>1088.9749999999999</v>
      </c>
      <c r="P411">
        <v>0</v>
      </c>
      <c r="Q411">
        <v>0</v>
      </c>
      <c r="R411">
        <v>1082.46</v>
      </c>
      <c r="S411">
        <v>0</v>
      </c>
      <c r="T411">
        <v>1036.1110000000001</v>
      </c>
      <c r="U411">
        <v>1015.313</v>
      </c>
      <c r="V411">
        <v>996.36900000000003</v>
      </c>
      <c r="W411">
        <v>977.77800000000002</v>
      </c>
      <c r="X411">
        <v>939.30700000000002</v>
      </c>
      <c r="Y411">
        <v>909.30700000000002</v>
      </c>
    </row>
    <row r="412" spans="1:25" x14ac:dyDescent="0.3">
      <c r="A412">
        <v>10.983333329965051</v>
      </c>
      <c r="B412">
        <v>1080.1210000000001</v>
      </c>
      <c r="C412">
        <v>1072.8889999999999</v>
      </c>
      <c r="D412">
        <v>1071.3420000000001</v>
      </c>
      <c r="E412">
        <v>1025.9659999999999</v>
      </c>
      <c r="F412">
        <v>962.57799999999997</v>
      </c>
      <c r="G412">
        <v>950.21299999999997</v>
      </c>
      <c r="H412">
        <v>939.82500000000005</v>
      </c>
      <c r="I412">
        <v>940.41800000000001</v>
      </c>
      <c r="J412">
        <v>958.37099999999998</v>
      </c>
      <c r="K412">
        <v>982.346</v>
      </c>
      <c r="L412">
        <v>983.053</v>
      </c>
      <c r="M412">
        <v>961.71</v>
      </c>
      <c r="N412">
        <v>1055.7339999999999</v>
      </c>
      <c r="O412">
        <v>1098.3869999999999</v>
      </c>
      <c r="P412">
        <v>0</v>
      </c>
      <c r="Q412">
        <v>0</v>
      </c>
      <c r="R412">
        <v>1080.1400000000001</v>
      </c>
      <c r="S412">
        <v>0</v>
      </c>
      <c r="T412">
        <v>1033.4760000000001</v>
      </c>
      <c r="U412">
        <v>1011.2089999999999</v>
      </c>
      <c r="V412">
        <v>992.12599999999998</v>
      </c>
      <c r="W412">
        <v>974.80100000000004</v>
      </c>
      <c r="X412">
        <v>937.24099999999999</v>
      </c>
      <c r="Y412">
        <v>908.27</v>
      </c>
    </row>
    <row r="413" spans="1:25" x14ac:dyDescent="0.3">
      <c r="A413">
        <v>11.00000000052775</v>
      </c>
      <c r="B413">
        <v>1078.95</v>
      </c>
      <c r="C413">
        <v>1068.0450000000001</v>
      </c>
      <c r="D413">
        <v>1066.7049999999999</v>
      </c>
      <c r="E413">
        <v>1033.3499999999999</v>
      </c>
      <c r="F413">
        <v>974.64099999999996</v>
      </c>
      <c r="G413">
        <v>956.17600000000004</v>
      </c>
      <c r="H413">
        <v>942.48400000000004</v>
      </c>
      <c r="I413">
        <v>943.36300000000006</v>
      </c>
      <c r="J413">
        <v>958.84100000000001</v>
      </c>
      <c r="K413">
        <v>981.06100000000004</v>
      </c>
      <c r="L413">
        <v>981.15200000000004</v>
      </c>
      <c r="M413">
        <v>959.54399999999998</v>
      </c>
      <c r="N413">
        <v>1059.021</v>
      </c>
      <c r="O413">
        <v>1104.2750000000001</v>
      </c>
      <c r="P413">
        <v>0</v>
      </c>
      <c r="Q413">
        <v>0</v>
      </c>
      <c r="R413">
        <v>1079.21</v>
      </c>
      <c r="S413">
        <v>0</v>
      </c>
      <c r="T413">
        <v>1033.386</v>
      </c>
      <c r="U413">
        <v>1010.974</v>
      </c>
      <c r="V413">
        <v>991.72799999999995</v>
      </c>
      <c r="W413">
        <v>974.76800000000003</v>
      </c>
      <c r="X413">
        <v>937.99699999999996</v>
      </c>
      <c r="Y413">
        <v>910.25199999999995</v>
      </c>
    </row>
    <row r="414" spans="1:25" x14ac:dyDescent="0.3">
      <c r="A414">
        <v>11.03333333117577</v>
      </c>
      <c r="B414">
        <v>1073.9739999999999</v>
      </c>
      <c r="C414">
        <v>1077.702</v>
      </c>
      <c r="D414">
        <v>1072.0730000000001</v>
      </c>
      <c r="E414">
        <v>1032.5229999999999</v>
      </c>
      <c r="F414">
        <v>971.50900000000001</v>
      </c>
      <c r="G414">
        <v>955.61900000000003</v>
      </c>
      <c r="H414">
        <v>944.38800000000003</v>
      </c>
      <c r="I414">
        <v>947.26300000000003</v>
      </c>
      <c r="J414">
        <v>964.84100000000001</v>
      </c>
      <c r="K414">
        <v>984.399</v>
      </c>
      <c r="L414">
        <v>983.221</v>
      </c>
      <c r="M414">
        <v>961.71400000000006</v>
      </c>
      <c r="N414">
        <v>1059.9690000000001</v>
      </c>
      <c r="O414">
        <v>1101.0609999999999</v>
      </c>
      <c r="P414">
        <v>0</v>
      </c>
      <c r="Q414">
        <v>0</v>
      </c>
      <c r="R414">
        <v>1083.7529999999999</v>
      </c>
      <c r="S414">
        <v>0</v>
      </c>
      <c r="T414">
        <v>1035.9290000000001</v>
      </c>
      <c r="U414">
        <v>1013.499</v>
      </c>
      <c r="V414">
        <v>994.11400000000003</v>
      </c>
      <c r="W414">
        <v>976.94500000000005</v>
      </c>
      <c r="X414">
        <v>937.99900000000002</v>
      </c>
      <c r="Y414">
        <v>910.34199999999998</v>
      </c>
    </row>
    <row r="415" spans="1:25" x14ac:dyDescent="0.3">
      <c r="A415">
        <v>11.05000000173847</v>
      </c>
      <c r="B415">
        <v>1075.4459999999999</v>
      </c>
      <c r="C415">
        <v>1069.2760000000001</v>
      </c>
      <c r="D415">
        <v>1071.289</v>
      </c>
      <c r="E415">
        <v>1029.8520000000001</v>
      </c>
      <c r="F415">
        <v>964.42399999999998</v>
      </c>
      <c r="G415">
        <v>949.83699999999999</v>
      </c>
      <c r="H415">
        <v>939.73900000000003</v>
      </c>
      <c r="I415">
        <v>942.17899999999997</v>
      </c>
      <c r="J415">
        <v>959.346</v>
      </c>
      <c r="K415">
        <v>982.11300000000006</v>
      </c>
      <c r="L415">
        <v>983.49199999999996</v>
      </c>
      <c r="M415">
        <v>963.846</v>
      </c>
      <c r="N415">
        <v>1066.873</v>
      </c>
      <c r="O415">
        <v>1102.7339999999999</v>
      </c>
      <c r="P415">
        <v>0</v>
      </c>
      <c r="Q415">
        <v>0</v>
      </c>
      <c r="R415">
        <v>1087.1969999999999</v>
      </c>
      <c r="S415">
        <v>0</v>
      </c>
      <c r="T415">
        <v>1040.2919999999999</v>
      </c>
      <c r="U415">
        <v>1017.276</v>
      </c>
      <c r="V415">
        <v>996.71600000000001</v>
      </c>
      <c r="W415">
        <v>978.06899999999996</v>
      </c>
      <c r="X415">
        <v>937.24400000000003</v>
      </c>
      <c r="Y415">
        <v>910.23400000000004</v>
      </c>
    </row>
    <row r="416" spans="1:25" x14ac:dyDescent="0.3">
      <c r="A416">
        <v>11.08333333238649</v>
      </c>
      <c r="B416">
        <v>1066.354</v>
      </c>
      <c r="C416">
        <v>1078.895</v>
      </c>
      <c r="D416">
        <v>1083.192</v>
      </c>
      <c r="E416">
        <v>1041.883</v>
      </c>
      <c r="F416">
        <v>970.13499999999999</v>
      </c>
      <c r="G416">
        <v>954.73699999999997</v>
      </c>
      <c r="H416">
        <v>945.428</v>
      </c>
      <c r="I416">
        <v>948.63199999999995</v>
      </c>
      <c r="J416">
        <v>965.07500000000005</v>
      </c>
      <c r="K416">
        <v>985.79600000000005</v>
      </c>
      <c r="L416">
        <v>987.06899999999996</v>
      </c>
      <c r="M416">
        <v>967.51499999999999</v>
      </c>
      <c r="N416">
        <v>1071.42</v>
      </c>
      <c r="O416">
        <v>1106.721</v>
      </c>
      <c r="P416">
        <v>0</v>
      </c>
      <c r="Q416">
        <v>0</v>
      </c>
      <c r="R416">
        <v>1096.886</v>
      </c>
      <c r="S416">
        <v>0</v>
      </c>
      <c r="T416">
        <v>1049.924</v>
      </c>
      <c r="U416">
        <v>1023.0359999999999</v>
      </c>
      <c r="V416">
        <v>999.86699999999996</v>
      </c>
      <c r="W416">
        <v>978.23299999999995</v>
      </c>
      <c r="X416">
        <v>936.18600000000004</v>
      </c>
      <c r="Y416">
        <v>910.89499999999998</v>
      </c>
    </row>
    <row r="417" spans="1:25" x14ac:dyDescent="0.3">
      <c r="A417">
        <v>11.116666663034509</v>
      </c>
      <c r="B417">
        <v>1076.3440000000001</v>
      </c>
      <c r="C417">
        <v>1079.1220000000001</v>
      </c>
      <c r="D417">
        <v>1077.78</v>
      </c>
      <c r="E417">
        <v>1045.8050000000001</v>
      </c>
      <c r="F417">
        <v>976.94799999999998</v>
      </c>
      <c r="G417">
        <v>964.30100000000004</v>
      </c>
      <c r="H417">
        <v>955.226</v>
      </c>
      <c r="I417">
        <v>959.35</v>
      </c>
      <c r="J417">
        <v>977.56500000000005</v>
      </c>
      <c r="K417">
        <v>994.60799999999995</v>
      </c>
      <c r="L417">
        <v>993.77099999999996</v>
      </c>
      <c r="M417">
        <v>971.85500000000002</v>
      </c>
      <c r="N417">
        <v>1073.287</v>
      </c>
      <c r="O417">
        <v>1112.5530000000001</v>
      </c>
      <c r="P417">
        <v>0</v>
      </c>
      <c r="Q417">
        <v>0</v>
      </c>
      <c r="R417">
        <v>1109.2460000000001</v>
      </c>
      <c r="S417">
        <v>0</v>
      </c>
      <c r="T417">
        <v>1062.961</v>
      </c>
      <c r="U417">
        <v>1034.5139999999999</v>
      </c>
      <c r="V417">
        <v>1011.4349999999999</v>
      </c>
      <c r="W417">
        <v>990.05700000000002</v>
      </c>
      <c r="X417">
        <v>943.42100000000005</v>
      </c>
      <c r="Y417">
        <v>915.17600000000004</v>
      </c>
    </row>
    <row r="418" spans="1:25" x14ac:dyDescent="0.3">
      <c r="A418">
        <v>11.133333333597209</v>
      </c>
      <c r="B418">
        <v>1078.096</v>
      </c>
      <c r="C418">
        <v>1076.325</v>
      </c>
      <c r="D418">
        <v>1085.384</v>
      </c>
      <c r="E418">
        <v>1051.479</v>
      </c>
      <c r="F418">
        <v>978.74300000000005</v>
      </c>
      <c r="G418">
        <v>966.65</v>
      </c>
      <c r="H418">
        <v>958.48400000000004</v>
      </c>
      <c r="I418">
        <v>965.78200000000004</v>
      </c>
      <c r="J418">
        <v>989.58299999999997</v>
      </c>
      <c r="K418">
        <v>1001.97</v>
      </c>
      <c r="L418">
        <v>997.55600000000004</v>
      </c>
      <c r="M418">
        <v>973.62900000000002</v>
      </c>
      <c r="N418">
        <v>1070.8820000000001</v>
      </c>
      <c r="O418">
        <v>1116.6320000000001</v>
      </c>
      <c r="P418">
        <v>0</v>
      </c>
      <c r="Q418">
        <v>0</v>
      </c>
      <c r="R418">
        <v>1103.338</v>
      </c>
      <c r="S418">
        <v>0</v>
      </c>
      <c r="T418">
        <v>1058.9880000000001</v>
      </c>
      <c r="U418">
        <v>1033.8130000000001</v>
      </c>
      <c r="V418">
        <v>1012.092</v>
      </c>
      <c r="W418">
        <v>991.60400000000004</v>
      </c>
      <c r="X418">
        <v>945.17899999999997</v>
      </c>
      <c r="Y418">
        <v>917.67100000000005</v>
      </c>
    </row>
    <row r="419" spans="1:25" x14ac:dyDescent="0.3">
      <c r="A419">
        <v>11.166666664245229</v>
      </c>
      <c r="B419">
        <v>1093.135</v>
      </c>
      <c r="C419">
        <v>1076.604</v>
      </c>
      <c r="D419">
        <v>1076.511</v>
      </c>
      <c r="E419">
        <v>1030.701</v>
      </c>
      <c r="F419">
        <v>973.19299999999998</v>
      </c>
      <c r="G419">
        <v>966.88400000000001</v>
      </c>
      <c r="H419">
        <v>961.69799999999998</v>
      </c>
      <c r="I419">
        <v>969.23299999999995</v>
      </c>
      <c r="J419">
        <v>994.11500000000001</v>
      </c>
      <c r="K419">
        <v>1003.0839999999999</v>
      </c>
      <c r="L419">
        <v>997.79200000000003</v>
      </c>
      <c r="M419">
        <v>974.13599999999997</v>
      </c>
      <c r="N419">
        <v>1066.578</v>
      </c>
      <c r="O419">
        <v>1122.1679999999999</v>
      </c>
      <c r="P419">
        <v>0</v>
      </c>
      <c r="Q419">
        <v>0</v>
      </c>
      <c r="R419">
        <v>1115.1769999999999</v>
      </c>
      <c r="S419">
        <v>0</v>
      </c>
      <c r="T419">
        <v>1060.8620000000001</v>
      </c>
      <c r="U419">
        <v>1033.758</v>
      </c>
      <c r="V419">
        <v>1009.917</v>
      </c>
      <c r="W419">
        <v>986.68799999999999</v>
      </c>
      <c r="X419">
        <v>942.48699999999997</v>
      </c>
      <c r="Y419">
        <v>915.83399999999995</v>
      </c>
    </row>
    <row r="420" spans="1:25" x14ac:dyDescent="0.3">
      <c r="A420">
        <v>11.183333334807928</v>
      </c>
      <c r="B420">
        <v>1095.5360000000001</v>
      </c>
      <c r="C420">
        <v>1075.711</v>
      </c>
      <c r="D420">
        <v>1075.8969999999999</v>
      </c>
      <c r="E420">
        <v>1049.115</v>
      </c>
      <c r="F420">
        <v>990.62199999999996</v>
      </c>
      <c r="G420">
        <v>973.92</v>
      </c>
      <c r="H420">
        <v>962.69299999999998</v>
      </c>
      <c r="I420">
        <v>967.57299999999998</v>
      </c>
      <c r="J420">
        <v>992.71500000000003</v>
      </c>
      <c r="K420">
        <v>1005.936</v>
      </c>
      <c r="L420">
        <v>1000.327</v>
      </c>
      <c r="M420">
        <v>976.94899999999996</v>
      </c>
      <c r="N420">
        <v>1065.095</v>
      </c>
      <c r="O420">
        <v>1110.739</v>
      </c>
      <c r="P420">
        <v>0</v>
      </c>
      <c r="Q420">
        <v>0</v>
      </c>
      <c r="R420">
        <v>1100.989</v>
      </c>
      <c r="S420">
        <v>0</v>
      </c>
      <c r="T420">
        <v>1055.0540000000001</v>
      </c>
      <c r="U420">
        <v>1030.6659999999999</v>
      </c>
      <c r="V420">
        <v>1008.878</v>
      </c>
      <c r="W420">
        <v>988.05600000000004</v>
      </c>
      <c r="X420">
        <v>944.91099999999994</v>
      </c>
      <c r="Y420">
        <v>917.24400000000003</v>
      </c>
    </row>
    <row r="421" spans="1:25" x14ac:dyDescent="0.3">
      <c r="A421">
        <v>11.216666665455948</v>
      </c>
      <c r="B421">
        <v>1091.4359999999999</v>
      </c>
      <c r="C421">
        <v>1077.9880000000001</v>
      </c>
      <c r="D421">
        <v>1071.4449999999999</v>
      </c>
      <c r="E421">
        <v>1033.7439999999999</v>
      </c>
      <c r="F421">
        <v>974.41300000000001</v>
      </c>
      <c r="G421">
        <v>960.90700000000004</v>
      </c>
      <c r="H421">
        <v>953.30200000000002</v>
      </c>
      <c r="I421">
        <v>956.976</v>
      </c>
      <c r="J421">
        <v>973.76</v>
      </c>
      <c r="K421">
        <v>991.39</v>
      </c>
      <c r="L421">
        <v>994.32</v>
      </c>
      <c r="M421">
        <v>975.51900000000001</v>
      </c>
      <c r="N421">
        <v>1066.8989999999999</v>
      </c>
      <c r="O421">
        <v>1115.144</v>
      </c>
      <c r="P421">
        <v>0</v>
      </c>
      <c r="Q421">
        <v>0</v>
      </c>
      <c r="R421">
        <v>1096.442</v>
      </c>
      <c r="S421">
        <v>0</v>
      </c>
      <c r="T421">
        <v>1054.816</v>
      </c>
      <c r="U421">
        <v>1029.528</v>
      </c>
      <c r="V421">
        <v>1007.986</v>
      </c>
      <c r="W421">
        <v>988.36800000000005</v>
      </c>
      <c r="X421">
        <v>944.57299999999998</v>
      </c>
      <c r="Y421">
        <v>916.58799999999997</v>
      </c>
    </row>
    <row r="422" spans="1:25" x14ac:dyDescent="0.3">
      <c r="A422">
        <v>11.250000006581347</v>
      </c>
      <c r="B422">
        <v>1074.8</v>
      </c>
      <c r="C422">
        <v>1070.1959999999999</v>
      </c>
      <c r="D422">
        <v>1082.28</v>
      </c>
      <c r="E422">
        <v>1056.0219999999999</v>
      </c>
      <c r="F422">
        <v>981.25</v>
      </c>
      <c r="G422">
        <v>962.49699999999996</v>
      </c>
      <c r="H422">
        <v>952.65300000000002</v>
      </c>
      <c r="I422">
        <v>956.48900000000003</v>
      </c>
      <c r="J422">
        <v>972.41800000000001</v>
      </c>
      <c r="K422">
        <v>991.00699999999995</v>
      </c>
      <c r="L422">
        <v>993.82799999999997</v>
      </c>
      <c r="M422">
        <v>976.26199999999994</v>
      </c>
      <c r="N422">
        <v>1068.537</v>
      </c>
      <c r="O422">
        <v>1119.1300000000001</v>
      </c>
      <c r="P422">
        <v>0</v>
      </c>
      <c r="Q422">
        <v>0</v>
      </c>
      <c r="R422">
        <v>1108.5509999999999</v>
      </c>
      <c r="S422">
        <v>0</v>
      </c>
      <c r="T422">
        <v>1061.442</v>
      </c>
      <c r="U422">
        <v>1033.7619999999999</v>
      </c>
      <c r="V422">
        <v>1011.804</v>
      </c>
      <c r="W422">
        <v>992.31700000000001</v>
      </c>
      <c r="X422">
        <v>947.95299999999997</v>
      </c>
      <c r="Y422">
        <v>919.74300000000005</v>
      </c>
    </row>
    <row r="423" spans="1:25" x14ac:dyDescent="0.3">
      <c r="A423">
        <v>11.266666666666667</v>
      </c>
      <c r="B423">
        <v>1085.347</v>
      </c>
      <c r="C423">
        <v>1062.979</v>
      </c>
      <c r="D423">
        <v>1074.3679999999999</v>
      </c>
      <c r="E423">
        <v>1051.258</v>
      </c>
      <c r="F423">
        <v>981.39099999999996</v>
      </c>
      <c r="G423">
        <v>963.43299999999999</v>
      </c>
      <c r="H423">
        <v>953.98299999999995</v>
      </c>
      <c r="I423">
        <v>958.14300000000003</v>
      </c>
      <c r="J423">
        <v>973.01199999999994</v>
      </c>
      <c r="K423">
        <v>990.11099999999999</v>
      </c>
      <c r="L423">
        <v>991.29499999999996</v>
      </c>
      <c r="M423">
        <v>972.976</v>
      </c>
      <c r="N423">
        <v>1081.809</v>
      </c>
      <c r="O423">
        <v>1134.903</v>
      </c>
      <c r="P423">
        <v>0</v>
      </c>
      <c r="Q423">
        <v>0</v>
      </c>
      <c r="R423">
        <v>1122.8119999999999</v>
      </c>
      <c r="S423">
        <v>0</v>
      </c>
      <c r="T423">
        <v>1076.251</v>
      </c>
      <c r="U423">
        <v>1045.1949999999999</v>
      </c>
      <c r="V423">
        <v>1021.4059999999999</v>
      </c>
      <c r="W423">
        <v>1000.984</v>
      </c>
      <c r="X423">
        <v>957.74699999999996</v>
      </c>
      <c r="Y423">
        <v>928.66499999999996</v>
      </c>
    </row>
    <row r="424" spans="1:25" x14ac:dyDescent="0.3">
      <c r="A424">
        <v>11.299999997314687</v>
      </c>
      <c r="B424">
        <v>1086.211</v>
      </c>
      <c r="C424">
        <v>1072.2829999999999</v>
      </c>
      <c r="D424">
        <v>1088.4770000000001</v>
      </c>
      <c r="E424">
        <v>1067.7719999999999</v>
      </c>
      <c r="F424">
        <v>1008.953</v>
      </c>
      <c r="G424">
        <v>986.69200000000001</v>
      </c>
      <c r="H424">
        <v>974.17600000000004</v>
      </c>
      <c r="I424">
        <v>978.601</v>
      </c>
      <c r="J424">
        <v>1000.951</v>
      </c>
      <c r="K424">
        <v>1006.34</v>
      </c>
      <c r="L424">
        <v>1001.261</v>
      </c>
      <c r="M424">
        <v>979.65300000000002</v>
      </c>
      <c r="N424">
        <v>1086.0429999999999</v>
      </c>
      <c r="O424">
        <v>1134.8309999999999</v>
      </c>
      <c r="P424">
        <v>0</v>
      </c>
      <c r="Q424">
        <v>0</v>
      </c>
      <c r="R424">
        <v>1118.846</v>
      </c>
      <c r="S424">
        <v>0</v>
      </c>
      <c r="T424">
        <v>1075.2280000000001</v>
      </c>
      <c r="U424">
        <v>1048.636</v>
      </c>
      <c r="V424">
        <v>1025.645</v>
      </c>
      <c r="W424">
        <v>1005.171</v>
      </c>
      <c r="X424">
        <v>961.35799999999995</v>
      </c>
      <c r="Y424">
        <v>931.74400000000003</v>
      </c>
    </row>
    <row r="425" spans="1:25" x14ac:dyDescent="0.3">
      <c r="A425">
        <v>11.316666667877387</v>
      </c>
      <c r="B425">
        <v>1092.8019999999999</v>
      </c>
      <c r="C425">
        <v>1069.991</v>
      </c>
      <c r="D425">
        <v>1087.597</v>
      </c>
      <c r="E425">
        <v>1077.1859999999999</v>
      </c>
      <c r="F425">
        <v>1025.866</v>
      </c>
      <c r="G425">
        <v>1004.97</v>
      </c>
      <c r="H425">
        <v>991.38900000000001</v>
      </c>
      <c r="I425">
        <v>992.154</v>
      </c>
      <c r="J425">
        <v>1010.452</v>
      </c>
      <c r="K425">
        <v>1014.4589999999999</v>
      </c>
      <c r="L425">
        <v>1006.523</v>
      </c>
      <c r="M425">
        <v>981.50300000000004</v>
      </c>
      <c r="N425">
        <v>1079.8889999999999</v>
      </c>
      <c r="O425">
        <v>1123.8589999999999</v>
      </c>
      <c r="P425">
        <v>0</v>
      </c>
      <c r="Q425">
        <v>0</v>
      </c>
      <c r="R425">
        <v>1120.963</v>
      </c>
      <c r="S425">
        <v>0</v>
      </c>
      <c r="T425">
        <v>1072.9549999999999</v>
      </c>
      <c r="U425">
        <v>1047.8599999999999</v>
      </c>
      <c r="V425">
        <v>1025.444</v>
      </c>
      <c r="W425">
        <v>1004.806</v>
      </c>
      <c r="X425">
        <v>959.55200000000002</v>
      </c>
      <c r="Y425">
        <v>927.04100000000005</v>
      </c>
    </row>
    <row r="426" spans="1:25" x14ac:dyDescent="0.3">
      <c r="A426">
        <v>11.349999998525407</v>
      </c>
      <c r="B426">
        <v>1079.278</v>
      </c>
      <c r="C426">
        <v>1095.9369999999999</v>
      </c>
      <c r="D426">
        <v>1089.885</v>
      </c>
      <c r="E426">
        <v>1061.9839999999999</v>
      </c>
      <c r="F426">
        <v>1013.05</v>
      </c>
      <c r="G426">
        <v>995.37900000000002</v>
      </c>
      <c r="H426">
        <v>986.18700000000001</v>
      </c>
      <c r="I426">
        <v>986.58699999999999</v>
      </c>
      <c r="J426">
        <v>1006.016</v>
      </c>
      <c r="K426">
        <v>1015.269</v>
      </c>
      <c r="L426">
        <v>1008.044</v>
      </c>
      <c r="M426">
        <v>982.14200000000005</v>
      </c>
      <c r="N426">
        <v>1085.8040000000001</v>
      </c>
      <c r="O426">
        <v>1120.854</v>
      </c>
      <c r="P426">
        <v>0</v>
      </c>
      <c r="Q426">
        <v>0</v>
      </c>
      <c r="R426">
        <v>1112.9190000000001</v>
      </c>
      <c r="S426">
        <v>0</v>
      </c>
      <c r="T426">
        <v>1069.9760000000001</v>
      </c>
      <c r="U426">
        <v>1045.627</v>
      </c>
      <c r="V426">
        <v>1024.4939999999999</v>
      </c>
      <c r="W426">
        <v>1005.121</v>
      </c>
      <c r="X426">
        <v>961.399</v>
      </c>
      <c r="Y426">
        <v>928.95799999999997</v>
      </c>
    </row>
    <row r="427" spans="1:25" x14ac:dyDescent="0.3">
      <c r="A427">
        <v>11.383333339650806</v>
      </c>
      <c r="B427">
        <v>1074.278</v>
      </c>
      <c r="C427">
        <v>1090.7429999999999</v>
      </c>
      <c r="D427">
        <v>1095.3879999999999</v>
      </c>
      <c r="E427">
        <v>1040.9090000000001</v>
      </c>
      <c r="F427">
        <v>988.47699999999998</v>
      </c>
      <c r="G427">
        <v>979.05499999999995</v>
      </c>
      <c r="H427">
        <v>974.01300000000003</v>
      </c>
      <c r="I427">
        <v>975.48199999999997</v>
      </c>
      <c r="J427">
        <v>997.23199999999997</v>
      </c>
      <c r="K427">
        <v>1010.141</v>
      </c>
      <c r="L427">
        <v>1004.7329999999999</v>
      </c>
      <c r="M427">
        <v>979.61699999999996</v>
      </c>
      <c r="N427">
        <v>1096.6849999999999</v>
      </c>
      <c r="O427">
        <v>1131.528</v>
      </c>
      <c r="P427">
        <v>0</v>
      </c>
      <c r="Q427">
        <v>0</v>
      </c>
      <c r="R427">
        <v>1106.8399999999999</v>
      </c>
      <c r="S427">
        <v>0</v>
      </c>
      <c r="T427">
        <v>1067.53</v>
      </c>
      <c r="U427">
        <v>1044.422</v>
      </c>
      <c r="V427">
        <v>1024.105</v>
      </c>
      <c r="W427">
        <v>1005.226</v>
      </c>
      <c r="X427">
        <v>963.654</v>
      </c>
      <c r="Y427">
        <v>931.53</v>
      </c>
    </row>
    <row r="428" spans="1:25" x14ac:dyDescent="0.3">
      <c r="A428">
        <v>11.399999999736126</v>
      </c>
      <c r="B428">
        <v>1072.9179999999999</v>
      </c>
      <c r="C428">
        <v>1098.924</v>
      </c>
      <c r="D428">
        <v>1101.6880000000001</v>
      </c>
      <c r="E428">
        <v>1054.203</v>
      </c>
      <c r="F428">
        <v>991.11699999999996</v>
      </c>
      <c r="G428">
        <v>972.202</v>
      </c>
      <c r="H428">
        <v>964.03399999999999</v>
      </c>
      <c r="I428">
        <v>963.726</v>
      </c>
      <c r="J428">
        <v>981.05100000000004</v>
      </c>
      <c r="K428">
        <v>996.65</v>
      </c>
      <c r="L428">
        <v>994.86599999999999</v>
      </c>
      <c r="M428">
        <v>972.70799999999997</v>
      </c>
      <c r="N428">
        <v>1094.2070000000001</v>
      </c>
      <c r="O428">
        <v>1136.4069999999999</v>
      </c>
      <c r="P428">
        <v>0</v>
      </c>
      <c r="Q428">
        <v>0</v>
      </c>
      <c r="R428">
        <v>1108.5139999999999</v>
      </c>
      <c r="S428">
        <v>0</v>
      </c>
      <c r="T428">
        <v>1064.597</v>
      </c>
      <c r="U428">
        <v>1041.5940000000001</v>
      </c>
      <c r="V428">
        <v>1021.171</v>
      </c>
      <c r="W428">
        <v>1001.737</v>
      </c>
      <c r="X428">
        <v>961.61199999999997</v>
      </c>
      <c r="Y428">
        <v>928.32899999999995</v>
      </c>
    </row>
    <row r="429" spans="1:25" x14ac:dyDescent="0.3">
      <c r="A429">
        <v>11.433333330384146</v>
      </c>
      <c r="B429">
        <v>1076.2950000000001</v>
      </c>
      <c r="C429">
        <v>1098.269</v>
      </c>
      <c r="D429">
        <v>1100.9949999999999</v>
      </c>
      <c r="E429">
        <v>1054.1510000000001</v>
      </c>
      <c r="F429">
        <v>990.04499999999996</v>
      </c>
      <c r="G429">
        <v>973.6</v>
      </c>
      <c r="H429">
        <v>967.23500000000001</v>
      </c>
      <c r="I429">
        <v>968.93399999999997</v>
      </c>
      <c r="J429">
        <v>987.58799999999997</v>
      </c>
      <c r="K429">
        <v>999.78499999999997</v>
      </c>
      <c r="L429">
        <v>994.06799999999998</v>
      </c>
      <c r="M429">
        <v>970.81299999999999</v>
      </c>
      <c r="N429">
        <v>1088.0309999999999</v>
      </c>
      <c r="O429">
        <v>1125.856</v>
      </c>
      <c r="P429">
        <v>0</v>
      </c>
      <c r="Q429">
        <v>0</v>
      </c>
      <c r="R429">
        <v>1103.9659999999999</v>
      </c>
      <c r="S429">
        <v>0</v>
      </c>
      <c r="T429">
        <v>1066.1410000000001</v>
      </c>
      <c r="U429">
        <v>1043.1310000000001</v>
      </c>
      <c r="V429">
        <v>1023.852</v>
      </c>
      <c r="W429">
        <v>1005.6319999999999</v>
      </c>
      <c r="X429">
        <v>965.37400000000002</v>
      </c>
      <c r="Y429">
        <v>931.55100000000004</v>
      </c>
    </row>
    <row r="430" spans="1:25" x14ac:dyDescent="0.3">
      <c r="A430">
        <v>11.466666671509545</v>
      </c>
      <c r="B430">
        <v>1082.3030000000001</v>
      </c>
      <c r="C430">
        <v>1079.222</v>
      </c>
      <c r="D430">
        <v>1091.645</v>
      </c>
      <c r="E430">
        <v>1066.9580000000001</v>
      </c>
      <c r="F430">
        <v>1008.099</v>
      </c>
      <c r="G430">
        <v>985.84199999999998</v>
      </c>
      <c r="H430">
        <v>975.48599999999999</v>
      </c>
      <c r="I430">
        <v>977.15499999999997</v>
      </c>
      <c r="J430">
        <v>997.47299999999996</v>
      </c>
      <c r="K430">
        <v>1005.102</v>
      </c>
      <c r="L430">
        <v>996.89</v>
      </c>
      <c r="M430">
        <v>972.69299999999998</v>
      </c>
      <c r="N430">
        <v>1084.4559999999999</v>
      </c>
      <c r="O430">
        <v>1128.704</v>
      </c>
      <c r="P430">
        <v>0</v>
      </c>
      <c r="Q430">
        <v>0</v>
      </c>
      <c r="R430">
        <v>1097.479</v>
      </c>
      <c r="S430">
        <v>0</v>
      </c>
      <c r="T430">
        <v>1062.2809999999999</v>
      </c>
      <c r="U430">
        <v>1040.47</v>
      </c>
      <c r="V430">
        <v>1020.808</v>
      </c>
      <c r="W430">
        <v>1002.307</v>
      </c>
      <c r="X430">
        <v>961.2</v>
      </c>
      <c r="Y430">
        <v>930.01400000000001</v>
      </c>
    </row>
    <row r="431" spans="1:25" x14ac:dyDescent="0.3">
      <c r="A431">
        <v>11.483333331594865</v>
      </c>
      <c r="B431">
        <v>1079.0730000000001</v>
      </c>
      <c r="C431">
        <v>1086.8710000000001</v>
      </c>
      <c r="D431">
        <v>1091.5139999999999</v>
      </c>
      <c r="E431">
        <v>1045.96</v>
      </c>
      <c r="F431">
        <v>992.95799999999997</v>
      </c>
      <c r="G431">
        <v>981.92399999999998</v>
      </c>
      <c r="H431">
        <v>974.34400000000005</v>
      </c>
      <c r="I431">
        <v>977.02800000000002</v>
      </c>
      <c r="J431">
        <v>998.05499999999995</v>
      </c>
      <c r="K431">
        <v>1005.468</v>
      </c>
      <c r="L431">
        <v>997.74599999999998</v>
      </c>
      <c r="M431">
        <v>972.98299999999995</v>
      </c>
      <c r="N431">
        <v>1096.558</v>
      </c>
      <c r="O431">
        <v>1135.2339999999999</v>
      </c>
      <c r="P431">
        <v>0</v>
      </c>
      <c r="Q431">
        <v>0</v>
      </c>
      <c r="R431">
        <v>1103.1959999999999</v>
      </c>
      <c r="S431">
        <v>0</v>
      </c>
      <c r="T431">
        <v>1055.135</v>
      </c>
      <c r="U431">
        <v>1034.723</v>
      </c>
      <c r="V431">
        <v>1016.278</v>
      </c>
      <c r="W431">
        <v>998.947</v>
      </c>
      <c r="X431">
        <v>960.54899999999998</v>
      </c>
      <c r="Y431">
        <v>929.90599999999995</v>
      </c>
    </row>
    <row r="432" spans="1:25" x14ac:dyDescent="0.3">
      <c r="A432">
        <v>11.516666672720264</v>
      </c>
      <c r="B432">
        <v>1091.1210000000001</v>
      </c>
      <c r="C432">
        <v>1089.193</v>
      </c>
      <c r="D432">
        <v>1100.864</v>
      </c>
      <c r="E432">
        <v>1062.4480000000001</v>
      </c>
      <c r="F432">
        <v>997.85500000000002</v>
      </c>
      <c r="G432">
        <v>980.56399999999996</v>
      </c>
      <c r="H432">
        <v>972.78399999999999</v>
      </c>
      <c r="I432">
        <v>974.83299999999997</v>
      </c>
      <c r="J432">
        <v>993.21299999999997</v>
      </c>
      <c r="K432">
        <v>1005.888</v>
      </c>
      <c r="L432">
        <v>1000.151</v>
      </c>
      <c r="M432">
        <v>976.46500000000003</v>
      </c>
      <c r="N432">
        <v>1088.7059999999999</v>
      </c>
      <c r="O432">
        <v>1122.6110000000001</v>
      </c>
      <c r="P432">
        <v>0</v>
      </c>
      <c r="Q432">
        <v>0</v>
      </c>
      <c r="R432">
        <v>1101.579</v>
      </c>
      <c r="S432">
        <v>0</v>
      </c>
      <c r="T432">
        <v>1056.6379999999999</v>
      </c>
      <c r="U432">
        <v>1033.655</v>
      </c>
      <c r="V432">
        <v>1014.683</v>
      </c>
      <c r="W432">
        <v>997.23599999999999</v>
      </c>
      <c r="X432">
        <v>960.26</v>
      </c>
      <c r="Y432">
        <v>930.21</v>
      </c>
    </row>
    <row r="433" spans="1:25" x14ac:dyDescent="0.3">
      <c r="A433">
        <v>11.533333332805585</v>
      </c>
      <c r="B433">
        <v>1063.212</v>
      </c>
      <c r="C433">
        <v>1079.393</v>
      </c>
      <c r="D433">
        <v>1106.415</v>
      </c>
      <c r="E433">
        <v>1082.999</v>
      </c>
      <c r="F433">
        <v>1021.049</v>
      </c>
      <c r="G433">
        <v>995.80100000000004</v>
      </c>
      <c r="H433">
        <v>980.36800000000005</v>
      </c>
      <c r="I433">
        <v>979.53300000000002</v>
      </c>
      <c r="J433">
        <v>995.96500000000003</v>
      </c>
      <c r="K433">
        <v>1008.01</v>
      </c>
      <c r="L433">
        <v>1001.561</v>
      </c>
      <c r="M433">
        <v>976.95799999999997</v>
      </c>
      <c r="N433">
        <v>1089.364</v>
      </c>
      <c r="O433">
        <v>1116.7950000000001</v>
      </c>
      <c r="P433">
        <v>0</v>
      </c>
      <c r="Q433">
        <v>0</v>
      </c>
      <c r="R433">
        <v>1100.077</v>
      </c>
      <c r="S433">
        <v>0</v>
      </c>
      <c r="T433">
        <v>1058.999</v>
      </c>
      <c r="U433">
        <v>1037.58</v>
      </c>
      <c r="V433">
        <v>1018.115</v>
      </c>
      <c r="W433">
        <v>1000.41</v>
      </c>
      <c r="X433">
        <v>960.87800000000004</v>
      </c>
      <c r="Y433">
        <v>930.23099999999999</v>
      </c>
    </row>
    <row r="434" spans="1:25" x14ac:dyDescent="0.3">
      <c r="A434">
        <v>11.566666663453605</v>
      </c>
      <c r="B434">
        <v>1075.5909999999999</v>
      </c>
      <c r="C434">
        <v>1093.54</v>
      </c>
      <c r="D434">
        <v>1105.5309999999999</v>
      </c>
      <c r="E434">
        <v>1073.018</v>
      </c>
      <c r="F434">
        <v>1009.9109999999999</v>
      </c>
      <c r="G434">
        <v>990.83199999999999</v>
      </c>
      <c r="H434">
        <v>978.33699999999999</v>
      </c>
      <c r="I434">
        <v>979.09900000000005</v>
      </c>
      <c r="J434">
        <v>999.351</v>
      </c>
      <c r="K434">
        <v>1008.5410000000001</v>
      </c>
      <c r="L434">
        <v>1000.429</v>
      </c>
      <c r="M434">
        <v>974.65499999999997</v>
      </c>
      <c r="N434">
        <v>1090.1320000000001</v>
      </c>
      <c r="O434">
        <v>1115.2650000000001</v>
      </c>
      <c r="P434">
        <v>0</v>
      </c>
      <c r="Q434">
        <v>0</v>
      </c>
      <c r="R434">
        <v>1102.316</v>
      </c>
      <c r="S434">
        <v>0</v>
      </c>
      <c r="T434">
        <v>1058.943</v>
      </c>
      <c r="U434">
        <v>1036.5129999999999</v>
      </c>
      <c r="V434">
        <v>1017.033</v>
      </c>
      <c r="W434">
        <v>999.71600000000001</v>
      </c>
      <c r="X434">
        <v>962.197</v>
      </c>
      <c r="Y434">
        <v>932.43200000000002</v>
      </c>
    </row>
    <row r="435" spans="1:25" x14ac:dyDescent="0.3">
      <c r="A435">
        <v>11.600000004579003</v>
      </c>
      <c r="B435">
        <v>1087.3240000000001</v>
      </c>
      <c r="C435">
        <v>1097.633</v>
      </c>
      <c r="D435">
        <v>1099.758</v>
      </c>
      <c r="E435">
        <v>1048.681</v>
      </c>
      <c r="F435">
        <v>983.923</v>
      </c>
      <c r="G435">
        <v>972.78700000000003</v>
      </c>
      <c r="H435">
        <v>965.57600000000002</v>
      </c>
      <c r="I435">
        <v>967.04</v>
      </c>
      <c r="J435">
        <v>987.59199999999998</v>
      </c>
      <c r="K435">
        <v>1001.817</v>
      </c>
      <c r="L435">
        <v>995.41899999999998</v>
      </c>
      <c r="M435">
        <v>971.48599999999999</v>
      </c>
      <c r="N435">
        <v>1092.604</v>
      </c>
      <c r="O435">
        <v>1122.539</v>
      </c>
      <c r="P435">
        <v>0</v>
      </c>
      <c r="Q435">
        <v>0</v>
      </c>
      <c r="R435">
        <v>1105.8320000000001</v>
      </c>
      <c r="S435">
        <v>0</v>
      </c>
      <c r="T435">
        <v>1058.6279999999999</v>
      </c>
      <c r="U435">
        <v>1036.2919999999999</v>
      </c>
      <c r="V435">
        <v>1016.777</v>
      </c>
      <c r="W435">
        <v>999.80700000000002</v>
      </c>
      <c r="X435">
        <v>963.60699999999997</v>
      </c>
      <c r="Y435">
        <v>934.97900000000004</v>
      </c>
    </row>
    <row r="436" spans="1:25" x14ac:dyDescent="0.3">
      <c r="A436">
        <v>11.616666664664324</v>
      </c>
      <c r="B436">
        <v>1082.6780000000001</v>
      </c>
      <c r="C436">
        <v>1093.2180000000001</v>
      </c>
      <c r="D436">
        <v>1093.3119999999999</v>
      </c>
      <c r="E436">
        <v>1036.0309999999999</v>
      </c>
      <c r="F436">
        <v>971.59100000000001</v>
      </c>
      <c r="G436">
        <v>961.79700000000003</v>
      </c>
      <c r="H436">
        <v>956.404</v>
      </c>
      <c r="I436">
        <v>958.15</v>
      </c>
      <c r="J436">
        <v>975.48699999999997</v>
      </c>
      <c r="K436">
        <v>992.63099999999997</v>
      </c>
      <c r="L436">
        <v>990.42899999999997</v>
      </c>
      <c r="M436">
        <v>969.947</v>
      </c>
      <c r="N436">
        <v>1099.4169999999999</v>
      </c>
      <c r="O436">
        <v>1116.547</v>
      </c>
      <c r="P436">
        <v>0</v>
      </c>
      <c r="Q436">
        <v>0</v>
      </c>
      <c r="R436">
        <v>1100.7139999999999</v>
      </c>
      <c r="S436">
        <v>0</v>
      </c>
      <c r="T436">
        <v>1056.1559999999999</v>
      </c>
      <c r="U436">
        <v>1034.2639999999999</v>
      </c>
      <c r="V436">
        <v>1015.4349999999999</v>
      </c>
      <c r="W436">
        <v>999.56700000000001</v>
      </c>
      <c r="X436">
        <v>964.2</v>
      </c>
      <c r="Y436">
        <v>936.07100000000003</v>
      </c>
    </row>
    <row r="437" spans="1:25" x14ac:dyDescent="0.3">
      <c r="A437">
        <v>11.650000005789723</v>
      </c>
      <c r="B437">
        <v>1085.6010000000001</v>
      </c>
      <c r="C437">
        <v>1077.4169999999999</v>
      </c>
      <c r="D437">
        <v>1088.597</v>
      </c>
      <c r="E437">
        <v>1024.662</v>
      </c>
      <c r="F437">
        <v>962.93799999999999</v>
      </c>
      <c r="G437">
        <v>957.16200000000003</v>
      </c>
      <c r="H437">
        <v>953.56100000000004</v>
      </c>
      <c r="I437">
        <v>956.28</v>
      </c>
      <c r="J437">
        <v>975.29</v>
      </c>
      <c r="K437">
        <v>992.32399999999996</v>
      </c>
      <c r="L437">
        <v>990.26700000000005</v>
      </c>
      <c r="M437">
        <v>970.654</v>
      </c>
      <c r="N437">
        <v>1091.2739999999999</v>
      </c>
      <c r="O437">
        <v>1117.135</v>
      </c>
      <c r="P437">
        <v>0</v>
      </c>
      <c r="Q437">
        <v>0</v>
      </c>
      <c r="R437">
        <v>1103.932</v>
      </c>
      <c r="S437">
        <v>0</v>
      </c>
      <c r="T437">
        <v>1058.5350000000001</v>
      </c>
      <c r="U437">
        <v>1037.433</v>
      </c>
      <c r="V437">
        <v>1016.978</v>
      </c>
      <c r="W437">
        <v>1000.739</v>
      </c>
      <c r="X437">
        <v>966.37099999999998</v>
      </c>
      <c r="Y437">
        <v>938.173</v>
      </c>
    </row>
    <row r="438" spans="1:25" x14ac:dyDescent="0.3">
      <c r="A438">
        <v>11.666666665875043</v>
      </c>
      <c r="B438">
        <v>1075.0719999999999</v>
      </c>
      <c r="C438">
        <v>1068.864</v>
      </c>
      <c r="D438">
        <v>1067.317</v>
      </c>
      <c r="E438">
        <v>1026.4449999999999</v>
      </c>
      <c r="F438">
        <v>968.70600000000002</v>
      </c>
      <c r="G438">
        <v>961.06200000000001</v>
      </c>
      <c r="H438">
        <v>956.26499999999999</v>
      </c>
      <c r="I438">
        <v>959.23699999999997</v>
      </c>
      <c r="J438">
        <v>976.92499999999995</v>
      </c>
      <c r="K438">
        <v>994.78499999999997</v>
      </c>
      <c r="L438">
        <v>993.49300000000005</v>
      </c>
      <c r="M438">
        <v>974.38599999999997</v>
      </c>
      <c r="N438">
        <v>1094.5909999999999</v>
      </c>
      <c r="O438">
        <v>1131.463</v>
      </c>
      <c r="P438">
        <v>0</v>
      </c>
      <c r="Q438">
        <v>0</v>
      </c>
      <c r="R438">
        <v>1101.4349999999999</v>
      </c>
      <c r="S438">
        <v>0</v>
      </c>
      <c r="T438">
        <v>1056.7560000000001</v>
      </c>
      <c r="U438">
        <v>1036.645</v>
      </c>
      <c r="V438">
        <v>1017.2380000000001</v>
      </c>
      <c r="W438">
        <v>1001.235</v>
      </c>
      <c r="X438">
        <v>967.13400000000001</v>
      </c>
      <c r="Y438">
        <v>939.27099999999996</v>
      </c>
    </row>
    <row r="439" spans="1:25" x14ac:dyDescent="0.3">
      <c r="A439">
        <v>11.699999996523063</v>
      </c>
      <c r="B439">
        <v>1077.212</v>
      </c>
      <c r="C439">
        <v>1061.0409999999999</v>
      </c>
      <c r="D439">
        <v>1068.2460000000001</v>
      </c>
      <c r="E439">
        <v>1036.126</v>
      </c>
      <c r="F439">
        <v>986.08100000000002</v>
      </c>
      <c r="G439">
        <v>975.61699999999996</v>
      </c>
      <c r="H439">
        <v>964.601</v>
      </c>
      <c r="I439">
        <v>965.93799999999999</v>
      </c>
      <c r="J439">
        <v>982.52599999999995</v>
      </c>
      <c r="K439">
        <v>999.75199999999995</v>
      </c>
      <c r="L439">
        <v>996.82100000000003</v>
      </c>
      <c r="M439">
        <v>975.05399999999997</v>
      </c>
      <c r="N439">
        <v>1104.347</v>
      </c>
      <c r="O439">
        <v>1139.1410000000001</v>
      </c>
      <c r="P439">
        <v>0</v>
      </c>
      <c r="Q439">
        <v>0</v>
      </c>
      <c r="R439">
        <v>1103.952</v>
      </c>
      <c r="S439">
        <v>0</v>
      </c>
      <c r="T439">
        <v>1061.171</v>
      </c>
      <c r="U439">
        <v>1040.4359999999999</v>
      </c>
      <c r="V439">
        <v>1020.628</v>
      </c>
      <c r="W439">
        <v>1003.37</v>
      </c>
      <c r="X439">
        <v>967.20299999999997</v>
      </c>
      <c r="Y439">
        <v>937.33</v>
      </c>
    </row>
    <row r="440" spans="1:25" x14ac:dyDescent="0.3">
      <c r="A440">
        <v>11.733333337648462</v>
      </c>
      <c r="B440">
        <v>1076.4110000000001</v>
      </c>
      <c r="C440">
        <v>1057.143</v>
      </c>
      <c r="D440">
        <v>1064.865</v>
      </c>
      <c r="E440">
        <v>1025.5989999999999</v>
      </c>
      <c r="F440">
        <v>973.404</v>
      </c>
      <c r="G440">
        <v>967.58299999999997</v>
      </c>
      <c r="H440">
        <v>959.65</v>
      </c>
      <c r="I440">
        <v>961.8</v>
      </c>
      <c r="J440">
        <v>980.85799999999995</v>
      </c>
      <c r="K440">
        <v>998.69600000000003</v>
      </c>
      <c r="L440">
        <v>996.38400000000001</v>
      </c>
      <c r="M440">
        <v>974.65599999999995</v>
      </c>
      <c r="N440">
        <v>1114.453</v>
      </c>
      <c r="O440">
        <v>1143.854</v>
      </c>
      <c r="P440">
        <v>0</v>
      </c>
      <c r="Q440">
        <v>0</v>
      </c>
      <c r="R440">
        <v>1102.0340000000001</v>
      </c>
      <c r="S440">
        <v>0</v>
      </c>
      <c r="T440">
        <v>1059.1110000000001</v>
      </c>
      <c r="U440">
        <v>1040.104</v>
      </c>
      <c r="V440">
        <v>1020.904</v>
      </c>
      <c r="W440">
        <v>1003.9</v>
      </c>
      <c r="X440">
        <v>967.63699999999994</v>
      </c>
      <c r="Y440">
        <v>936.82799999999997</v>
      </c>
    </row>
    <row r="441" spans="1:25" x14ac:dyDescent="0.3">
      <c r="A441">
        <v>11.749999997733783</v>
      </c>
      <c r="B441">
        <v>1077.1759999999999</v>
      </c>
      <c r="C441">
        <v>1079.338</v>
      </c>
      <c r="D441">
        <v>1057.5150000000001</v>
      </c>
      <c r="E441">
        <v>1017.401</v>
      </c>
      <c r="F441">
        <v>967.149</v>
      </c>
      <c r="G441">
        <v>959.28800000000001</v>
      </c>
      <c r="H441">
        <v>952.98500000000001</v>
      </c>
      <c r="I441">
        <v>955.12800000000004</v>
      </c>
      <c r="J441">
        <v>971.86599999999999</v>
      </c>
      <c r="K441">
        <v>991.30600000000004</v>
      </c>
      <c r="L441">
        <v>992.32500000000005</v>
      </c>
      <c r="M441">
        <v>972.77</v>
      </c>
      <c r="N441">
        <v>1100.8119999999999</v>
      </c>
      <c r="O441">
        <v>1151.6610000000001</v>
      </c>
      <c r="P441">
        <v>0</v>
      </c>
      <c r="Q441">
        <v>0</v>
      </c>
      <c r="R441">
        <v>1110.4480000000001</v>
      </c>
      <c r="S441">
        <v>0</v>
      </c>
      <c r="T441">
        <v>1060.3920000000001</v>
      </c>
      <c r="U441">
        <v>1039.7349999999999</v>
      </c>
      <c r="V441">
        <v>1020.4450000000001</v>
      </c>
      <c r="W441">
        <v>1003.937</v>
      </c>
      <c r="X441">
        <v>968.61300000000006</v>
      </c>
      <c r="Y441">
        <v>939.07100000000003</v>
      </c>
    </row>
    <row r="442" spans="1:25" x14ac:dyDescent="0.3">
      <c r="A442">
        <v>11.783333338859181</v>
      </c>
      <c r="B442">
        <v>1071.547</v>
      </c>
      <c r="C442">
        <v>1049.4770000000001</v>
      </c>
      <c r="D442">
        <v>1031.3219999999999</v>
      </c>
      <c r="E442">
        <v>1002.11</v>
      </c>
      <c r="F442">
        <v>959.50599999999997</v>
      </c>
      <c r="G442">
        <v>957.27200000000005</v>
      </c>
      <c r="H442">
        <v>953.274</v>
      </c>
      <c r="I442">
        <v>956.06500000000005</v>
      </c>
      <c r="J442">
        <v>972.84299999999996</v>
      </c>
      <c r="K442">
        <v>991.68899999999996</v>
      </c>
      <c r="L442">
        <v>992.78099999999995</v>
      </c>
      <c r="M442">
        <v>974.31200000000001</v>
      </c>
      <c r="N442">
        <v>1091.538</v>
      </c>
      <c r="O442">
        <v>1141.7940000000001</v>
      </c>
      <c r="P442">
        <v>0</v>
      </c>
      <c r="Q442">
        <v>0</v>
      </c>
      <c r="R442">
        <v>1104.7049999999999</v>
      </c>
      <c r="S442">
        <v>0</v>
      </c>
      <c r="T442">
        <v>1057.125</v>
      </c>
      <c r="U442">
        <v>1040.1410000000001</v>
      </c>
      <c r="V442">
        <v>1022.72</v>
      </c>
      <c r="W442">
        <v>1007.518</v>
      </c>
      <c r="X442">
        <v>973.04200000000003</v>
      </c>
      <c r="Y442">
        <v>943.36099999999999</v>
      </c>
    </row>
    <row r="443" spans="1:25" x14ac:dyDescent="0.3">
      <c r="A443">
        <v>11.799999998944502</v>
      </c>
      <c r="B443">
        <v>1066.4829999999999</v>
      </c>
      <c r="C443">
        <v>1047.1690000000001</v>
      </c>
      <c r="D443">
        <v>1026.961</v>
      </c>
      <c r="E443">
        <v>995.73299999999995</v>
      </c>
      <c r="F443">
        <v>953.88900000000001</v>
      </c>
      <c r="G443">
        <v>954.03300000000002</v>
      </c>
      <c r="H443">
        <v>951.56600000000003</v>
      </c>
      <c r="I443">
        <v>955.38400000000001</v>
      </c>
      <c r="J443">
        <v>971.67</v>
      </c>
      <c r="K443">
        <v>989.28899999999999</v>
      </c>
      <c r="L443">
        <v>990.25400000000002</v>
      </c>
      <c r="M443">
        <v>972.68200000000002</v>
      </c>
      <c r="N443">
        <v>1096.904</v>
      </c>
      <c r="O443">
        <v>1131.806</v>
      </c>
      <c r="P443">
        <v>0</v>
      </c>
      <c r="Q443">
        <v>0</v>
      </c>
      <c r="R443">
        <v>1106.9459999999999</v>
      </c>
      <c r="S443">
        <v>0</v>
      </c>
      <c r="T443">
        <v>1059.838</v>
      </c>
      <c r="U443">
        <v>1039.481</v>
      </c>
      <c r="V443">
        <v>1021.384</v>
      </c>
      <c r="W443">
        <v>1005.749</v>
      </c>
      <c r="X443">
        <v>971.90499999999997</v>
      </c>
      <c r="Y443">
        <v>943.274</v>
      </c>
    </row>
    <row r="444" spans="1:25" x14ac:dyDescent="0.3">
      <c r="A444">
        <v>11.833333340069901</v>
      </c>
      <c r="B444">
        <v>1056.5530000000001</v>
      </c>
      <c r="C444">
        <v>1034.5830000000001</v>
      </c>
      <c r="D444">
        <v>1039.444</v>
      </c>
      <c r="E444">
        <v>1006.553</v>
      </c>
      <c r="F444">
        <v>959.779</v>
      </c>
      <c r="G444">
        <v>956.68</v>
      </c>
      <c r="H444">
        <v>953.00599999999997</v>
      </c>
      <c r="I444">
        <v>957.23800000000006</v>
      </c>
      <c r="J444">
        <v>974.13300000000004</v>
      </c>
      <c r="K444">
        <v>994.53099999999995</v>
      </c>
      <c r="L444">
        <v>996.29600000000005</v>
      </c>
      <c r="M444">
        <v>976.76300000000003</v>
      </c>
      <c r="N444">
        <v>1103.3720000000001</v>
      </c>
      <c r="O444">
        <v>1139.7929999999999</v>
      </c>
      <c r="P444">
        <v>0</v>
      </c>
      <c r="Q444">
        <v>0</v>
      </c>
      <c r="R444">
        <v>1102.2819999999999</v>
      </c>
      <c r="S444">
        <v>0</v>
      </c>
      <c r="T444">
        <v>1061.434</v>
      </c>
      <c r="U444">
        <v>1042.6389999999999</v>
      </c>
      <c r="V444">
        <v>1025.3810000000001</v>
      </c>
      <c r="W444">
        <v>1010.389</v>
      </c>
      <c r="X444">
        <v>974.36900000000003</v>
      </c>
      <c r="Y444">
        <v>944.88900000000001</v>
      </c>
    </row>
    <row r="445" spans="1:25" x14ac:dyDescent="0.3">
      <c r="A445">
        <v>11.866666670717921</v>
      </c>
      <c r="B445">
        <v>1064.367</v>
      </c>
      <c r="C445">
        <v>1041.6790000000001</v>
      </c>
      <c r="D445">
        <v>1048.3710000000001</v>
      </c>
      <c r="E445">
        <v>1015.552</v>
      </c>
      <c r="F445">
        <v>963.322</v>
      </c>
      <c r="G445">
        <v>960.50300000000004</v>
      </c>
      <c r="H445">
        <v>956.19399999999996</v>
      </c>
      <c r="I445">
        <v>961.33399999999995</v>
      </c>
      <c r="J445">
        <v>979.46500000000003</v>
      </c>
      <c r="K445">
        <v>1001.401</v>
      </c>
      <c r="L445">
        <v>1002.497</v>
      </c>
      <c r="M445">
        <v>981.15200000000004</v>
      </c>
      <c r="N445">
        <v>1113.55</v>
      </c>
      <c r="O445">
        <v>1146.223</v>
      </c>
      <c r="P445">
        <v>0</v>
      </c>
      <c r="Q445">
        <v>0</v>
      </c>
      <c r="R445">
        <v>1096.3399999999999</v>
      </c>
      <c r="S445">
        <v>0</v>
      </c>
      <c r="T445">
        <v>1061.3420000000001</v>
      </c>
      <c r="U445">
        <v>1043.6569999999999</v>
      </c>
      <c r="V445">
        <v>1026.796</v>
      </c>
      <c r="W445">
        <v>1011.76</v>
      </c>
      <c r="X445">
        <v>974.22400000000005</v>
      </c>
      <c r="Y445">
        <v>943.23800000000006</v>
      </c>
    </row>
    <row r="446" spans="1:25" x14ac:dyDescent="0.3">
      <c r="A446">
        <v>11.883333330803241</v>
      </c>
      <c r="B446">
        <v>1058.3720000000001</v>
      </c>
      <c r="C446">
        <v>1048.8140000000001</v>
      </c>
      <c r="D446">
        <v>1061.3230000000001</v>
      </c>
      <c r="E446">
        <v>1040.2360000000001</v>
      </c>
      <c r="F446">
        <v>978.97500000000002</v>
      </c>
      <c r="G446">
        <v>971.923</v>
      </c>
      <c r="H446">
        <v>965.81500000000005</v>
      </c>
      <c r="I446">
        <v>971.97699999999998</v>
      </c>
      <c r="J446">
        <v>994.03899999999999</v>
      </c>
      <c r="K446">
        <v>1009.732</v>
      </c>
      <c r="L446">
        <v>1006.772</v>
      </c>
      <c r="M446">
        <v>983.85400000000004</v>
      </c>
      <c r="N446">
        <v>1103.9179999999999</v>
      </c>
      <c r="O446">
        <v>1147.0429999999999</v>
      </c>
      <c r="P446">
        <v>0</v>
      </c>
      <c r="Q446">
        <v>0</v>
      </c>
      <c r="R446">
        <v>1102.9770000000001</v>
      </c>
      <c r="S446">
        <v>0</v>
      </c>
      <c r="T446">
        <v>1060.989</v>
      </c>
      <c r="U446">
        <v>1042.029</v>
      </c>
      <c r="V446">
        <v>1025.18</v>
      </c>
      <c r="W446">
        <v>1010.5170000000001</v>
      </c>
      <c r="X446">
        <v>973.553</v>
      </c>
      <c r="Y446">
        <v>943.04</v>
      </c>
    </row>
    <row r="447" spans="1:25" x14ac:dyDescent="0.3">
      <c r="A447">
        <v>11.91666667192864</v>
      </c>
      <c r="B447">
        <v>1043.01</v>
      </c>
      <c r="C447">
        <v>1038.3399999999999</v>
      </c>
      <c r="D447">
        <v>1057.704</v>
      </c>
      <c r="E447">
        <v>1052.9179999999999</v>
      </c>
      <c r="F447">
        <v>1003.21</v>
      </c>
      <c r="G447">
        <v>992.01900000000001</v>
      </c>
      <c r="H447">
        <v>982.00400000000002</v>
      </c>
      <c r="I447">
        <v>990.745</v>
      </c>
      <c r="J447">
        <v>1010.755</v>
      </c>
      <c r="K447">
        <v>1017.129</v>
      </c>
      <c r="L447">
        <v>1011.212</v>
      </c>
      <c r="M447">
        <v>987.52300000000002</v>
      </c>
      <c r="N447">
        <v>1106.0809999999999</v>
      </c>
      <c r="O447">
        <v>1140.0989999999999</v>
      </c>
      <c r="P447">
        <v>0</v>
      </c>
      <c r="Q447">
        <v>0</v>
      </c>
      <c r="R447">
        <v>1107.2090000000001</v>
      </c>
      <c r="S447">
        <v>0</v>
      </c>
      <c r="T447">
        <v>1063.7550000000001</v>
      </c>
      <c r="U447">
        <v>1046.115</v>
      </c>
      <c r="V447">
        <v>1029.2070000000001</v>
      </c>
      <c r="W447">
        <v>1014.782</v>
      </c>
      <c r="X447">
        <v>975.62099999999998</v>
      </c>
      <c r="Y447">
        <v>944.56600000000003</v>
      </c>
    </row>
    <row r="448" spans="1:25" x14ac:dyDescent="0.3">
      <c r="A448">
        <v>11.933333332013961</v>
      </c>
      <c r="B448">
        <v>1053.9369999999999</v>
      </c>
      <c r="C448">
        <v>1047.4100000000001</v>
      </c>
      <c r="D448">
        <v>1067.077</v>
      </c>
      <c r="E448">
        <v>1039.2049999999999</v>
      </c>
      <c r="F448">
        <v>996.24300000000005</v>
      </c>
      <c r="G448">
        <v>991.85599999999999</v>
      </c>
      <c r="H448">
        <v>985.85</v>
      </c>
      <c r="I448">
        <v>993.20299999999997</v>
      </c>
      <c r="J448">
        <v>1014.14</v>
      </c>
      <c r="K448">
        <v>1018.322</v>
      </c>
      <c r="L448">
        <v>1011.888</v>
      </c>
      <c r="M448">
        <v>986.923</v>
      </c>
      <c r="N448">
        <v>1122.847</v>
      </c>
      <c r="O448">
        <v>1140.309</v>
      </c>
      <c r="P448">
        <v>0</v>
      </c>
      <c r="Q448">
        <v>0</v>
      </c>
      <c r="R448">
        <v>1119.2560000000001</v>
      </c>
      <c r="S448">
        <v>0</v>
      </c>
      <c r="T448">
        <v>1069.742</v>
      </c>
      <c r="U448">
        <v>1048.9259999999999</v>
      </c>
      <c r="V448">
        <v>1030.221</v>
      </c>
      <c r="W448">
        <v>1016.139</v>
      </c>
      <c r="X448">
        <v>979.46600000000001</v>
      </c>
      <c r="Y448">
        <v>948.95500000000004</v>
      </c>
    </row>
    <row r="449" spans="1:25" x14ac:dyDescent="0.3">
      <c r="A449">
        <v>11.966666673139359</v>
      </c>
      <c r="B449">
        <v>1070.2470000000001</v>
      </c>
      <c r="C449">
        <v>1059.8219999999999</v>
      </c>
      <c r="D449">
        <v>1062.384</v>
      </c>
      <c r="E449">
        <v>1029.0630000000001</v>
      </c>
      <c r="F449">
        <v>990.05600000000004</v>
      </c>
      <c r="G449">
        <v>979.93899999999996</v>
      </c>
      <c r="H449">
        <v>974.66200000000003</v>
      </c>
      <c r="I449">
        <v>979.70399999999995</v>
      </c>
      <c r="J449">
        <v>999.68600000000004</v>
      </c>
      <c r="K449">
        <v>1010.338</v>
      </c>
      <c r="L449">
        <v>1006.866</v>
      </c>
      <c r="M449">
        <v>983.51199999999994</v>
      </c>
      <c r="N449">
        <v>1116.8399999999999</v>
      </c>
      <c r="O449">
        <v>1147.7329999999999</v>
      </c>
      <c r="P449">
        <v>0</v>
      </c>
      <c r="Q449">
        <v>0</v>
      </c>
      <c r="R449">
        <v>1112.6079999999999</v>
      </c>
      <c r="S449">
        <v>0</v>
      </c>
      <c r="T449">
        <v>1071.068</v>
      </c>
      <c r="U449">
        <v>1050.943</v>
      </c>
      <c r="V449">
        <v>1030.646</v>
      </c>
      <c r="W449">
        <v>1014.6559999999999</v>
      </c>
      <c r="X449">
        <v>977.00099999999998</v>
      </c>
      <c r="Y449">
        <v>947.94899999999996</v>
      </c>
    </row>
    <row r="450" spans="1:25" x14ac:dyDescent="0.3">
      <c r="A450">
        <v>12.000000003787379</v>
      </c>
      <c r="B450">
        <v>1071.403</v>
      </c>
      <c r="C450">
        <v>1066.356</v>
      </c>
      <c r="D450">
        <v>1041.7550000000001</v>
      </c>
      <c r="E450">
        <v>1000.362</v>
      </c>
      <c r="F450">
        <v>967.46199999999999</v>
      </c>
      <c r="G450">
        <v>964.75199999999995</v>
      </c>
      <c r="H450">
        <v>962.67399999999998</v>
      </c>
      <c r="I450">
        <v>966.75800000000004</v>
      </c>
      <c r="J450">
        <v>983.89300000000003</v>
      </c>
      <c r="K450">
        <v>997.93799999999999</v>
      </c>
      <c r="L450">
        <v>998.72</v>
      </c>
      <c r="M450">
        <v>979.32299999999998</v>
      </c>
      <c r="N450">
        <v>1118.9749999999999</v>
      </c>
      <c r="O450">
        <v>1146.76</v>
      </c>
      <c r="P450">
        <v>0</v>
      </c>
      <c r="Q450">
        <v>0</v>
      </c>
      <c r="R450">
        <v>1106.5530000000001</v>
      </c>
      <c r="S450">
        <v>0</v>
      </c>
      <c r="T450">
        <v>1067.0419999999999</v>
      </c>
      <c r="U450">
        <v>1046.1179999999999</v>
      </c>
      <c r="V450">
        <v>1026.8530000000001</v>
      </c>
      <c r="W450">
        <v>1011.9450000000001</v>
      </c>
      <c r="X450">
        <v>975.38699999999994</v>
      </c>
      <c r="Y450">
        <v>946.81399999999996</v>
      </c>
    </row>
    <row r="451" spans="1:25" x14ac:dyDescent="0.3">
      <c r="A451">
        <v>12.0166666638727</v>
      </c>
      <c r="B451">
        <v>1062.44</v>
      </c>
      <c r="C451">
        <v>1072.075</v>
      </c>
      <c r="D451">
        <v>1047.412</v>
      </c>
      <c r="E451">
        <v>1002.062</v>
      </c>
      <c r="F451">
        <v>964.51700000000005</v>
      </c>
      <c r="G451">
        <v>961.64400000000001</v>
      </c>
      <c r="H451">
        <v>959.16899999999998</v>
      </c>
      <c r="I451">
        <v>963.12599999999998</v>
      </c>
      <c r="J451">
        <v>979.55899999999997</v>
      </c>
      <c r="K451">
        <v>997.24599999999998</v>
      </c>
      <c r="L451">
        <v>997.21</v>
      </c>
      <c r="M451">
        <v>978.072</v>
      </c>
      <c r="N451">
        <v>1108.2650000000001</v>
      </c>
      <c r="O451">
        <v>1152.1659999999999</v>
      </c>
      <c r="P451">
        <v>0</v>
      </c>
      <c r="Q451">
        <v>0</v>
      </c>
      <c r="R451">
        <v>1097.7909999999999</v>
      </c>
      <c r="S451">
        <v>0</v>
      </c>
      <c r="T451">
        <v>1058.7829999999999</v>
      </c>
      <c r="U451">
        <v>1041.5150000000001</v>
      </c>
      <c r="V451">
        <v>1024.1010000000001</v>
      </c>
      <c r="W451">
        <v>1010.027</v>
      </c>
      <c r="X451">
        <v>975.42399999999998</v>
      </c>
      <c r="Y451">
        <v>946.95899999999995</v>
      </c>
    </row>
    <row r="452" spans="1:25" x14ac:dyDescent="0.3">
      <c r="A452">
        <v>12.050000004998099</v>
      </c>
      <c r="B452">
        <v>1053.9770000000001</v>
      </c>
      <c r="C452">
        <v>1055.9079999999999</v>
      </c>
      <c r="D452">
        <v>1048.2819999999999</v>
      </c>
      <c r="E452">
        <v>1004.931</v>
      </c>
      <c r="F452">
        <v>965.16899999999998</v>
      </c>
      <c r="G452">
        <v>962.82</v>
      </c>
      <c r="H452">
        <v>959.96400000000006</v>
      </c>
      <c r="I452">
        <v>963.70500000000004</v>
      </c>
      <c r="J452">
        <v>982.625</v>
      </c>
      <c r="K452">
        <v>1004.657</v>
      </c>
      <c r="L452">
        <v>1002.008</v>
      </c>
      <c r="M452">
        <v>980.44899999999996</v>
      </c>
      <c r="N452">
        <v>1100.049</v>
      </c>
      <c r="O452">
        <v>1146.742</v>
      </c>
      <c r="P452">
        <v>0</v>
      </c>
      <c r="Q452">
        <v>0</v>
      </c>
      <c r="R452">
        <v>1087.557</v>
      </c>
      <c r="S452">
        <v>0</v>
      </c>
      <c r="T452">
        <v>1051.1479999999999</v>
      </c>
      <c r="U452">
        <v>1036.6859999999999</v>
      </c>
      <c r="V452">
        <v>1020.966</v>
      </c>
      <c r="W452">
        <v>1007.873</v>
      </c>
      <c r="X452">
        <v>975.82399999999996</v>
      </c>
      <c r="Y452">
        <v>948.09400000000005</v>
      </c>
    </row>
    <row r="453" spans="1:25" x14ac:dyDescent="0.3">
      <c r="A453">
        <v>12.083333335646119</v>
      </c>
      <c r="B453">
        <v>1046.3779999999999</v>
      </c>
      <c r="C453">
        <v>1044.4190000000001</v>
      </c>
      <c r="D453">
        <v>1041.7750000000001</v>
      </c>
      <c r="E453">
        <v>1004.383</v>
      </c>
      <c r="F453">
        <v>964.48199999999997</v>
      </c>
      <c r="G453">
        <v>964.91600000000005</v>
      </c>
      <c r="H453">
        <v>961.98800000000006</v>
      </c>
      <c r="I453">
        <v>964.01199999999994</v>
      </c>
      <c r="J453">
        <v>982.73400000000004</v>
      </c>
      <c r="K453">
        <v>1004.803</v>
      </c>
      <c r="L453">
        <v>1003.835</v>
      </c>
      <c r="M453">
        <v>982.20799999999997</v>
      </c>
      <c r="N453">
        <v>1104.9380000000001</v>
      </c>
      <c r="O453">
        <v>1143.633</v>
      </c>
      <c r="P453">
        <v>0</v>
      </c>
      <c r="Q453">
        <v>0</v>
      </c>
      <c r="R453">
        <v>1092.7429999999999</v>
      </c>
      <c r="S453">
        <v>0</v>
      </c>
      <c r="T453">
        <v>1055.277</v>
      </c>
      <c r="U453">
        <v>1038.877</v>
      </c>
      <c r="V453">
        <v>1022.3049999999999</v>
      </c>
      <c r="W453">
        <v>1008.22</v>
      </c>
      <c r="X453">
        <v>973.95600000000002</v>
      </c>
      <c r="Y453">
        <v>945.75400000000002</v>
      </c>
    </row>
    <row r="454" spans="1:25" x14ac:dyDescent="0.3">
      <c r="A454">
        <v>12.100000006208818</v>
      </c>
      <c r="B454">
        <v>1049.894</v>
      </c>
      <c r="C454">
        <v>1034.923</v>
      </c>
      <c r="D454">
        <v>1037.6469999999999</v>
      </c>
      <c r="E454">
        <v>997.43299999999999</v>
      </c>
      <c r="F454">
        <v>955.17499999999995</v>
      </c>
      <c r="G454">
        <v>956.52599999999995</v>
      </c>
      <c r="H454">
        <v>954.59900000000005</v>
      </c>
      <c r="I454">
        <v>955.71600000000001</v>
      </c>
      <c r="J454">
        <v>972.29200000000003</v>
      </c>
      <c r="K454">
        <v>995.59400000000005</v>
      </c>
      <c r="L454">
        <v>999.34400000000005</v>
      </c>
      <c r="M454">
        <v>981.72199999999998</v>
      </c>
      <c r="N454">
        <v>1106.239</v>
      </c>
      <c r="O454">
        <v>1142.93</v>
      </c>
      <c r="P454">
        <v>0</v>
      </c>
      <c r="Q454">
        <v>0</v>
      </c>
      <c r="R454">
        <v>1090.2750000000001</v>
      </c>
      <c r="S454">
        <v>0</v>
      </c>
      <c r="T454">
        <v>1054.0740000000001</v>
      </c>
      <c r="U454">
        <v>1038.31</v>
      </c>
      <c r="V454">
        <v>1022.474</v>
      </c>
      <c r="W454">
        <v>1009.429</v>
      </c>
      <c r="X454">
        <v>975.755</v>
      </c>
      <c r="Y454">
        <v>946.45899999999995</v>
      </c>
    </row>
    <row r="455" spans="1:25" x14ac:dyDescent="0.3">
      <c r="A455">
        <v>12.133333336856838</v>
      </c>
      <c r="B455">
        <v>1046.3440000000001</v>
      </c>
      <c r="C455">
        <v>1026.7840000000001</v>
      </c>
      <c r="D455">
        <v>1047.8969999999999</v>
      </c>
      <c r="E455">
        <v>1010.634</v>
      </c>
      <c r="F455">
        <v>959.60599999999999</v>
      </c>
      <c r="G455">
        <v>957.69600000000003</v>
      </c>
      <c r="H455">
        <v>954.274</v>
      </c>
      <c r="I455">
        <v>956.67</v>
      </c>
      <c r="J455">
        <v>972.4</v>
      </c>
      <c r="K455">
        <v>993.97400000000005</v>
      </c>
      <c r="L455">
        <v>996.86800000000005</v>
      </c>
      <c r="M455">
        <v>979.83500000000004</v>
      </c>
      <c r="N455">
        <v>1104.79</v>
      </c>
      <c r="O455">
        <v>1148.52</v>
      </c>
      <c r="P455">
        <v>0</v>
      </c>
      <c r="Q455">
        <v>0</v>
      </c>
      <c r="R455">
        <v>1092.615</v>
      </c>
      <c r="S455">
        <v>0</v>
      </c>
      <c r="T455">
        <v>1057.5630000000001</v>
      </c>
      <c r="U455">
        <v>1040.355</v>
      </c>
      <c r="V455">
        <v>1024.8389999999999</v>
      </c>
      <c r="W455">
        <v>1012.151</v>
      </c>
      <c r="X455">
        <v>977.024</v>
      </c>
      <c r="Y455">
        <v>947.98900000000003</v>
      </c>
    </row>
    <row r="456" spans="1:25" x14ac:dyDescent="0.3">
      <c r="A456">
        <v>12.149999996942158</v>
      </c>
      <c r="B456">
        <v>1048.8030000000001</v>
      </c>
      <c r="C456">
        <v>1023.353</v>
      </c>
      <c r="D456">
        <v>1042.6099999999999</v>
      </c>
      <c r="E456">
        <v>1007.5650000000001</v>
      </c>
      <c r="F456">
        <v>964.10599999999999</v>
      </c>
      <c r="G456">
        <v>964.41300000000001</v>
      </c>
      <c r="H456">
        <v>961.19600000000003</v>
      </c>
      <c r="I456">
        <v>968.75</v>
      </c>
      <c r="J456">
        <v>990.46100000000001</v>
      </c>
      <c r="K456">
        <v>1006.049</v>
      </c>
      <c r="L456">
        <v>1004.697</v>
      </c>
      <c r="M456">
        <v>984.55</v>
      </c>
      <c r="N456">
        <v>1118.923</v>
      </c>
      <c r="O456">
        <v>1152.9179999999999</v>
      </c>
      <c r="P456">
        <v>0</v>
      </c>
      <c r="Q456">
        <v>0</v>
      </c>
      <c r="R456">
        <v>1107.6859999999999</v>
      </c>
      <c r="S456">
        <v>0</v>
      </c>
      <c r="T456">
        <v>1068.6859999999999</v>
      </c>
      <c r="U456">
        <v>1049.5609999999999</v>
      </c>
      <c r="V456">
        <v>1033.0440000000001</v>
      </c>
      <c r="W456">
        <v>1019.942</v>
      </c>
      <c r="X456">
        <v>983.33500000000004</v>
      </c>
      <c r="Y456">
        <v>952.726</v>
      </c>
    </row>
    <row r="457" spans="1:25" x14ac:dyDescent="0.3">
      <c r="A457">
        <v>12.183333338067557</v>
      </c>
      <c r="B457">
        <v>1057.934</v>
      </c>
      <c r="C457">
        <v>1036.7629999999999</v>
      </c>
      <c r="D457">
        <v>1059.3810000000001</v>
      </c>
      <c r="E457">
        <v>1005.628</v>
      </c>
      <c r="F457">
        <v>965.37099999999998</v>
      </c>
      <c r="G457">
        <v>968.06299999999999</v>
      </c>
      <c r="H457">
        <v>965.46100000000001</v>
      </c>
      <c r="I457">
        <v>972.16499999999996</v>
      </c>
      <c r="J457">
        <v>995.86699999999996</v>
      </c>
      <c r="K457">
        <v>1011.712</v>
      </c>
      <c r="L457">
        <v>1009.246</v>
      </c>
      <c r="M457">
        <v>987.71199999999999</v>
      </c>
      <c r="N457">
        <v>1120.6610000000001</v>
      </c>
      <c r="O457">
        <v>1146.9739999999999</v>
      </c>
      <c r="P457">
        <v>0</v>
      </c>
      <c r="Q457">
        <v>0</v>
      </c>
      <c r="R457">
        <v>1105.787</v>
      </c>
      <c r="S457">
        <v>0</v>
      </c>
      <c r="T457">
        <v>1068.3130000000001</v>
      </c>
      <c r="U457">
        <v>1048.248</v>
      </c>
      <c r="V457">
        <v>1030.9449999999999</v>
      </c>
      <c r="W457">
        <v>1016.549</v>
      </c>
      <c r="X457">
        <v>980.08900000000006</v>
      </c>
      <c r="Y457">
        <v>951.26700000000005</v>
      </c>
    </row>
    <row r="458" spans="1:25" x14ac:dyDescent="0.3">
      <c r="A458">
        <v>12.216666668715577</v>
      </c>
      <c r="B458">
        <v>1056.634</v>
      </c>
      <c r="C458">
        <v>1041.8150000000001</v>
      </c>
      <c r="D458">
        <v>1073.048</v>
      </c>
      <c r="E458">
        <v>1015.8150000000001</v>
      </c>
      <c r="F458">
        <v>968.78499999999997</v>
      </c>
      <c r="G458">
        <v>967.81</v>
      </c>
      <c r="H458">
        <v>965.44200000000001</v>
      </c>
      <c r="I458">
        <v>970.93600000000004</v>
      </c>
      <c r="J458">
        <v>989.60500000000002</v>
      </c>
      <c r="K458">
        <v>1006.048</v>
      </c>
      <c r="L458">
        <v>1007.601</v>
      </c>
      <c r="M458">
        <v>988.60400000000004</v>
      </c>
      <c r="N458">
        <v>1125.586</v>
      </c>
      <c r="O458">
        <v>1150.3309999999999</v>
      </c>
      <c r="P458">
        <v>0</v>
      </c>
      <c r="Q458">
        <v>0</v>
      </c>
      <c r="R458">
        <v>1125.396</v>
      </c>
      <c r="S458">
        <v>0</v>
      </c>
      <c r="T458">
        <v>1079.5530000000001</v>
      </c>
      <c r="U458">
        <v>1057.952</v>
      </c>
      <c r="V458">
        <v>1039.432</v>
      </c>
      <c r="W458">
        <v>1022.1609999999999</v>
      </c>
      <c r="X458">
        <v>983.00800000000004</v>
      </c>
      <c r="Y458">
        <v>952.23900000000003</v>
      </c>
    </row>
    <row r="459" spans="1:25" x14ac:dyDescent="0.3">
      <c r="A459">
        <v>12.233333339278277</v>
      </c>
      <c r="B459">
        <v>1045.847</v>
      </c>
      <c r="C459">
        <v>1032.751</v>
      </c>
      <c r="D459">
        <v>1079.2570000000001</v>
      </c>
      <c r="E459">
        <v>1044.201</v>
      </c>
      <c r="F459">
        <v>981.74099999999999</v>
      </c>
      <c r="G459">
        <v>973.88800000000003</v>
      </c>
      <c r="H459">
        <v>968.87800000000004</v>
      </c>
      <c r="I459">
        <v>973.18100000000004</v>
      </c>
      <c r="J459">
        <v>990.79</v>
      </c>
      <c r="K459">
        <v>1009.741</v>
      </c>
      <c r="L459">
        <v>1012.847</v>
      </c>
      <c r="M459">
        <v>994.37599999999998</v>
      </c>
      <c r="N459">
        <v>1117.0160000000001</v>
      </c>
      <c r="O459">
        <v>1149.3599999999999</v>
      </c>
      <c r="P459">
        <v>0</v>
      </c>
      <c r="Q459">
        <v>0</v>
      </c>
      <c r="R459">
        <v>1119.3969999999999</v>
      </c>
      <c r="S459">
        <v>0</v>
      </c>
      <c r="T459">
        <v>1077.43</v>
      </c>
      <c r="U459">
        <v>1058.6959999999999</v>
      </c>
      <c r="V459">
        <v>1041.539</v>
      </c>
      <c r="W459">
        <v>1026.069</v>
      </c>
      <c r="X459">
        <v>987.404</v>
      </c>
      <c r="Y459">
        <v>955.05</v>
      </c>
    </row>
    <row r="460" spans="1:25" x14ac:dyDescent="0.3">
      <c r="A460">
        <v>12.266666669926297</v>
      </c>
      <c r="B460">
        <v>1013.104</v>
      </c>
      <c r="C460">
        <v>1029.4369999999999</v>
      </c>
      <c r="D460">
        <v>1078.1199999999999</v>
      </c>
      <c r="E460">
        <v>1060.5899999999999</v>
      </c>
      <c r="F460">
        <v>1004.424</v>
      </c>
      <c r="G460">
        <v>993.59400000000005</v>
      </c>
      <c r="H460">
        <v>983.62699999999995</v>
      </c>
      <c r="I460">
        <v>987.31399999999996</v>
      </c>
      <c r="J460">
        <v>1003.547</v>
      </c>
      <c r="K460">
        <v>1017.212</v>
      </c>
      <c r="L460">
        <v>1016.3680000000001</v>
      </c>
      <c r="M460">
        <v>995.12300000000005</v>
      </c>
      <c r="N460">
        <v>1124.45</v>
      </c>
      <c r="O460">
        <v>1152.69</v>
      </c>
      <c r="P460">
        <v>0</v>
      </c>
      <c r="Q460">
        <v>0</v>
      </c>
      <c r="R460">
        <v>1123.577</v>
      </c>
      <c r="S460">
        <v>0</v>
      </c>
      <c r="T460">
        <v>1081.1400000000001</v>
      </c>
      <c r="U460">
        <v>1063.5409999999999</v>
      </c>
      <c r="V460">
        <v>1045.5329999999999</v>
      </c>
      <c r="W460">
        <v>1030.9469999999999</v>
      </c>
      <c r="X460">
        <v>991.86400000000003</v>
      </c>
      <c r="Y460">
        <v>957.55399999999997</v>
      </c>
    </row>
    <row r="461" spans="1:25" x14ac:dyDescent="0.3">
      <c r="A461">
        <v>12.283333330011617</v>
      </c>
      <c r="B461">
        <v>1030.7080000000001</v>
      </c>
      <c r="C461">
        <v>1036.5070000000001</v>
      </c>
      <c r="D461">
        <v>1057.6389999999999</v>
      </c>
      <c r="E461">
        <v>1032.383</v>
      </c>
      <c r="F461">
        <v>993.55700000000002</v>
      </c>
      <c r="G461">
        <v>991.08199999999999</v>
      </c>
      <c r="H461">
        <v>984.95100000000002</v>
      </c>
      <c r="I461">
        <v>994.24900000000002</v>
      </c>
      <c r="J461">
        <v>1011.586</v>
      </c>
      <c r="K461">
        <v>1020.7329999999999</v>
      </c>
      <c r="L461">
        <v>1017.432</v>
      </c>
      <c r="M461">
        <v>993.79399999999998</v>
      </c>
      <c r="N461">
        <v>1131.075</v>
      </c>
      <c r="O461">
        <v>1156.7360000000001</v>
      </c>
      <c r="P461">
        <v>0</v>
      </c>
      <c r="Q461">
        <v>0</v>
      </c>
      <c r="R461">
        <v>1124.981</v>
      </c>
      <c r="S461">
        <v>0</v>
      </c>
      <c r="T461">
        <v>1084.6980000000001</v>
      </c>
      <c r="U461">
        <v>1067.1600000000001</v>
      </c>
      <c r="V461">
        <v>1049.711</v>
      </c>
      <c r="W461">
        <v>1035.4760000000001</v>
      </c>
      <c r="X461">
        <v>996.94299999999998</v>
      </c>
      <c r="Y461">
        <v>962.26400000000001</v>
      </c>
    </row>
    <row r="462" spans="1:25" x14ac:dyDescent="0.3">
      <c r="A462">
        <v>12.316666671137016</v>
      </c>
      <c r="B462">
        <v>1039.5450000000001</v>
      </c>
      <c r="C462">
        <v>1055.7460000000001</v>
      </c>
      <c r="D462">
        <v>1047.788</v>
      </c>
      <c r="E462">
        <v>1008.2430000000001</v>
      </c>
      <c r="F462">
        <v>973.54399999999998</v>
      </c>
      <c r="G462">
        <v>975.702</v>
      </c>
      <c r="H462">
        <v>973.99699999999996</v>
      </c>
      <c r="I462">
        <v>981.904</v>
      </c>
      <c r="J462">
        <v>999.63800000000003</v>
      </c>
      <c r="K462">
        <v>1013.159</v>
      </c>
      <c r="L462">
        <v>1012.299</v>
      </c>
      <c r="M462">
        <v>990.572</v>
      </c>
      <c r="N462">
        <v>1130.4290000000001</v>
      </c>
      <c r="O462">
        <v>1153.4960000000001</v>
      </c>
      <c r="P462">
        <v>0</v>
      </c>
      <c r="Q462">
        <v>0</v>
      </c>
      <c r="R462">
        <v>1127.5250000000001</v>
      </c>
      <c r="S462">
        <v>0</v>
      </c>
      <c r="T462">
        <v>1082.694</v>
      </c>
      <c r="U462">
        <v>1064.8399999999999</v>
      </c>
      <c r="V462">
        <v>1047.4179999999999</v>
      </c>
      <c r="W462">
        <v>1033.1010000000001</v>
      </c>
      <c r="X462">
        <v>996.59699999999998</v>
      </c>
      <c r="Y462">
        <v>963.51099999999997</v>
      </c>
    </row>
    <row r="463" spans="1:25" x14ac:dyDescent="0.3">
      <c r="A463">
        <v>12.350000001785036</v>
      </c>
      <c r="B463">
        <v>1063.521</v>
      </c>
      <c r="C463">
        <v>1071.3710000000001</v>
      </c>
      <c r="D463">
        <v>1055.7260000000001</v>
      </c>
      <c r="E463">
        <v>1012.81</v>
      </c>
      <c r="F463">
        <v>969.14800000000002</v>
      </c>
      <c r="G463">
        <v>970.81100000000004</v>
      </c>
      <c r="H463">
        <v>969.654</v>
      </c>
      <c r="I463">
        <v>975.97299999999996</v>
      </c>
      <c r="J463">
        <v>992.3</v>
      </c>
      <c r="K463">
        <v>1008.352</v>
      </c>
      <c r="L463">
        <v>1009.521</v>
      </c>
      <c r="M463">
        <v>990.77099999999996</v>
      </c>
      <c r="N463">
        <v>1131.8520000000001</v>
      </c>
      <c r="O463">
        <v>1147.1279999999999</v>
      </c>
      <c r="P463">
        <v>0</v>
      </c>
      <c r="Q463">
        <v>0</v>
      </c>
      <c r="R463">
        <v>1130.6179999999999</v>
      </c>
      <c r="S463">
        <v>0</v>
      </c>
      <c r="T463">
        <v>1091.7729999999999</v>
      </c>
      <c r="U463">
        <v>1071.819</v>
      </c>
      <c r="V463">
        <v>1053.1300000000001</v>
      </c>
      <c r="W463">
        <v>1038.0709999999999</v>
      </c>
      <c r="X463">
        <v>998.59799999999996</v>
      </c>
      <c r="Y463">
        <v>964.82899999999995</v>
      </c>
    </row>
    <row r="464" spans="1:25" x14ac:dyDescent="0.3">
      <c r="A464">
        <v>12.366666672347735</v>
      </c>
      <c r="B464">
        <v>1066.4190000000001</v>
      </c>
      <c r="C464">
        <v>1067.106</v>
      </c>
      <c r="D464">
        <v>1045.2940000000001</v>
      </c>
      <c r="E464">
        <v>1005.139</v>
      </c>
      <c r="F464">
        <v>966.76499999999999</v>
      </c>
      <c r="G464">
        <v>970.88599999999997</v>
      </c>
      <c r="H464">
        <v>971.01199999999994</v>
      </c>
      <c r="I464">
        <v>976.95500000000004</v>
      </c>
      <c r="J464">
        <v>996.98099999999999</v>
      </c>
      <c r="K464">
        <v>1015.122</v>
      </c>
      <c r="L464">
        <v>1014.224</v>
      </c>
      <c r="M464">
        <v>993.83199999999999</v>
      </c>
      <c r="N464">
        <v>1140.2049999999999</v>
      </c>
      <c r="O464">
        <v>1158.1949999999999</v>
      </c>
      <c r="P464">
        <v>0</v>
      </c>
      <c r="Q464">
        <v>0</v>
      </c>
      <c r="R464">
        <v>1128.115</v>
      </c>
      <c r="S464">
        <v>0</v>
      </c>
      <c r="T464">
        <v>1084.306</v>
      </c>
      <c r="U464">
        <v>1065.9549999999999</v>
      </c>
      <c r="V464">
        <v>1047.9190000000001</v>
      </c>
      <c r="W464">
        <v>1033.048</v>
      </c>
      <c r="X464">
        <v>997.09</v>
      </c>
      <c r="Y464">
        <v>964.30799999999999</v>
      </c>
    </row>
    <row r="465" spans="1:25" x14ac:dyDescent="0.3">
      <c r="A465">
        <v>12.400000002995755</v>
      </c>
      <c r="B465">
        <v>1078.5530000000001</v>
      </c>
      <c r="C465">
        <v>1061.596</v>
      </c>
      <c r="D465">
        <v>1052.0429999999999</v>
      </c>
      <c r="E465">
        <v>1008.155</v>
      </c>
      <c r="F465">
        <v>964.36400000000003</v>
      </c>
      <c r="G465">
        <v>966.74900000000002</v>
      </c>
      <c r="H465">
        <v>966.60500000000002</v>
      </c>
      <c r="I465">
        <v>970.41800000000001</v>
      </c>
      <c r="J465">
        <v>989.57399999999996</v>
      </c>
      <c r="K465">
        <v>1009.361</v>
      </c>
      <c r="L465">
        <v>1011.078</v>
      </c>
      <c r="M465">
        <v>992.37800000000004</v>
      </c>
      <c r="N465">
        <v>1151.3130000000001</v>
      </c>
      <c r="O465">
        <v>1155.877</v>
      </c>
      <c r="P465">
        <v>0</v>
      </c>
      <c r="Q465">
        <v>0</v>
      </c>
      <c r="R465">
        <v>1127.1110000000001</v>
      </c>
      <c r="S465">
        <v>0</v>
      </c>
      <c r="T465">
        <v>1081.537</v>
      </c>
      <c r="U465">
        <v>1063.693</v>
      </c>
      <c r="V465">
        <v>1045.3889999999999</v>
      </c>
      <c r="W465">
        <v>1030.675</v>
      </c>
      <c r="X465">
        <v>996.2</v>
      </c>
      <c r="Y465">
        <v>963.93</v>
      </c>
    </row>
    <row r="466" spans="1:25" x14ac:dyDescent="0.3">
      <c r="A466">
        <v>12.416666663081076</v>
      </c>
      <c r="B466">
        <v>1056.1579999999999</v>
      </c>
      <c r="C466">
        <v>1055.0070000000001</v>
      </c>
      <c r="D466">
        <v>1059.0899999999999</v>
      </c>
      <c r="E466">
        <v>1019.563</v>
      </c>
      <c r="F466">
        <v>974.81700000000001</v>
      </c>
      <c r="G466">
        <v>972.22500000000002</v>
      </c>
      <c r="H466">
        <v>968.44799999999998</v>
      </c>
      <c r="I466">
        <v>972.71299999999997</v>
      </c>
      <c r="J466">
        <v>991.04899999999998</v>
      </c>
      <c r="K466">
        <v>1010.494</v>
      </c>
      <c r="L466">
        <v>1012.522</v>
      </c>
      <c r="M466">
        <v>993.01499999999999</v>
      </c>
      <c r="N466">
        <v>1157.8130000000001</v>
      </c>
      <c r="O466">
        <v>1162.875</v>
      </c>
      <c r="P466">
        <v>0</v>
      </c>
      <c r="Q466">
        <v>0</v>
      </c>
      <c r="R466">
        <v>1122.0650000000001</v>
      </c>
      <c r="S466">
        <v>0</v>
      </c>
      <c r="T466">
        <v>1076.1289999999999</v>
      </c>
      <c r="U466">
        <v>1059.8330000000001</v>
      </c>
      <c r="V466">
        <v>1041.7650000000001</v>
      </c>
      <c r="W466">
        <v>1027.3240000000001</v>
      </c>
      <c r="X466">
        <v>993.21500000000003</v>
      </c>
      <c r="Y466">
        <v>962.01499999999999</v>
      </c>
    </row>
    <row r="467" spans="1:25" x14ac:dyDescent="0.3">
      <c r="A467">
        <v>12.450000004206474</v>
      </c>
      <c r="B467">
        <v>1042.8009999999999</v>
      </c>
      <c r="C467">
        <v>1043.2629999999999</v>
      </c>
      <c r="D467">
        <v>1058.1990000000001</v>
      </c>
      <c r="E467">
        <v>1026.4949999999999</v>
      </c>
      <c r="F467">
        <v>983.54</v>
      </c>
      <c r="G467">
        <v>978.19</v>
      </c>
      <c r="H467">
        <v>972.64</v>
      </c>
      <c r="I467">
        <v>979.55</v>
      </c>
      <c r="J467">
        <v>998.42100000000005</v>
      </c>
      <c r="K467">
        <v>1010.914</v>
      </c>
      <c r="L467">
        <v>1008.63</v>
      </c>
      <c r="M467">
        <v>987.64499999999998</v>
      </c>
      <c r="N467">
        <v>1157.008</v>
      </c>
      <c r="O467">
        <v>1157.8710000000001</v>
      </c>
      <c r="P467">
        <v>0</v>
      </c>
      <c r="Q467">
        <v>0</v>
      </c>
      <c r="R467">
        <v>1108.915</v>
      </c>
      <c r="S467">
        <v>0</v>
      </c>
      <c r="T467">
        <v>1068.71</v>
      </c>
      <c r="U467">
        <v>1054.71</v>
      </c>
      <c r="V467">
        <v>1037.9649999999999</v>
      </c>
      <c r="W467">
        <v>1024.808</v>
      </c>
      <c r="X467">
        <v>992.12300000000005</v>
      </c>
      <c r="Y467">
        <v>961.83399999999995</v>
      </c>
    </row>
    <row r="468" spans="1:25" x14ac:dyDescent="0.3">
      <c r="A468">
        <v>12.483333334854494</v>
      </c>
      <c r="B468">
        <v>1052.0989999999999</v>
      </c>
      <c r="C468">
        <v>1053.6890000000001</v>
      </c>
      <c r="D468">
        <v>1057.587</v>
      </c>
      <c r="E468">
        <v>1029.662</v>
      </c>
      <c r="F468">
        <v>982.08900000000006</v>
      </c>
      <c r="G468">
        <v>981.16399999999999</v>
      </c>
      <c r="H468">
        <v>978.19</v>
      </c>
      <c r="I468">
        <v>984.91899999999998</v>
      </c>
      <c r="J468">
        <v>1005.908</v>
      </c>
      <c r="K468">
        <v>1017.912</v>
      </c>
      <c r="L468">
        <v>1014.996</v>
      </c>
      <c r="M468">
        <v>992.30499999999995</v>
      </c>
      <c r="N468">
        <v>1159.788</v>
      </c>
      <c r="O468">
        <v>1158.81</v>
      </c>
      <c r="P468">
        <v>0</v>
      </c>
      <c r="Q468">
        <v>0</v>
      </c>
      <c r="R468">
        <v>1113.5820000000001</v>
      </c>
      <c r="S468">
        <v>0</v>
      </c>
      <c r="T468">
        <v>1073.538</v>
      </c>
      <c r="U468">
        <v>1057.5309999999999</v>
      </c>
      <c r="V468">
        <v>1040.212</v>
      </c>
      <c r="W468">
        <v>1027.5809999999999</v>
      </c>
      <c r="X468">
        <v>994.08900000000006</v>
      </c>
      <c r="Y468">
        <v>964.92399999999998</v>
      </c>
    </row>
    <row r="469" spans="1:25" x14ac:dyDescent="0.3">
      <c r="A469">
        <v>12.500000005417194</v>
      </c>
      <c r="B469">
        <v>1059.8330000000001</v>
      </c>
      <c r="C469">
        <v>1045.037</v>
      </c>
      <c r="D469">
        <v>1069.1210000000001</v>
      </c>
      <c r="E469">
        <v>1038.3340000000001</v>
      </c>
      <c r="F469">
        <v>981.43600000000004</v>
      </c>
      <c r="G469">
        <v>977.428</v>
      </c>
      <c r="H469">
        <v>973.83699999999999</v>
      </c>
      <c r="I469">
        <v>978.40800000000002</v>
      </c>
      <c r="J469">
        <v>998.93</v>
      </c>
      <c r="K469">
        <v>1014.593</v>
      </c>
      <c r="L469">
        <v>1014.189</v>
      </c>
      <c r="M469">
        <v>993.63400000000001</v>
      </c>
      <c r="N469">
        <v>1148.7729999999999</v>
      </c>
      <c r="O469">
        <v>1165.6980000000001</v>
      </c>
      <c r="P469">
        <v>0</v>
      </c>
      <c r="Q469">
        <v>0</v>
      </c>
      <c r="R469">
        <v>1121.5730000000001</v>
      </c>
      <c r="S469">
        <v>0</v>
      </c>
      <c r="T469">
        <v>1080.1559999999999</v>
      </c>
      <c r="U469">
        <v>1061.317</v>
      </c>
      <c r="V469">
        <v>1042.56</v>
      </c>
      <c r="W469">
        <v>1028.2809999999999</v>
      </c>
      <c r="X469">
        <v>993.37900000000002</v>
      </c>
      <c r="Y469">
        <v>963.76800000000003</v>
      </c>
    </row>
    <row r="470" spans="1:25" x14ac:dyDescent="0.3">
      <c r="A470">
        <v>12.533333336065214</v>
      </c>
      <c r="B470">
        <v>1068.173</v>
      </c>
      <c r="C470">
        <v>1043.8209999999999</v>
      </c>
      <c r="D470">
        <v>1065.924</v>
      </c>
      <c r="E470">
        <v>1032.722</v>
      </c>
      <c r="F470">
        <v>980.35199999999998</v>
      </c>
      <c r="G470">
        <v>977.08699999999999</v>
      </c>
      <c r="H470">
        <v>972.89800000000002</v>
      </c>
      <c r="I470">
        <v>976.19899999999996</v>
      </c>
      <c r="J470">
        <v>994.51099999999997</v>
      </c>
      <c r="K470">
        <v>1012.836</v>
      </c>
      <c r="L470">
        <v>1015.5309999999999</v>
      </c>
      <c r="M470">
        <v>995.82100000000003</v>
      </c>
      <c r="N470">
        <v>1159.1400000000001</v>
      </c>
      <c r="O470">
        <v>1170.077</v>
      </c>
      <c r="P470">
        <v>0</v>
      </c>
      <c r="Q470">
        <v>0</v>
      </c>
      <c r="R470">
        <v>1117.874</v>
      </c>
      <c r="S470">
        <v>0</v>
      </c>
      <c r="T470">
        <v>1079.9359999999999</v>
      </c>
      <c r="U470">
        <v>1061.8219999999999</v>
      </c>
      <c r="V470">
        <v>1043.211</v>
      </c>
      <c r="W470">
        <v>1028.9110000000001</v>
      </c>
      <c r="X470">
        <v>993.89200000000005</v>
      </c>
      <c r="Y470">
        <v>963.91600000000005</v>
      </c>
    </row>
    <row r="471" spans="1:25" x14ac:dyDescent="0.3">
      <c r="A471">
        <v>12.550000006627913</v>
      </c>
      <c r="B471">
        <v>1071.6020000000001</v>
      </c>
      <c r="C471">
        <v>1049.366</v>
      </c>
      <c r="D471">
        <v>1046.075</v>
      </c>
      <c r="E471">
        <v>1005.417</v>
      </c>
      <c r="F471">
        <v>966.24599999999998</v>
      </c>
      <c r="G471">
        <v>967.72799999999995</v>
      </c>
      <c r="H471">
        <v>966.3</v>
      </c>
      <c r="I471">
        <v>970.43799999999999</v>
      </c>
      <c r="J471">
        <v>989.95899999999995</v>
      </c>
      <c r="K471">
        <v>1008.943</v>
      </c>
      <c r="L471">
        <v>1011.172</v>
      </c>
      <c r="M471">
        <v>992.38</v>
      </c>
      <c r="N471">
        <v>1151.105</v>
      </c>
      <c r="O471">
        <v>1160.443</v>
      </c>
      <c r="P471">
        <v>0</v>
      </c>
      <c r="Q471">
        <v>0</v>
      </c>
      <c r="R471">
        <v>1123.6020000000001</v>
      </c>
      <c r="S471">
        <v>0</v>
      </c>
      <c r="T471">
        <v>1082.1010000000001</v>
      </c>
      <c r="U471">
        <v>1061.5609999999999</v>
      </c>
      <c r="V471">
        <v>1041.5640000000001</v>
      </c>
      <c r="W471">
        <v>1026.3510000000001</v>
      </c>
      <c r="X471">
        <v>991.32399999999996</v>
      </c>
      <c r="Y471">
        <v>962.36099999999999</v>
      </c>
    </row>
    <row r="472" spans="1:25" x14ac:dyDescent="0.3">
      <c r="A472">
        <v>12.583333337275933</v>
      </c>
      <c r="B472">
        <v>1073.2619999999999</v>
      </c>
      <c r="C472">
        <v>1060.2070000000001</v>
      </c>
      <c r="D472">
        <v>1059.9839999999999</v>
      </c>
      <c r="E472">
        <v>1010.807</v>
      </c>
      <c r="F472">
        <v>965.23400000000004</v>
      </c>
      <c r="G472">
        <v>965.75800000000004</v>
      </c>
      <c r="H472">
        <v>963.87900000000002</v>
      </c>
      <c r="I472">
        <v>967.83699999999999</v>
      </c>
      <c r="J472">
        <v>983.09</v>
      </c>
      <c r="K472">
        <v>1002.403</v>
      </c>
      <c r="L472">
        <v>1006.422</v>
      </c>
      <c r="M472">
        <v>989.01300000000003</v>
      </c>
      <c r="N472">
        <v>1150.5509999999999</v>
      </c>
      <c r="O472">
        <v>1156.915</v>
      </c>
      <c r="P472">
        <v>0</v>
      </c>
      <c r="Q472">
        <v>0</v>
      </c>
      <c r="R472">
        <v>1120.0840000000001</v>
      </c>
      <c r="S472">
        <v>0</v>
      </c>
      <c r="T472">
        <v>1079.7860000000001</v>
      </c>
      <c r="U472">
        <v>1059.6500000000001</v>
      </c>
      <c r="V472">
        <v>1039</v>
      </c>
      <c r="W472">
        <v>1022.903</v>
      </c>
      <c r="X472">
        <v>987.44799999999998</v>
      </c>
      <c r="Y472">
        <v>957.72199999999998</v>
      </c>
    </row>
    <row r="473" spans="1:25" x14ac:dyDescent="0.3">
      <c r="A473">
        <v>12.616666667923953</v>
      </c>
      <c r="B473">
        <v>1090.6949999999999</v>
      </c>
      <c r="C473">
        <v>1060.2249999999999</v>
      </c>
      <c r="D473">
        <v>1067.1859999999999</v>
      </c>
      <c r="E473">
        <v>1017.475</v>
      </c>
      <c r="F473">
        <v>982.02</v>
      </c>
      <c r="G473">
        <v>972.31799999999998</v>
      </c>
      <c r="H473">
        <v>966.40899999999999</v>
      </c>
      <c r="I473">
        <v>969.58900000000006</v>
      </c>
      <c r="J473">
        <v>985.52</v>
      </c>
      <c r="K473">
        <v>1003.755</v>
      </c>
      <c r="L473">
        <v>1006.532</v>
      </c>
      <c r="M473">
        <v>988.79499999999996</v>
      </c>
      <c r="N473">
        <v>1162.6869999999999</v>
      </c>
      <c r="O473">
        <v>1167.8409999999999</v>
      </c>
      <c r="P473">
        <v>0</v>
      </c>
      <c r="Q473">
        <v>0</v>
      </c>
      <c r="R473">
        <v>1120.2349999999999</v>
      </c>
      <c r="S473">
        <v>0</v>
      </c>
      <c r="T473">
        <v>1079.0219999999999</v>
      </c>
      <c r="U473">
        <v>1059.873</v>
      </c>
      <c r="V473">
        <v>1040.0119999999999</v>
      </c>
      <c r="W473">
        <v>1024.3889999999999</v>
      </c>
      <c r="X473">
        <v>988.88599999999997</v>
      </c>
      <c r="Y473">
        <v>959.39700000000005</v>
      </c>
    </row>
    <row r="474" spans="1:25" x14ac:dyDescent="0.3">
      <c r="A474">
        <v>12.633333338486652</v>
      </c>
      <c r="B474">
        <v>1089.1610000000001</v>
      </c>
      <c r="C474">
        <v>1067.4090000000001</v>
      </c>
      <c r="D474">
        <v>1075.3869999999999</v>
      </c>
      <c r="E474">
        <v>1024.4259999999999</v>
      </c>
      <c r="F474">
        <v>981.85699999999997</v>
      </c>
      <c r="G474">
        <v>979.53599999999994</v>
      </c>
      <c r="H474">
        <v>975.49099999999999</v>
      </c>
      <c r="I474">
        <v>979.93499999999995</v>
      </c>
      <c r="J474">
        <v>1000.047</v>
      </c>
      <c r="K474">
        <v>1016.925</v>
      </c>
      <c r="L474">
        <v>1016.6130000000001</v>
      </c>
      <c r="M474">
        <v>994.36500000000001</v>
      </c>
      <c r="N474">
        <v>1169.711</v>
      </c>
      <c r="O474">
        <v>1168.3040000000001</v>
      </c>
      <c r="P474">
        <v>0</v>
      </c>
      <c r="Q474">
        <v>0</v>
      </c>
      <c r="R474">
        <v>1115.758</v>
      </c>
      <c r="S474">
        <v>0</v>
      </c>
      <c r="T474">
        <v>1077.028</v>
      </c>
      <c r="U474">
        <v>1059.9100000000001</v>
      </c>
      <c r="V474">
        <v>1040.3820000000001</v>
      </c>
      <c r="W474">
        <v>1025.05</v>
      </c>
      <c r="X474">
        <v>990.79700000000003</v>
      </c>
      <c r="Y474">
        <v>961.58500000000004</v>
      </c>
    </row>
    <row r="475" spans="1:25" x14ac:dyDescent="0.3">
      <c r="A475">
        <v>12.666666669134672</v>
      </c>
      <c r="B475">
        <v>1061.973</v>
      </c>
      <c r="C475">
        <v>1057.5550000000001</v>
      </c>
      <c r="D475">
        <v>1084.3889999999999</v>
      </c>
      <c r="E475">
        <v>1025.51</v>
      </c>
      <c r="F475">
        <v>978.93899999999996</v>
      </c>
      <c r="G475">
        <v>977.28899999999999</v>
      </c>
      <c r="H475">
        <v>973.20799999999997</v>
      </c>
      <c r="I475">
        <v>975.58399999999995</v>
      </c>
      <c r="J475">
        <v>996.36900000000003</v>
      </c>
      <c r="K475">
        <v>1014.506</v>
      </c>
      <c r="L475">
        <v>1014.396</v>
      </c>
      <c r="M475">
        <v>992.92899999999997</v>
      </c>
      <c r="N475">
        <v>1170.0409999999999</v>
      </c>
      <c r="O475">
        <v>1167.4190000000001</v>
      </c>
      <c r="P475">
        <v>0</v>
      </c>
      <c r="Q475">
        <v>0</v>
      </c>
      <c r="R475">
        <v>1117.876</v>
      </c>
      <c r="S475">
        <v>0</v>
      </c>
      <c r="T475">
        <v>1077.44</v>
      </c>
      <c r="U475">
        <v>1059.671</v>
      </c>
      <c r="V475">
        <v>1040.5139999999999</v>
      </c>
      <c r="W475">
        <v>1025.749</v>
      </c>
      <c r="X475">
        <v>991.58199999999999</v>
      </c>
      <c r="Y475">
        <v>961.47799999999995</v>
      </c>
    </row>
    <row r="476" spans="1:25" x14ac:dyDescent="0.3">
      <c r="A476">
        <v>12.699999999782692</v>
      </c>
      <c r="B476">
        <v>1054.9949999999999</v>
      </c>
      <c r="C476">
        <v>1056.9069999999999</v>
      </c>
      <c r="D476">
        <v>1079.1559999999999</v>
      </c>
      <c r="E476">
        <v>1042.4190000000001</v>
      </c>
      <c r="F476">
        <v>1009.294</v>
      </c>
      <c r="G476">
        <v>999.702</v>
      </c>
      <c r="H476">
        <v>986.32299999999998</v>
      </c>
      <c r="I476">
        <v>988.54300000000001</v>
      </c>
      <c r="J476">
        <v>1009.879</v>
      </c>
      <c r="K476">
        <v>1019.441</v>
      </c>
      <c r="L476">
        <v>1016.433</v>
      </c>
      <c r="M476">
        <v>993.53099999999995</v>
      </c>
      <c r="N476">
        <v>1152.931</v>
      </c>
      <c r="O476">
        <v>1159.335</v>
      </c>
      <c r="P476">
        <v>0</v>
      </c>
      <c r="Q476">
        <v>0</v>
      </c>
      <c r="R476">
        <v>1115.856</v>
      </c>
      <c r="S476">
        <v>0</v>
      </c>
      <c r="T476">
        <v>1078.4659999999999</v>
      </c>
      <c r="U476">
        <v>1062.252</v>
      </c>
      <c r="V476">
        <v>1043.6020000000001</v>
      </c>
      <c r="W476">
        <v>1028.895</v>
      </c>
      <c r="X476">
        <v>994.60500000000002</v>
      </c>
      <c r="Y476">
        <v>964.04499999999996</v>
      </c>
    </row>
    <row r="477" spans="1:25" x14ac:dyDescent="0.3">
      <c r="A477">
        <v>12.716666670345392</v>
      </c>
      <c r="B477">
        <v>1060.434</v>
      </c>
      <c r="C477">
        <v>1065.6310000000001</v>
      </c>
      <c r="D477">
        <v>1075.5409999999999</v>
      </c>
      <c r="E477">
        <v>1037.568</v>
      </c>
      <c r="F477">
        <v>1002.3339999999999</v>
      </c>
      <c r="G477">
        <v>991.60199999999998</v>
      </c>
      <c r="H477">
        <v>981.37099999999998</v>
      </c>
      <c r="I477">
        <v>982.26</v>
      </c>
      <c r="J477">
        <v>1002.7</v>
      </c>
      <c r="K477">
        <v>1014.802</v>
      </c>
      <c r="L477">
        <v>1012.529</v>
      </c>
      <c r="M477">
        <v>990.89200000000005</v>
      </c>
      <c r="N477">
        <v>1157.5909999999999</v>
      </c>
      <c r="O477">
        <v>1157.2650000000001</v>
      </c>
      <c r="P477">
        <v>0</v>
      </c>
      <c r="Q477">
        <v>0</v>
      </c>
      <c r="R477">
        <v>1116.1590000000001</v>
      </c>
      <c r="S477">
        <v>0</v>
      </c>
      <c r="T477">
        <v>1074.981</v>
      </c>
      <c r="U477">
        <v>1059.0229999999999</v>
      </c>
      <c r="V477">
        <v>1040.83</v>
      </c>
      <c r="W477">
        <v>1027.0730000000001</v>
      </c>
      <c r="X477">
        <v>994.20500000000004</v>
      </c>
      <c r="Y477">
        <v>964.15499999999997</v>
      </c>
    </row>
    <row r="478" spans="1:25" x14ac:dyDescent="0.3">
      <c r="A478">
        <v>12.750000000993412</v>
      </c>
      <c r="B478">
        <v>1052.9010000000001</v>
      </c>
      <c r="C478">
        <v>1063.8489999999999</v>
      </c>
      <c r="D478">
        <v>1083.0229999999999</v>
      </c>
      <c r="E478">
        <v>1048.797</v>
      </c>
      <c r="F478">
        <v>1003.759</v>
      </c>
      <c r="G478">
        <v>991.11</v>
      </c>
      <c r="H478">
        <v>982.27800000000002</v>
      </c>
      <c r="I478">
        <v>985.10699999999997</v>
      </c>
      <c r="J478">
        <v>1006.847</v>
      </c>
      <c r="K478">
        <v>1020.908</v>
      </c>
      <c r="L478">
        <v>1017.827</v>
      </c>
      <c r="M478">
        <v>995.18799999999999</v>
      </c>
      <c r="N478">
        <v>1169.04</v>
      </c>
      <c r="O478">
        <v>1166.5920000000001</v>
      </c>
      <c r="P478">
        <v>0</v>
      </c>
      <c r="Q478">
        <v>0</v>
      </c>
      <c r="R478">
        <v>1122.98</v>
      </c>
      <c r="S478">
        <v>0</v>
      </c>
      <c r="T478">
        <v>1079.9949999999999</v>
      </c>
      <c r="U478">
        <v>1063.8119999999999</v>
      </c>
      <c r="V478">
        <v>1045.0260000000001</v>
      </c>
      <c r="W478">
        <v>1031.105</v>
      </c>
      <c r="X478">
        <v>999.42899999999997</v>
      </c>
      <c r="Y478">
        <v>969.50300000000004</v>
      </c>
    </row>
    <row r="479" spans="1:25" x14ac:dyDescent="0.3">
      <c r="A479">
        <v>12.766666671556111</v>
      </c>
      <c r="B479">
        <v>1079.528</v>
      </c>
      <c r="C479">
        <v>1087.048</v>
      </c>
      <c r="D479">
        <v>1102.6590000000001</v>
      </c>
      <c r="E479">
        <v>1062.3810000000001</v>
      </c>
      <c r="F479">
        <v>1010.244</v>
      </c>
      <c r="G479">
        <v>995.44200000000001</v>
      </c>
      <c r="H479">
        <v>985.23299999999995</v>
      </c>
      <c r="I479">
        <v>986.46799999999996</v>
      </c>
      <c r="J479">
        <v>1008.947</v>
      </c>
      <c r="K479">
        <v>1023.053</v>
      </c>
      <c r="L479">
        <v>1018.45</v>
      </c>
      <c r="M479">
        <v>994.73199999999997</v>
      </c>
      <c r="N479">
        <v>1181.173</v>
      </c>
      <c r="O479">
        <v>1166.9570000000001</v>
      </c>
      <c r="P479">
        <v>0</v>
      </c>
      <c r="Q479">
        <v>0</v>
      </c>
      <c r="R479">
        <v>1131.028</v>
      </c>
      <c r="S479">
        <v>0</v>
      </c>
      <c r="T479">
        <v>1086.355</v>
      </c>
      <c r="U479">
        <v>1069.1079999999999</v>
      </c>
      <c r="V479">
        <v>1049.3879999999999</v>
      </c>
      <c r="W479">
        <v>1034.308</v>
      </c>
      <c r="X479">
        <v>1002.0410000000001</v>
      </c>
      <c r="Y479">
        <v>972.17700000000002</v>
      </c>
    </row>
    <row r="480" spans="1:25" x14ac:dyDescent="0.3">
      <c r="A480">
        <v>12.800000002204131</v>
      </c>
      <c r="B480">
        <v>1083.7750000000001</v>
      </c>
      <c r="C480">
        <v>1079.6990000000001</v>
      </c>
      <c r="D480">
        <v>1092.5550000000001</v>
      </c>
      <c r="E480">
        <v>1033.998</v>
      </c>
      <c r="F480">
        <v>988.69200000000001</v>
      </c>
      <c r="G480">
        <v>983.87599999999998</v>
      </c>
      <c r="H480">
        <v>979.95899999999995</v>
      </c>
      <c r="I480">
        <v>982.02599999999995</v>
      </c>
      <c r="J480">
        <v>1003.232</v>
      </c>
      <c r="K480">
        <v>1019.26</v>
      </c>
      <c r="L480">
        <v>1016.73</v>
      </c>
      <c r="M480">
        <v>993.47900000000004</v>
      </c>
      <c r="N480">
        <v>1183.5989999999999</v>
      </c>
      <c r="O480">
        <v>1165.6120000000001</v>
      </c>
      <c r="P480">
        <v>0</v>
      </c>
      <c r="Q480">
        <v>0</v>
      </c>
      <c r="R480">
        <v>1136.0809999999999</v>
      </c>
      <c r="S480">
        <v>0</v>
      </c>
      <c r="T480">
        <v>1092.443</v>
      </c>
      <c r="U480">
        <v>1074.9459999999999</v>
      </c>
      <c r="V480">
        <v>1054.404</v>
      </c>
      <c r="W480">
        <v>1038.896</v>
      </c>
      <c r="X480">
        <v>1005.716</v>
      </c>
      <c r="Y480">
        <v>976.91200000000003</v>
      </c>
    </row>
    <row r="481" spans="1:25" x14ac:dyDescent="0.3">
      <c r="A481">
        <v>12.833333332852151</v>
      </c>
      <c r="B481">
        <v>1104.5229999999999</v>
      </c>
      <c r="C481">
        <v>1086.9010000000001</v>
      </c>
      <c r="D481">
        <v>1088.848</v>
      </c>
      <c r="E481">
        <v>1026.3019999999999</v>
      </c>
      <c r="F481">
        <v>977.14700000000005</v>
      </c>
      <c r="G481">
        <v>976.31299999999999</v>
      </c>
      <c r="H481">
        <v>974.02800000000002</v>
      </c>
      <c r="I481">
        <v>977.98099999999999</v>
      </c>
      <c r="J481">
        <v>1000.308</v>
      </c>
      <c r="K481">
        <v>1020.782</v>
      </c>
      <c r="L481">
        <v>1017.444</v>
      </c>
      <c r="M481">
        <v>994.02499999999998</v>
      </c>
      <c r="N481">
        <v>1173.0899999999999</v>
      </c>
      <c r="O481">
        <v>1155.5409999999999</v>
      </c>
      <c r="P481">
        <v>0</v>
      </c>
      <c r="Q481">
        <v>0</v>
      </c>
      <c r="R481">
        <v>1130.7270000000001</v>
      </c>
      <c r="S481">
        <v>0</v>
      </c>
      <c r="T481">
        <v>1089.4849999999999</v>
      </c>
      <c r="U481">
        <v>1071.8140000000001</v>
      </c>
      <c r="V481">
        <v>1051.8309999999999</v>
      </c>
      <c r="W481">
        <v>1036.373</v>
      </c>
      <c r="X481">
        <v>1003.907</v>
      </c>
      <c r="Y481">
        <v>975.69600000000003</v>
      </c>
    </row>
    <row r="482" spans="1:25" x14ac:dyDescent="0.3">
      <c r="A482">
        <v>12.85000000341485</v>
      </c>
      <c r="B482">
        <v>1101.0039999999999</v>
      </c>
      <c r="C482">
        <v>1096.51</v>
      </c>
      <c r="D482">
        <v>1081.319</v>
      </c>
      <c r="E482">
        <v>1026.8520000000001</v>
      </c>
      <c r="F482">
        <v>979.17600000000004</v>
      </c>
      <c r="G482">
        <v>978.61400000000003</v>
      </c>
      <c r="H482">
        <v>975.09500000000003</v>
      </c>
      <c r="I482">
        <v>979.303</v>
      </c>
      <c r="J482">
        <v>1003.229</v>
      </c>
      <c r="K482">
        <v>1021.5309999999999</v>
      </c>
      <c r="L482">
        <v>1015.81</v>
      </c>
      <c r="M482">
        <v>993.16700000000003</v>
      </c>
      <c r="N482">
        <v>1166.7260000000001</v>
      </c>
      <c r="O482">
        <v>1152.202</v>
      </c>
      <c r="P482">
        <v>0</v>
      </c>
      <c r="Q482">
        <v>0</v>
      </c>
      <c r="R482">
        <v>1123.1510000000001</v>
      </c>
      <c r="S482">
        <v>0</v>
      </c>
      <c r="T482">
        <v>1085.0260000000001</v>
      </c>
      <c r="U482">
        <v>1065.9079999999999</v>
      </c>
      <c r="V482">
        <v>1046.43</v>
      </c>
      <c r="W482">
        <v>1031.9880000000001</v>
      </c>
      <c r="X482">
        <v>1000.269</v>
      </c>
      <c r="Y482">
        <v>972.17700000000002</v>
      </c>
    </row>
    <row r="483" spans="1:25" x14ac:dyDescent="0.3">
      <c r="A483">
        <v>12.88333333406287</v>
      </c>
      <c r="B483">
        <v>1100.2729999999999</v>
      </c>
      <c r="C483">
        <v>1091.5809999999999</v>
      </c>
      <c r="D483">
        <v>1078.6179999999999</v>
      </c>
      <c r="E483">
        <v>1039.4469999999999</v>
      </c>
      <c r="F483">
        <v>985.65300000000002</v>
      </c>
      <c r="G483">
        <v>983.15</v>
      </c>
      <c r="H483">
        <v>978.94299999999998</v>
      </c>
      <c r="I483">
        <v>982.64200000000005</v>
      </c>
      <c r="J483">
        <v>1004.949</v>
      </c>
      <c r="K483">
        <v>1023.8630000000001</v>
      </c>
      <c r="L483">
        <v>1017.224</v>
      </c>
      <c r="M483">
        <v>993.26</v>
      </c>
      <c r="N483">
        <v>1177.9659999999999</v>
      </c>
      <c r="O483">
        <v>1159.913</v>
      </c>
      <c r="P483">
        <v>0</v>
      </c>
      <c r="Q483">
        <v>0</v>
      </c>
      <c r="R483">
        <v>1120.3920000000001</v>
      </c>
      <c r="S483">
        <v>0</v>
      </c>
      <c r="T483">
        <v>1077.704</v>
      </c>
      <c r="U483">
        <v>1060.491</v>
      </c>
      <c r="V483">
        <v>1040.5170000000001</v>
      </c>
      <c r="W483">
        <v>1026.836</v>
      </c>
      <c r="X483">
        <v>996.00900000000001</v>
      </c>
      <c r="Y483">
        <v>968.13199999999995</v>
      </c>
    </row>
    <row r="484" spans="1:25" x14ac:dyDescent="0.3">
      <c r="A484">
        <v>12.90000000462557</v>
      </c>
      <c r="B484">
        <v>1094.1300000000001</v>
      </c>
      <c r="C484">
        <v>1091.509</v>
      </c>
      <c r="D484">
        <v>1084.376</v>
      </c>
      <c r="E484">
        <v>1035.915</v>
      </c>
      <c r="F484">
        <v>980.66800000000001</v>
      </c>
      <c r="G484">
        <v>980.976</v>
      </c>
      <c r="H484">
        <v>977.62099999999998</v>
      </c>
      <c r="I484">
        <v>980.26900000000001</v>
      </c>
      <c r="J484">
        <v>1000.42</v>
      </c>
      <c r="K484">
        <v>1019.097</v>
      </c>
      <c r="L484">
        <v>1013.742</v>
      </c>
      <c r="M484">
        <v>991.22400000000005</v>
      </c>
      <c r="N484">
        <v>1182.4580000000001</v>
      </c>
      <c r="O484">
        <v>1159.6659999999999</v>
      </c>
      <c r="P484">
        <v>0</v>
      </c>
      <c r="Q484">
        <v>0</v>
      </c>
      <c r="R484">
        <v>1127.9960000000001</v>
      </c>
      <c r="S484">
        <v>0</v>
      </c>
      <c r="T484">
        <v>1080.279</v>
      </c>
      <c r="U484">
        <v>1060.865</v>
      </c>
      <c r="V484">
        <v>1039.873</v>
      </c>
      <c r="W484">
        <v>1026.3409999999999</v>
      </c>
      <c r="X484">
        <v>995.13800000000003</v>
      </c>
      <c r="Y484">
        <v>967.24900000000002</v>
      </c>
    </row>
    <row r="485" spans="1:25" x14ac:dyDescent="0.3">
      <c r="A485">
        <v>12.93333333527359</v>
      </c>
      <c r="B485">
        <v>1079.422</v>
      </c>
      <c r="C485">
        <v>1091.2840000000001</v>
      </c>
      <c r="D485">
        <v>1085.443</v>
      </c>
      <c r="E485">
        <v>1056.615</v>
      </c>
      <c r="F485">
        <v>1008.258</v>
      </c>
      <c r="G485">
        <v>999.10599999999999</v>
      </c>
      <c r="H485">
        <v>987.38300000000004</v>
      </c>
      <c r="I485">
        <v>988.56700000000001</v>
      </c>
      <c r="J485">
        <v>1006.942</v>
      </c>
      <c r="K485">
        <v>1021.775</v>
      </c>
      <c r="L485">
        <v>1016.126</v>
      </c>
      <c r="M485">
        <v>993.64499999999998</v>
      </c>
      <c r="N485">
        <v>1174.576</v>
      </c>
      <c r="O485">
        <v>1162.2349999999999</v>
      </c>
      <c r="P485">
        <v>0</v>
      </c>
      <c r="Q485">
        <v>0</v>
      </c>
      <c r="R485">
        <v>1120.6030000000001</v>
      </c>
      <c r="S485">
        <v>0</v>
      </c>
      <c r="T485">
        <v>1081.886</v>
      </c>
      <c r="U485">
        <v>1065.5419999999999</v>
      </c>
      <c r="V485">
        <v>1045.326</v>
      </c>
      <c r="W485">
        <v>1030.8520000000001</v>
      </c>
      <c r="X485">
        <v>999.90800000000002</v>
      </c>
      <c r="Y485">
        <v>968.89300000000003</v>
      </c>
    </row>
    <row r="486" spans="1:25" x14ac:dyDescent="0.3">
      <c r="A486">
        <v>12.966666665921609</v>
      </c>
      <c r="B486">
        <v>1079.98</v>
      </c>
      <c r="C486">
        <v>1073.81</v>
      </c>
      <c r="D486">
        <v>1087.576</v>
      </c>
      <c r="E486">
        <v>1067.4159999999999</v>
      </c>
      <c r="F486">
        <v>1017.427</v>
      </c>
      <c r="G486">
        <v>1006.795</v>
      </c>
      <c r="H486">
        <v>993.15300000000002</v>
      </c>
      <c r="I486">
        <v>997.06600000000003</v>
      </c>
      <c r="J486">
        <v>1016.896</v>
      </c>
      <c r="K486">
        <v>1025.24</v>
      </c>
      <c r="L486">
        <v>1016.419</v>
      </c>
      <c r="M486">
        <v>990.84100000000001</v>
      </c>
      <c r="N486">
        <v>1161.3520000000001</v>
      </c>
      <c r="O486">
        <v>1160.125</v>
      </c>
      <c r="P486">
        <v>0</v>
      </c>
      <c r="Q486">
        <v>0</v>
      </c>
      <c r="R486">
        <v>1123.136</v>
      </c>
      <c r="S486">
        <v>0</v>
      </c>
      <c r="T486">
        <v>1081.174</v>
      </c>
      <c r="U486">
        <v>1063.8520000000001</v>
      </c>
      <c r="V486">
        <v>1044.9369999999999</v>
      </c>
      <c r="W486">
        <v>1032.489</v>
      </c>
      <c r="X486">
        <v>1000.657</v>
      </c>
      <c r="Y486">
        <v>969.70500000000004</v>
      </c>
    </row>
    <row r="487" spans="1:25" x14ac:dyDescent="0.3">
      <c r="A487">
        <v>12.983333336484309</v>
      </c>
      <c r="B487">
        <v>1058.0429999999999</v>
      </c>
      <c r="C487">
        <v>1055.1289999999999</v>
      </c>
      <c r="D487">
        <v>1078.0609999999999</v>
      </c>
      <c r="E487">
        <v>1054.2940000000001</v>
      </c>
      <c r="F487">
        <v>998.923</v>
      </c>
      <c r="G487">
        <v>993.49900000000002</v>
      </c>
      <c r="H487">
        <v>985.05600000000004</v>
      </c>
      <c r="I487">
        <v>988.22</v>
      </c>
      <c r="J487">
        <v>1009.482</v>
      </c>
      <c r="K487">
        <v>1020.674</v>
      </c>
      <c r="L487">
        <v>1014.329</v>
      </c>
      <c r="M487">
        <v>989.84</v>
      </c>
      <c r="N487">
        <v>1160.893</v>
      </c>
      <c r="O487">
        <v>1154.029</v>
      </c>
      <c r="P487">
        <v>0</v>
      </c>
      <c r="Q487">
        <v>0</v>
      </c>
      <c r="R487">
        <v>1120.848</v>
      </c>
      <c r="S487">
        <v>0</v>
      </c>
      <c r="T487">
        <v>1082.335</v>
      </c>
      <c r="U487">
        <v>1064.595</v>
      </c>
      <c r="V487">
        <v>1045.492</v>
      </c>
      <c r="W487">
        <v>1032.674</v>
      </c>
      <c r="X487">
        <v>999.45100000000002</v>
      </c>
      <c r="Y487">
        <v>969.16399999999999</v>
      </c>
    </row>
    <row r="488" spans="1:25" x14ac:dyDescent="0.3">
      <c r="A488">
        <v>13.016666667132329</v>
      </c>
      <c r="B488">
        <v>1049.0809999999999</v>
      </c>
      <c r="C488">
        <v>1060.441</v>
      </c>
      <c r="D488">
        <v>1079.1079999999999</v>
      </c>
      <c r="E488">
        <v>1062.204</v>
      </c>
      <c r="F488">
        <v>1005.1</v>
      </c>
      <c r="G488">
        <v>994.46699999999998</v>
      </c>
      <c r="H488">
        <v>986.05700000000002</v>
      </c>
      <c r="I488">
        <v>989.93399999999997</v>
      </c>
      <c r="J488">
        <v>1011.147</v>
      </c>
      <c r="K488">
        <v>1025.519</v>
      </c>
      <c r="L488">
        <v>1017.926</v>
      </c>
      <c r="M488">
        <v>994.08399999999995</v>
      </c>
      <c r="N488">
        <v>1144.3810000000001</v>
      </c>
      <c r="O488">
        <v>1147.739</v>
      </c>
      <c r="P488">
        <v>0</v>
      </c>
      <c r="Q488">
        <v>0</v>
      </c>
      <c r="R488">
        <v>1118.471</v>
      </c>
      <c r="S488">
        <v>0</v>
      </c>
      <c r="T488">
        <v>1078.231</v>
      </c>
      <c r="U488">
        <v>1063.2059999999999</v>
      </c>
      <c r="V488">
        <v>1046.1790000000001</v>
      </c>
      <c r="W488">
        <v>1034.3889999999999</v>
      </c>
      <c r="X488">
        <v>1002.158</v>
      </c>
      <c r="Y488">
        <v>971.93200000000002</v>
      </c>
    </row>
    <row r="489" spans="1:25" x14ac:dyDescent="0.3">
      <c r="A489">
        <v>13.033333337695028</v>
      </c>
      <c r="B489">
        <v>1065.433</v>
      </c>
      <c r="C489">
        <v>1063.002</v>
      </c>
      <c r="D489">
        <v>1083.779</v>
      </c>
      <c r="E489">
        <v>1067.4190000000001</v>
      </c>
      <c r="F489">
        <v>1009.027</v>
      </c>
      <c r="G489">
        <v>1000.13</v>
      </c>
      <c r="H489">
        <v>992.53700000000003</v>
      </c>
      <c r="I489">
        <v>997.05100000000004</v>
      </c>
      <c r="J489">
        <v>1017.522</v>
      </c>
      <c r="K489">
        <v>1028.7</v>
      </c>
      <c r="L489">
        <v>1021.373</v>
      </c>
      <c r="M489">
        <v>996.01300000000003</v>
      </c>
      <c r="N489">
        <v>1157.713</v>
      </c>
      <c r="O489">
        <v>1150.046</v>
      </c>
      <c r="P489">
        <v>0</v>
      </c>
      <c r="Q489">
        <v>0</v>
      </c>
      <c r="R489">
        <v>1122.759</v>
      </c>
      <c r="S489">
        <v>0</v>
      </c>
      <c r="T489">
        <v>1082.3</v>
      </c>
      <c r="U489">
        <v>1067.1590000000001</v>
      </c>
      <c r="V489">
        <v>1049.9870000000001</v>
      </c>
      <c r="W489">
        <v>1037.942</v>
      </c>
      <c r="X489">
        <v>1005.465</v>
      </c>
      <c r="Y489">
        <v>975.42899999999997</v>
      </c>
    </row>
    <row r="490" spans="1:25" x14ac:dyDescent="0.3">
      <c r="A490">
        <v>13.066666668343048</v>
      </c>
      <c r="B490">
        <v>1075.097</v>
      </c>
      <c r="C490">
        <v>1073.046</v>
      </c>
      <c r="D490">
        <v>1083.1210000000001</v>
      </c>
      <c r="E490">
        <v>1042.146</v>
      </c>
      <c r="F490">
        <v>991.16899999999998</v>
      </c>
      <c r="G490">
        <v>989.60400000000004</v>
      </c>
      <c r="H490">
        <v>986.2</v>
      </c>
      <c r="I490">
        <v>991.36900000000003</v>
      </c>
      <c r="J490">
        <v>1011.436</v>
      </c>
      <c r="K490">
        <v>1023.975</v>
      </c>
      <c r="L490">
        <v>1017.813</v>
      </c>
      <c r="M490">
        <v>993.37099999999998</v>
      </c>
      <c r="N490">
        <v>1162.5029999999999</v>
      </c>
      <c r="O490">
        <v>1148.7280000000001</v>
      </c>
      <c r="P490">
        <v>0</v>
      </c>
      <c r="Q490">
        <v>0</v>
      </c>
      <c r="R490">
        <v>1117.183</v>
      </c>
      <c r="S490">
        <v>0</v>
      </c>
      <c r="T490">
        <v>1077.7439999999999</v>
      </c>
      <c r="U490">
        <v>1062.5350000000001</v>
      </c>
      <c r="V490">
        <v>1045.6400000000001</v>
      </c>
      <c r="W490">
        <v>1033.5029999999999</v>
      </c>
      <c r="X490">
        <v>1000.456</v>
      </c>
      <c r="Y490">
        <v>970.82600000000002</v>
      </c>
    </row>
    <row r="491" spans="1:25" x14ac:dyDescent="0.3">
      <c r="A491">
        <v>13.099999998991068</v>
      </c>
      <c r="B491">
        <v>1086.211</v>
      </c>
      <c r="C491">
        <v>1081.7919999999999</v>
      </c>
      <c r="D491">
        <v>1084.5630000000001</v>
      </c>
      <c r="E491">
        <v>1044.42</v>
      </c>
      <c r="F491">
        <v>986.54600000000005</v>
      </c>
      <c r="G491">
        <v>986.47299999999996</v>
      </c>
      <c r="H491">
        <v>983.64200000000005</v>
      </c>
      <c r="I491">
        <v>988.76700000000005</v>
      </c>
      <c r="J491">
        <v>1008.824</v>
      </c>
      <c r="K491">
        <v>1024.7280000000001</v>
      </c>
      <c r="L491">
        <v>1019.2619999999999</v>
      </c>
      <c r="M491">
        <v>995.28300000000002</v>
      </c>
      <c r="N491">
        <v>1171.704</v>
      </c>
      <c r="O491">
        <v>1152.1500000000001</v>
      </c>
      <c r="P491">
        <v>0</v>
      </c>
      <c r="Q491">
        <v>0</v>
      </c>
      <c r="R491">
        <v>1118.94</v>
      </c>
      <c r="S491">
        <v>0</v>
      </c>
      <c r="T491">
        <v>1078.415</v>
      </c>
      <c r="U491">
        <v>1061.942</v>
      </c>
      <c r="V491">
        <v>1044.31</v>
      </c>
      <c r="W491">
        <v>1032.8030000000001</v>
      </c>
      <c r="X491">
        <v>998.90599999999995</v>
      </c>
      <c r="Y491">
        <v>969.67</v>
      </c>
    </row>
    <row r="492" spans="1:25" x14ac:dyDescent="0.3">
      <c r="A492">
        <v>13.116666669553767</v>
      </c>
      <c r="B492">
        <v>1081.4590000000001</v>
      </c>
      <c r="C492">
        <v>1085.578</v>
      </c>
      <c r="D492">
        <v>1093.8530000000001</v>
      </c>
      <c r="E492">
        <v>1054.1500000000001</v>
      </c>
      <c r="F492">
        <v>987.44100000000003</v>
      </c>
      <c r="G492">
        <v>987.91499999999996</v>
      </c>
      <c r="H492">
        <v>985.51400000000001</v>
      </c>
      <c r="I492">
        <v>991.57299999999998</v>
      </c>
      <c r="J492">
        <v>1013.471</v>
      </c>
      <c r="K492">
        <v>1027.854</v>
      </c>
      <c r="L492">
        <v>1022.0170000000001</v>
      </c>
      <c r="M492">
        <v>997.85299999999995</v>
      </c>
      <c r="N492">
        <v>1172.633</v>
      </c>
      <c r="O492">
        <v>1151.521</v>
      </c>
      <c r="P492">
        <v>0</v>
      </c>
      <c r="Q492">
        <v>0</v>
      </c>
      <c r="R492">
        <v>1108.366</v>
      </c>
      <c r="S492">
        <v>0</v>
      </c>
      <c r="T492">
        <v>1072.789</v>
      </c>
      <c r="U492">
        <v>1058.326</v>
      </c>
      <c r="V492">
        <v>1041.4290000000001</v>
      </c>
      <c r="W492">
        <v>1031.1679999999999</v>
      </c>
      <c r="X492">
        <v>999.01800000000003</v>
      </c>
      <c r="Y492">
        <v>971.19200000000001</v>
      </c>
    </row>
    <row r="493" spans="1:25" x14ac:dyDescent="0.3">
      <c r="A493">
        <v>13.150000000201787</v>
      </c>
      <c r="B493">
        <v>1061.0889999999999</v>
      </c>
      <c r="C493">
        <v>1068.9849999999999</v>
      </c>
      <c r="D493">
        <v>1067.307</v>
      </c>
      <c r="E493">
        <v>1035.548</v>
      </c>
      <c r="F493">
        <v>981.99300000000005</v>
      </c>
      <c r="G493">
        <v>985.38499999999999</v>
      </c>
      <c r="H493">
        <v>983.97</v>
      </c>
      <c r="I493">
        <v>991.15300000000002</v>
      </c>
      <c r="J493">
        <v>1013.9450000000001</v>
      </c>
      <c r="K493">
        <v>1025.463</v>
      </c>
      <c r="L493">
        <v>1017.962</v>
      </c>
      <c r="M493">
        <v>994.39300000000003</v>
      </c>
      <c r="N493">
        <v>1168.873</v>
      </c>
      <c r="O493">
        <v>1157.0409999999999</v>
      </c>
      <c r="P493">
        <v>0</v>
      </c>
      <c r="Q493">
        <v>0</v>
      </c>
      <c r="R493">
        <v>1104.377</v>
      </c>
      <c r="S493">
        <v>0</v>
      </c>
      <c r="T493">
        <v>1069.954</v>
      </c>
      <c r="U493">
        <v>1055.855</v>
      </c>
      <c r="V493">
        <v>1039.0830000000001</v>
      </c>
      <c r="W493">
        <v>1029.2329999999999</v>
      </c>
      <c r="X493">
        <v>997.10500000000002</v>
      </c>
      <c r="Y493">
        <v>969.41899999999998</v>
      </c>
    </row>
    <row r="494" spans="1:25" x14ac:dyDescent="0.3">
      <c r="A494">
        <v>13.166666670764487</v>
      </c>
      <c r="B494">
        <v>1068.6130000000001</v>
      </c>
      <c r="C494">
        <v>1062.9280000000001</v>
      </c>
      <c r="D494">
        <v>1057.8420000000001</v>
      </c>
      <c r="E494">
        <v>1037.98</v>
      </c>
      <c r="F494">
        <v>983.88099999999997</v>
      </c>
      <c r="G494">
        <v>981.07</v>
      </c>
      <c r="H494">
        <v>977.40599999999995</v>
      </c>
      <c r="I494">
        <v>982.14</v>
      </c>
      <c r="J494">
        <v>1000.477</v>
      </c>
      <c r="K494">
        <v>1014.79</v>
      </c>
      <c r="L494">
        <v>1011.239</v>
      </c>
      <c r="M494">
        <v>990.48</v>
      </c>
      <c r="N494">
        <v>1173.634</v>
      </c>
      <c r="O494">
        <v>1149.2840000000001</v>
      </c>
      <c r="P494">
        <v>0</v>
      </c>
      <c r="Q494">
        <v>0</v>
      </c>
      <c r="R494">
        <v>1105.2049999999999</v>
      </c>
      <c r="S494">
        <v>0</v>
      </c>
      <c r="T494">
        <v>1067.905</v>
      </c>
      <c r="U494">
        <v>1053.537</v>
      </c>
      <c r="V494">
        <v>1036.0650000000001</v>
      </c>
      <c r="W494">
        <v>1026.2339999999999</v>
      </c>
      <c r="X494">
        <v>993.90200000000004</v>
      </c>
      <c r="Y494">
        <v>966.87199999999996</v>
      </c>
    </row>
    <row r="495" spans="1:25" x14ac:dyDescent="0.3">
      <c r="A495">
        <v>13.200000001412507</v>
      </c>
      <c r="B495">
        <v>1061.6500000000001</v>
      </c>
      <c r="C495">
        <v>1047.827</v>
      </c>
      <c r="D495">
        <v>1055.135</v>
      </c>
      <c r="E495">
        <v>1038.1849999999999</v>
      </c>
      <c r="F495">
        <v>989.19</v>
      </c>
      <c r="G495">
        <v>987.22500000000002</v>
      </c>
      <c r="H495">
        <v>981.38</v>
      </c>
      <c r="I495">
        <v>989.00800000000004</v>
      </c>
      <c r="J495">
        <v>1006.235</v>
      </c>
      <c r="K495">
        <v>1017.929</v>
      </c>
      <c r="L495">
        <v>1012.831</v>
      </c>
      <c r="M495">
        <v>991.26599999999996</v>
      </c>
      <c r="N495">
        <v>1162.873</v>
      </c>
      <c r="O495">
        <v>1146.692</v>
      </c>
      <c r="P495">
        <v>0</v>
      </c>
      <c r="Q495">
        <v>0</v>
      </c>
      <c r="R495">
        <v>1103.027</v>
      </c>
      <c r="S495">
        <v>0</v>
      </c>
      <c r="T495">
        <v>1067.6089999999999</v>
      </c>
      <c r="U495">
        <v>1052.9659999999999</v>
      </c>
      <c r="V495">
        <v>1036.086</v>
      </c>
      <c r="W495">
        <v>1026.145</v>
      </c>
      <c r="X495">
        <v>993.46799999999996</v>
      </c>
      <c r="Y495">
        <v>964.86800000000005</v>
      </c>
    </row>
    <row r="496" spans="1:25" x14ac:dyDescent="0.3">
      <c r="A496">
        <v>13.233333332060527</v>
      </c>
      <c r="B496">
        <v>1065.6969999999999</v>
      </c>
      <c r="C496">
        <v>1039.088</v>
      </c>
      <c r="D496">
        <v>1054.097</v>
      </c>
      <c r="E496">
        <v>1032.22</v>
      </c>
      <c r="F496">
        <v>989.1</v>
      </c>
      <c r="G496">
        <v>988.3</v>
      </c>
      <c r="H496">
        <v>983.79300000000001</v>
      </c>
      <c r="I496">
        <v>993.03200000000004</v>
      </c>
      <c r="J496">
        <v>1013.712</v>
      </c>
      <c r="K496">
        <v>1021.744</v>
      </c>
      <c r="L496">
        <v>1014.188</v>
      </c>
      <c r="M496">
        <v>989.81</v>
      </c>
      <c r="N496">
        <v>1155.588</v>
      </c>
      <c r="O496">
        <v>1151.2550000000001</v>
      </c>
      <c r="P496">
        <v>0</v>
      </c>
      <c r="Q496">
        <v>0</v>
      </c>
      <c r="R496">
        <v>1108.3489999999999</v>
      </c>
      <c r="S496">
        <v>0</v>
      </c>
      <c r="T496">
        <v>1071.655</v>
      </c>
      <c r="U496">
        <v>1056.8810000000001</v>
      </c>
      <c r="V496">
        <v>1038.3699999999999</v>
      </c>
      <c r="W496">
        <v>1026.587</v>
      </c>
      <c r="X496">
        <v>993.74199999999996</v>
      </c>
      <c r="Y496">
        <v>965.01400000000001</v>
      </c>
    </row>
    <row r="497" spans="1:25" x14ac:dyDescent="0.3">
      <c r="A497">
        <v>13.250000002623226</v>
      </c>
      <c r="B497">
        <v>1073.184</v>
      </c>
      <c r="C497">
        <v>1043.2249999999999</v>
      </c>
      <c r="D497">
        <v>1066.83</v>
      </c>
      <c r="E497">
        <v>1042.597</v>
      </c>
      <c r="F497">
        <v>997.82</v>
      </c>
      <c r="G497">
        <v>990.83</v>
      </c>
      <c r="H497">
        <v>984.55600000000004</v>
      </c>
      <c r="I497">
        <v>990.86699999999996</v>
      </c>
      <c r="J497">
        <v>1009.58</v>
      </c>
      <c r="K497">
        <v>1019.122</v>
      </c>
      <c r="L497">
        <v>1013.162</v>
      </c>
      <c r="M497">
        <v>989.101</v>
      </c>
      <c r="N497">
        <v>1164.0640000000001</v>
      </c>
      <c r="O497">
        <v>1154.0360000000001</v>
      </c>
      <c r="P497">
        <v>0</v>
      </c>
      <c r="Q497">
        <v>0</v>
      </c>
      <c r="R497">
        <v>1109.8969999999999</v>
      </c>
      <c r="S497">
        <v>0</v>
      </c>
      <c r="T497">
        <v>1071.693</v>
      </c>
      <c r="U497">
        <v>1055.3779999999999</v>
      </c>
      <c r="V497">
        <v>1036.3820000000001</v>
      </c>
      <c r="W497">
        <v>1024.752</v>
      </c>
      <c r="X497">
        <v>992.17700000000002</v>
      </c>
      <c r="Y497">
        <v>963.94799999999998</v>
      </c>
    </row>
    <row r="498" spans="1:25" x14ac:dyDescent="0.3">
      <c r="A498">
        <v>13.283333333271246</v>
      </c>
      <c r="B498">
        <v>1050.1179999999999</v>
      </c>
      <c r="C498">
        <v>1036.471</v>
      </c>
      <c r="D498">
        <v>1062.855</v>
      </c>
      <c r="E498">
        <v>1043.6289999999999</v>
      </c>
      <c r="F498">
        <v>992.32</v>
      </c>
      <c r="G498">
        <v>988.00599999999997</v>
      </c>
      <c r="H498">
        <v>982.99300000000005</v>
      </c>
      <c r="I498">
        <v>991.24599999999998</v>
      </c>
      <c r="J498">
        <v>1009.212</v>
      </c>
      <c r="K498">
        <v>1017.322</v>
      </c>
      <c r="L498">
        <v>1012.299</v>
      </c>
      <c r="M498">
        <v>988.78800000000001</v>
      </c>
      <c r="N498">
        <v>1159.9770000000001</v>
      </c>
      <c r="O498">
        <v>1157.1010000000001</v>
      </c>
      <c r="P498">
        <v>0</v>
      </c>
      <c r="Q498">
        <v>0</v>
      </c>
      <c r="R498">
        <v>1101.652</v>
      </c>
      <c r="S498">
        <v>0</v>
      </c>
      <c r="T498">
        <v>1067.999</v>
      </c>
      <c r="U498">
        <v>1053.556</v>
      </c>
      <c r="V498">
        <v>1035.9739999999999</v>
      </c>
      <c r="W498">
        <v>1024.6210000000001</v>
      </c>
      <c r="X498">
        <v>992.029</v>
      </c>
      <c r="Y498">
        <v>964.01700000000005</v>
      </c>
    </row>
    <row r="499" spans="1:25" x14ac:dyDescent="0.3">
      <c r="A499">
        <v>13.300000003833945</v>
      </c>
      <c r="B499">
        <v>1056.175</v>
      </c>
      <c r="C499">
        <v>1043.133</v>
      </c>
      <c r="D499">
        <v>1071.338</v>
      </c>
      <c r="E499">
        <v>1063.655</v>
      </c>
      <c r="F499">
        <v>1002.765</v>
      </c>
      <c r="G499">
        <v>997.63699999999994</v>
      </c>
      <c r="H499">
        <v>992.43100000000004</v>
      </c>
      <c r="I499">
        <v>1000.682</v>
      </c>
      <c r="J499">
        <v>1023.34</v>
      </c>
      <c r="K499">
        <v>1026.384</v>
      </c>
      <c r="L499">
        <v>1018.498</v>
      </c>
      <c r="M499">
        <v>992.39499999999998</v>
      </c>
      <c r="N499">
        <v>1172.732</v>
      </c>
      <c r="O499">
        <v>1164.5999999999999</v>
      </c>
      <c r="P499">
        <v>0</v>
      </c>
      <c r="Q499">
        <v>0</v>
      </c>
      <c r="R499">
        <v>1106.0930000000001</v>
      </c>
      <c r="S499">
        <v>0</v>
      </c>
      <c r="T499">
        <v>1070.6300000000001</v>
      </c>
      <c r="U499">
        <v>1056.268</v>
      </c>
      <c r="V499">
        <v>1039.1610000000001</v>
      </c>
      <c r="W499">
        <v>1029.0719999999999</v>
      </c>
      <c r="X499">
        <v>997.47400000000005</v>
      </c>
      <c r="Y499">
        <v>969.803</v>
      </c>
    </row>
    <row r="500" spans="1:25" x14ac:dyDescent="0.3">
      <c r="A500">
        <v>13.333333334481965</v>
      </c>
      <c r="B500">
        <v>1057.94</v>
      </c>
      <c r="C500">
        <v>1061.2619999999999</v>
      </c>
      <c r="D500">
        <v>1067.9839999999999</v>
      </c>
      <c r="E500">
        <v>1056.4369999999999</v>
      </c>
      <c r="F500">
        <v>1007.06</v>
      </c>
      <c r="G500">
        <v>1002.602</v>
      </c>
      <c r="H500">
        <v>999.73299999999995</v>
      </c>
      <c r="I500">
        <v>1007.005</v>
      </c>
      <c r="J500">
        <v>1031.0619999999999</v>
      </c>
      <c r="K500">
        <v>1033.768</v>
      </c>
      <c r="L500">
        <v>1024.9000000000001</v>
      </c>
      <c r="M500">
        <v>996.89300000000003</v>
      </c>
      <c r="N500">
        <v>1172.175</v>
      </c>
      <c r="O500">
        <v>1150.72</v>
      </c>
      <c r="P500">
        <v>0</v>
      </c>
      <c r="Q500">
        <v>0</v>
      </c>
      <c r="R500">
        <v>1108.7270000000001</v>
      </c>
      <c r="S500">
        <v>0</v>
      </c>
      <c r="T500">
        <v>1075.44</v>
      </c>
      <c r="U500">
        <v>1060.6869999999999</v>
      </c>
      <c r="V500">
        <v>1043.134</v>
      </c>
      <c r="W500">
        <v>1032.461</v>
      </c>
      <c r="X500">
        <v>999.71500000000003</v>
      </c>
      <c r="Y500">
        <v>971.81</v>
      </c>
    </row>
    <row r="501" spans="1:25" x14ac:dyDescent="0.3">
      <c r="A501">
        <v>13.366666665129985</v>
      </c>
      <c r="B501">
        <v>1006.201</v>
      </c>
      <c r="C501">
        <v>1040.454</v>
      </c>
      <c r="D501">
        <v>1071.712</v>
      </c>
      <c r="E501">
        <v>1051.194</v>
      </c>
      <c r="F501">
        <v>999.45899999999995</v>
      </c>
      <c r="G501">
        <v>995.09</v>
      </c>
      <c r="H501">
        <v>992.39700000000005</v>
      </c>
      <c r="I501">
        <v>997.42</v>
      </c>
      <c r="J501">
        <v>1018.353</v>
      </c>
      <c r="K501">
        <v>1023.69</v>
      </c>
      <c r="L501">
        <v>1017.546</v>
      </c>
      <c r="M501">
        <v>993.83500000000004</v>
      </c>
      <c r="N501">
        <v>1173.3699999999999</v>
      </c>
      <c r="O501">
        <v>1156.319</v>
      </c>
      <c r="P501">
        <v>0</v>
      </c>
      <c r="Q501">
        <v>0</v>
      </c>
      <c r="R501">
        <v>1112.0139999999999</v>
      </c>
      <c r="S501">
        <v>0</v>
      </c>
      <c r="T501">
        <v>1079.2429999999999</v>
      </c>
      <c r="U501">
        <v>1063.1369999999999</v>
      </c>
      <c r="V501">
        <v>1045.8330000000001</v>
      </c>
      <c r="W501">
        <v>1037.3219999999999</v>
      </c>
      <c r="X501">
        <v>1002.949</v>
      </c>
      <c r="Y501">
        <v>974.21900000000005</v>
      </c>
    </row>
    <row r="502" spans="1:25" x14ac:dyDescent="0.3">
      <c r="A502">
        <v>13.383333335692685</v>
      </c>
      <c r="B502">
        <v>1038.482</v>
      </c>
      <c r="C502">
        <v>1039.31</v>
      </c>
      <c r="D502">
        <v>1073.0170000000001</v>
      </c>
      <c r="E502">
        <v>1073.0540000000001</v>
      </c>
      <c r="F502">
        <v>1017.509</v>
      </c>
      <c r="G502">
        <v>1003.351</v>
      </c>
      <c r="H502">
        <v>994.29</v>
      </c>
      <c r="I502">
        <v>1000.482</v>
      </c>
      <c r="J502">
        <v>1021.269</v>
      </c>
      <c r="K502">
        <v>1027.9870000000001</v>
      </c>
      <c r="L502">
        <v>1020.224</v>
      </c>
      <c r="M502">
        <v>996.85599999999999</v>
      </c>
      <c r="N502">
        <v>1181.846</v>
      </c>
      <c r="O502">
        <v>1153.788</v>
      </c>
      <c r="P502">
        <v>0</v>
      </c>
      <c r="Q502">
        <v>0</v>
      </c>
      <c r="R502">
        <v>1124.4349999999999</v>
      </c>
      <c r="S502">
        <v>0</v>
      </c>
      <c r="T502">
        <v>1086.162</v>
      </c>
      <c r="U502">
        <v>1070.575</v>
      </c>
      <c r="V502">
        <v>1052.636</v>
      </c>
      <c r="W502">
        <v>1043.836</v>
      </c>
      <c r="X502">
        <v>1009.343</v>
      </c>
      <c r="Y502">
        <v>980.34900000000005</v>
      </c>
    </row>
    <row r="503" spans="1:25" x14ac:dyDescent="0.3">
      <c r="A503">
        <v>13.416666666340705</v>
      </c>
      <c r="B503">
        <v>1058.2180000000001</v>
      </c>
      <c r="C503">
        <v>1047.7370000000001</v>
      </c>
      <c r="D503">
        <v>1073.874</v>
      </c>
      <c r="E503">
        <v>1073.7249999999999</v>
      </c>
      <c r="F503">
        <v>1013.456</v>
      </c>
      <c r="G503">
        <v>1005.725</v>
      </c>
      <c r="H503">
        <v>998.33</v>
      </c>
      <c r="I503">
        <v>1006.475</v>
      </c>
      <c r="J503">
        <v>1027.3979999999999</v>
      </c>
      <c r="K503">
        <v>1030.896</v>
      </c>
      <c r="L503">
        <v>1022.607</v>
      </c>
      <c r="M503">
        <v>997.78399999999999</v>
      </c>
      <c r="N503">
        <v>1187.116</v>
      </c>
      <c r="O503">
        <v>1161.1690000000001</v>
      </c>
      <c r="P503">
        <v>0</v>
      </c>
      <c r="Q503">
        <v>0</v>
      </c>
      <c r="R503">
        <v>1131.6099999999999</v>
      </c>
      <c r="S503">
        <v>0</v>
      </c>
      <c r="T503">
        <v>1089.1569999999999</v>
      </c>
      <c r="U503">
        <v>1073.501</v>
      </c>
      <c r="V503">
        <v>1055.787</v>
      </c>
      <c r="W503">
        <v>1045.8879999999999</v>
      </c>
      <c r="X503">
        <v>1012.65</v>
      </c>
      <c r="Y503">
        <v>983.68600000000004</v>
      </c>
    </row>
    <row r="504" spans="1:25" x14ac:dyDescent="0.3">
      <c r="A504">
        <v>13.449999996988725</v>
      </c>
      <c r="B504">
        <v>1055.585</v>
      </c>
      <c r="C504">
        <v>1068.2470000000001</v>
      </c>
      <c r="D504">
        <v>1084.479</v>
      </c>
      <c r="E504">
        <v>1061.2650000000001</v>
      </c>
      <c r="F504">
        <v>1005.18</v>
      </c>
      <c r="G504">
        <v>998.62400000000002</v>
      </c>
      <c r="H504">
        <v>993.54499999999996</v>
      </c>
      <c r="I504">
        <v>1000.704</v>
      </c>
      <c r="J504">
        <v>1022.7380000000001</v>
      </c>
      <c r="K504">
        <v>1029.26</v>
      </c>
      <c r="L504">
        <v>1022.426</v>
      </c>
      <c r="M504">
        <v>997.56799999999998</v>
      </c>
      <c r="N504">
        <v>1190.278</v>
      </c>
      <c r="O504">
        <v>1162.5519999999999</v>
      </c>
      <c r="P504">
        <v>0</v>
      </c>
      <c r="Q504">
        <v>0</v>
      </c>
      <c r="R504">
        <v>1128.0630000000001</v>
      </c>
      <c r="S504">
        <v>0</v>
      </c>
      <c r="T504">
        <v>1088.3920000000001</v>
      </c>
      <c r="U504">
        <v>1072.8510000000001</v>
      </c>
      <c r="V504">
        <v>1054.2670000000001</v>
      </c>
      <c r="W504">
        <v>1044.0050000000001</v>
      </c>
      <c r="X504">
        <v>1011.264</v>
      </c>
      <c r="Y504">
        <v>982.79899999999998</v>
      </c>
    </row>
    <row r="505" spans="1:25" x14ac:dyDescent="0.3">
      <c r="A505">
        <v>13.466666667551424</v>
      </c>
      <c r="B505">
        <v>1061.5070000000001</v>
      </c>
      <c r="C505">
        <v>1069.7950000000001</v>
      </c>
      <c r="D505">
        <v>1090.6400000000001</v>
      </c>
      <c r="E505">
        <v>1063.3810000000001</v>
      </c>
      <c r="F505">
        <v>1003.4450000000001</v>
      </c>
      <c r="G505">
        <v>998.57</v>
      </c>
      <c r="H505">
        <v>994.63900000000001</v>
      </c>
      <c r="I505">
        <v>1002.605</v>
      </c>
      <c r="J505">
        <v>1026.5730000000001</v>
      </c>
      <c r="K505">
        <v>1031.1569999999999</v>
      </c>
      <c r="L505">
        <v>1024.1510000000001</v>
      </c>
      <c r="M505">
        <v>999.55399999999997</v>
      </c>
      <c r="N505">
        <v>1186.2090000000001</v>
      </c>
      <c r="O505">
        <v>1163.55</v>
      </c>
      <c r="P505">
        <v>0</v>
      </c>
      <c r="Q505">
        <v>0</v>
      </c>
      <c r="R505">
        <v>1120.652</v>
      </c>
      <c r="S505">
        <v>0</v>
      </c>
      <c r="T505">
        <v>1086.3340000000001</v>
      </c>
      <c r="U505">
        <v>1071.249</v>
      </c>
      <c r="V505">
        <v>1053.415</v>
      </c>
      <c r="W505">
        <v>1043.8030000000001</v>
      </c>
      <c r="X505">
        <v>1009.42</v>
      </c>
      <c r="Y505">
        <v>979.93499999999995</v>
      </c>
    </row>
    <row r="506" spans="1:25" x14ac:dyDescent="0.3">
      <c r="A506">
        <v>13.499999998199444</v>
      </c>
      <c r="B506">
        <v>1082.8889999999999</v>
      </c>
      <c r="C506">
        <v>1082.758</v>
      </c>
      <c r="D506">
        <v>1088.8430000000001</v>
      </c>
      <c r="E506">
        <v>1041.788</v>
      </c>
      <c r="F506">
        <v>993.78300000000002</v>
      </c>
      <c r="G506">
        <v>994.63900000000001</v>
      </c>
      <c r="H506">
        <v>991.90800000000002</v>
      </c>
      <c r="I506">
        <v>998.55200000000002</v>
      </c>
      <c r="J506">
        <v>1022.611</v>
      </c>
      <c r="K506">
        <v>1030.2550000000001</v>
      </c>
      <c r="L506">
        <v>1023.968</v>
      </c>
      <c r="M506">
        <v>998.971</v>
      </c>
      <c r="N506">
        <v>1189.5809999999999</v>
      </c>
      <c r="O506">
        <v>1163.4739999999999</v>
      </c>
      <c r="P506">
        <v>0</v>
      </c>
      <c r="Q506">
        <v>0</v>
      </c>
      <c r="R506">
        <v>1125.9570000000001</v>
      </c>
      <c r="S506">
        <v>0</v>
      </c>
      <c r="T506">
        <v>1091.3699999999999</v>
      </c>
      <c r="U506">
        <v>1075.145</v>
      </c>
      <c r="V506">
        <v>1057.683</v>
      </c>
      <c r="W506">
        <v>1048.5899999999999</v>
      </c>
      <c r="X506">
        <v>1014.45</v>
      </c>
      <c r="Y506">
        <v>985.35799999999995</v>
      </c>
    </row>
    <row r="507" spans="1:25" x14ac:dyDescent="0.3">
      <c r="A507">
        <v>13.516666668762143</v>
      </c>
      <c r="B507">
        <v>1086.087</v>
      </c>
      <c r="C507">
        <v>1081.444</v>
      </c>
      <c r="D507">
        <v>1091.461</v>
      </c>
      <c r="E507">
        <v>1033.8240000000001</v>
      </c>
      <c r="F507">
        <v>985.73500000000001</v>
      </c>
      <c r="G507">
        <v>988.39200000000005</v>
      </c>
      <c r="H507">
        <v>987.1</v>
      </c>
      <c r="I507">
        <v>993.63400000000001</v>
      </c>
      <c r="J507">
        <v>1015.987</v>
      </c>
      <c r="K507">
        <v>1026.9190000000001</v>
      </c>
      <c r="L507">
        <v>1021.966</v>
      </c>
      <c r="M507">
        <v>999.13099999999997</v>
      </c>
      <c r="N507">
        <v>1191.0509999999999</v>
      </c>
      <c r="O507">
        <v>1162.3579999999999</v>
      </c>
      <c r="P507">
        <v>0</v>
      </c>
      <c r="Q507">
        <v>0</v>
      </c>
      <c r="R507">
        <v>1123.771</v>
      </c>
      <c r="S507">
        <v>0</v>
      </c>
      <c r="T507">
        <v>1088.203</v>
      </c>
      <c r="U507">
        <v>1072.7929999999999</v>
      </c>
      <c r="V507">
        <v>1054.2090000000001</v>
      </c>
      <c r="W507">
        <v>1044.1320000000001</v>
      </c>
      <c r="X507">
        <v>1011.664</v>
      </c>
      <c r="Y507">
        <v>983.28700000000003</v>
      </c>
    </row>
    <row r="508" spans="1:25" x14ac:dyDescent="0.3">
      <c r="A508">
        <v>13.549999999410163</v>
      </c>
      <c r="B508">
        <v>1063.829</v>
      </c>
      <c r="C508">
        <v>1071.252</v>
      </c>
      <c r="D508">
        <v>1090.268</v>
      </c>
      <c r="E508">
        <v>1053.6579999999999</v>
      </c>
      <c r="F508">
        <v>1003.52</v>
      </c>
      <c r="G508">
        <v>996.42399999999998</v>
      </c>
      <c r="H508">
        <v>990.94500000000005</v>
      </c>
      <c r="I508">
        <v>997.97199999999998</v>
      </c>
      <c r="J508">
        <v>1018.505</v>
      </c>
      <c r="K508">
        <v>1027.2190000000001</v>
      </c>
      <c r="L508">
        <v>1021.054</v>
      </c>
      <c r="M508">
        <v>997.97199999999998</v>
      </c>
      <c r="N508">
        <v>1190.4939999999999</v>
      </c>
      <c r="O508">
        <v>1161.654</v>
      </c>
      <c r="P508">
        <v>0</v>
      </c>
      <c r="Q508">
        <v>0</v>
      </c>
      <c r="R508">
        <v>1125.6369999999999</v>
      </c>
      <c r="S508">
        <v>0</v>
      </c>
      <c r="T508">
        <v>1087.066</v>
      </c>
      <c r="U508">
        <v>1071.643</v>
      </c>
      <c r="V508">
        <v>1052.826</v>
      </c>
      <c r="W508">
        <v>1042.825</v>
      </c>
      <c r="X508">
        <v>1010.792</v>
      </c>
      <c r="Y508">
        <v>982.76599999999996</v>
      </c>
    </row>
    <row r="509" spans="1:25" x14ac:dyDescent="0.3">
      <c r="A509">
        <v>13.583333330058183</v>
      </c>
      <c r="B509">
        <v>1083.451</v>
      </c>
      <c r="C509">
        <v>1074.568</v>
      </c>
      <c r="D509">
        <v>1085.2670000000001</v>
      </c>
      <c r="E509">
        <v>1045.06</v>
      </c>
      <c r="F509">
        <v>1008.525</v>
      </c>
      <c r="G509">
        <v>1000.961</v>
      </c>
      <c r="H509">
        <v>995.05799999999999</v>
      </c>
      <c r="I509">
        <v>1002.167</v>
      </c>
      <c r="J509">
        <v>1025.087</v>
      </c>
      <c r="K509">
        <v>1031.82</v>
      </c>
      <c r="L509">
        <v>1023.7670000000001</v>
      </c>
      <c r="M509">
        <v>999.55399999999997</v>
      </c>
      <c r="N509">
        <v>1196.9659999999999</v>
      </c>
      <c r="O509">
        <v>1163.6469999999999</v>
      </c>
      <c r="P509">
        <v>0</v>
      </c>
      <c r="Q509">
        <v>0</v>
      </c>
      <c r="R509">
        <v>1130.5319999999999</v>
      </c>
      <c r="S509">
        <v>0</v>
      </c>
      <c r="T509">
        <v>1090.6780000000001</v>
      </c>
      <c r="U509">
        <v>1075.575</v>
      </c>
      <c r="V509">
        <v>1056.2729999999999</v>
      </c>
      <c r="W509">
        <v>1045.9849999999999</v>
      </c>
      <c r="X509">
        <v>1015.147</v>
      </c>
      <c r="Y509">
        <v>987.23099999999999</v>
      </c>
    </row>
    <row r="510" spans="1:25" x14ac:dyDescent="0.3">
      <c r="A510">
        <v>13.600000000620883</v>
      </c>
      <c r="B510">
        <v>1067.1310000000001</v>
      </c>
      <c r="C510">
        <v>1082.2909999999999</v>
      </c>
      <c r="D510">
        <v>1091.3330000000001</v>
      </c>
      <c r="E510">
        <v>1058.259</v>
      </c>
      <c r="F510">
        <v>1010.407</v>
      </c>
      <c r="G510">
        <v>1005.803</v>
      </c>
      <c r="H510">
        <v>1001.6</v>
      </c>
      <c r="I510">
        <v>1008.744</v>
      </c>
      <c r="J510">
        <v>1033.164</v>
      </c>
      <c r="K510">
        <v>1038.5409999999999</v>
      </c>
      <c r="L510">
        <v>1027.365</v>
      </c>
      <c r="M510">
        <v>1001.308</v>
      </c>
      <c r="N510">
        <v>1204.3510000000001</v>
      </c>
      <c r="O510">
        <v>1172.4100000000001</v>
      </c>
      <c r="P510">
        <v>0</v>
      </c>
      <c r="Q510">
        <v>0</v>
      </c>
      <c r="R510">
        <v>1139.6400000000001</v>
      </c>
      <c r="S510">
        <v>0</v>
      </c>
      <c r="T510">
        <v>1097.4480000000001</v>
      </c>
      <c r="U510">
        <v>1080.2719999999999</v>
      </c>
      <c r="V510">
        <v>1060.0409999999999</v>
      </c>
      <c r="W510">
        <v>1049.5889999999999</v>
      </c>
      <c r="X510">
        <v>1017.458</v>
      </c>
      <c r="Y510">
        <v>989.63300000000004</v>
      </c>
    </row>
    <row r="511" spans="1:25" x14ac:dyDescent="0.3">
      <c r="A511">
        <v>13.633333331268902</v>
      </c>
      <c r="B511">
        <v>1066.242</v>
      </c>
      <c r="C511">
        <v>1082.0119999999999</v>
      </c>
      <c r="D511">
        <v>1089.95</v>
      </c>
      <c r="E511">
        <v>1049.222</v>
      </c>
      <c r="F511">
        <v>997.53499999999997</v>
      </c>
      <c r="G511">
        <v>997.17100000000005</v>
      </c>
      <c r="H511">
        <v>995.005</v>
      </c>
      <c r="I511">
        <v>1000.2140000000001</v>
      </c>
      <c r="J511">
        <v>1021.623</v>
      </c>
      <c r="K511">
        <v>1031.289</v>
      </c>
      <c r="L511">
        <v>1024.5940000000001</v>
      </c>
      <c r="M511">
        <v>1000.47</v>
      </c>
      <c r="N511">
        <v>1196.9090000000001</v>
      </c>
      <c r="O511">
        <v>1166.1479999999999</v>
      </c>
      <c r="P511">
        <v>0</v>
      </c>
      <c r="Q511">
        <v>0</v>
      </c>
      <c r="R511">
        <v>1139.566</v>
      </c>
      <c r="S511">
        <v>0</v>
      </c>
      <c r="T511">
        <v>1101.4549999999999</v>
      </c>
      <c r="U511">
        <v>1086.1869999999999</v>
      </c>
      <c r="V511">
        <v>1066.7059999999999</v>
      </c>
      <c r="W511">
        <v>1054.7349999999999</v>
      </c>
      <c r="X511">
        <v>1024.539</v>
      </c>
      <c r="Y511">
        <v>995.27800000000002</v>
      </c>
    </row>
    <row r="512" spans="1:25" x14ac:dyDescent="0.3">
      <c r="A512">
        <v>13.650000001831602</v>
      </c>
      <c r="B512">
        <v>1068.251</v>
      </c>
      <c r="C512">
        <v>1085.4380000000001</v>
      </c>
      <c r="D512">
        <v>1095.193</v>
      </c>
      <c r="E512">
        <v>1068.326</v>
      </c>
      <c r="F512">
        <v>1002.3150000000001</v>
      </c>
      <c r="G512">
        <v>998.19100000000003</v>
      </c>
      <c r="H512">
        <v>992.42</v>
      </c>
      <c r="I512">
        <v>997.77200000000005</v>
      </c>
      <c r="J512">
        <v>1017.717</v>
      </c>
      <c r="K512">
        <v>1029.19</v>
      </c>
      <c r="L512">
        <v>1022.448</v>
      </c>
      <c r="M512">
        <v>1000.671</v>
      </c>
      <c r="N512">
        <v>1193.1880000000001</v>
      </c>
      <c r="O512">
        <v>1164.1089999999999</v>
      </c>
      <c r="P512">
        <v>0</v>
      </c>
      <c r="Q512">
        <v>0</v>
      </c>
      <c r="R512">
        <v>1139.375</v>
      </c>
      <c r="S512">
        <v>0</v>
      </c>
      <c r="T512">
        <v>1099.6880000000001</v>
      </c>
      <c r="U512">
        <v>1083.903</v>
      </c>
      <c r="V512">
        <v>1065.463</v>
      </c>
      <c r="W512">
        <v>1055.125</v>
      </c>
      <c r="X512">
        <v>1024.539</v>
      </c>
      <c r="Y512">
        <v>996.15200000000004</v>
      </c>
    </row>
    <row r="513" spans="1:25" x14ac:dyDescent="0.3">
      <c r="A513">
        <v>13.683333332479622</v>
      </c>
      <c r="B513">
        <v>1071.6969999999999</v>
      </c>
      <c r="C513">
        <v>1076.768</v>
      </c>
      <c r="D513">
        <v>1087.5509999999999</v>
      </c>
      <c r="E513">
        <v>1067.057</v>
      </c>
      <c r="F513">
        <v>1005.474</v>
      </c>
      <c r="G513">
        <v>1005.1079999999999</v>
      </c>
      <c r="H513">
        <v>1000.449</v>
      </c>
      <c r="I513">
        <v>1007.2089999999999</v>
      </c>
      <c r="J513">
        <v>1029.1880000000001</v>
      </c>
      <c r="K513">
        <v>1041.7329999999999</v>
      </c>
      <c r="L513">
        <v>1032.8699999999999</v>
      </c>
      <c r="M513">
        <v>1004.944</v>
      </c>
      <c r="N513">
        <v>1198.4469999999999</v>
      </c>
      <c r="O513">
        <v>1174.164</v>
      </c>
      <c r="P513">
        <v>0</v>
      </c>
      <c r="Q513">
        <v>0</v>
      </c>
      <c r="R513">
        <v>1139.6020000000001</v>
      </c>
      <c r="S513">
        <v>0</v>
      </c>
      <c r="T513">
        <v>1099.1220000000001</v>
      </c>
      <c r="U513">
        <v>1083.6010000000001</v>
      </c>
      <c r="V513">
        <v>1065.0709999999999</v>
      </c>
      <c r="W513">
        <v>1054.77</v>
      </c>
      <c r="X513">
        <v>1024.6289999999999</v>
      </c>
      <c r="Y513">
        <v>996.18600000000004</v>
      </c>
    </row>
    <row r="514" spans="1:25" x14ac:dyDescent="0.3">
      <c r="A514">
        <v>13.716666663127642</v>
      </c>
      <c r="B514">
        <v>1074.72</v>
      </c>
      <c r="C514">
        <v>1074.347</v>
      </c>
      <c r="D514">
        <v>1082.5930000000001</v>
      </c>
      <c r="E514">
        <v>1055.8499999999999</v>
      </c>
      <c r="F514">
        <v>999.97699999999998</v>
      </c>
      <c r="G514">
        <v>1000.946</v>
      </c>
      <c r="H514">
        <v>999.28399999999999</v>
      </c>
      <c r="I514">
        <v>1007.066</v>
      </c>
      <c r="J514">
        <v>1031.492</v>
      </c>
      <c r="K514">
        <v>1044.6010000000001</v>
      </c>
      <c r="L514">
        <v>1033.72</v>
      </c>
      <c r="M514">
        <v>1004.801</v>
      </c>
      <c r="N514">
        <v>1190.1469999999999</v>
      </c>
      <c r="O514">
        <v>1171.835</v>
      </c>
      <c r="P514">
        <v>0</v>
      </c>
      <c r="Q514">
        <v>0</v>
      </c>
      <c r="R514">
        <v>1137.5440000000001</v>
      </c>
      <c r="S514">
        <v>0</v>
      </c>
      <c r="T514">
        <v>1099.106</v>
      </c>
      <c r="U514">
        <v>1083.904</v>
      </c>
      <c r="V514">
        <v>1065.0740000000001</v>
      </c>
      <c r="W514">
        <v>1054.4390000000001</v>
      </c>
      <c r="X514">
        <v>1023.843</v>
      </c>
      <c r="Y514">
        <v>995.51599999999996</v>
      </c>
    </row>
    <row r="515" spans="1:25" x14ac:dyDescent="0.3">
      <c r="A515">
        <v>13.733333333690341</v>
      </c>
      <c r="B515">
        <v>1085.721</v>
      </c>
      <c r="C515">
        <v>1084.672</v>
      </c>
      <c r="D515">
        <v>1070.0050000000001</v>
      </c>
      <c r="E515">
        <v>1029.9649999999999</v>
      </c>
      <c r="F515">
        <v>986.30600000000004</v>
      </c>
      <c r="G515">
        <v>992.58600000000001</v>
      </c>
      <c r="H515">
        <v>993.02300000000002</v>
      </c>
      <c r="I515">
        <v>998.73900000000003</v>
      </c>
      <c r="J515">
        <v>1020.433</v>
      </c>
      <c r="K515">
        <v>1034.7149999999999</v>
      </c>
      <c r="L515">
        <v>1029.1369999999999</v>
      </c>
      <c r="M515">
        <v>1004.838</v>
      </c>
      <c r="N515">
        <v>1188.7139999999999</v>
      </c>
      <c r="O515">
        <v>1161.5609999999999</v>
      </c>
      <c r="P515">
        <v>0</v>
      </c>
      <c r="Q515">
        <v>0</v>
      </c>
      <c r="R515">
        <v>1137.317</v>
      </c>
      <c r="S515">
        <v>0</v>
      </c>
      <c r="T515">
        <v>1094.7639999999999</v>
      </c>
      <c r="U515">
        <v>1079.4559999999999</v>
      </c>
      <c r="V515">
        <v>1060.788</v>
      </c>
      <c r="W515">
        <v>1050.1289999999999</v>
      </c>
      <c r="X515">
        <v>1020.451</v>
      </c>
      <c r="Y515">
        <v>992.11300000000006</v>
      </c>
    </row>
    <row r="516" spans="1:25" x14ac:dyDescent="0.3">
      <c r="A516">
        <v>13.766666664338361</v>
      </c>
      <c r="B516">
        <v>1090.085</v>
      </c>
      <c r="C516">
        <v>1088.83</v>
      </c>
      <c r="D516">
        <v>1066.5239999999999</v>
      </c>
      <c r="E516">
        <v>1020.196</v>
      </c>
      <c r="F516">
        <v>981.06600000000003</v>
      </c>
      <c r="G516">
        <v>986.89</v>
      </c>
      <c r="H516">
        <v>986.69</v>
      </c>
      <c r="I516">
        <v>992.22400000000005</v>
      </c>
      <c r="J516">
        <v>1013.612</v>
      </c>
      <c r="K516">
        <v>1028.6410000000001</v>
      </c>
      <c r="L516">
        <v>1023.864</v>
      </c>
      <c r="M516">
        <v>1000.583</v>
      </c>
      <c r="N516">
        <v>1185.2660000000001</v>
      </c>
      <c r="O516">
        <v>1154.5260000000001</v>
      </c>
      <c r="P516">
        <v>0</v>
      </c>
      <c r="Q516">
        <v>0</v>
      </c>
      <c r="R516">
        <v>1135.645</v>
      </c>
      <c r="S516">
        <v>0</v>
      </c>
      <c r="T516">
        <v>1092.7619999999999</v>
      </c>
      <c r="U516">
        <v>1077.6679999999999</v>
      </c>
      <c r="V516">
        <v>1058.5809999999999</v>
      </c>
      <c r="W516">
        <v>1047.0070000000001</v>
      </c>
      <c r="X516">
        <v>1017.537</v>
      </c>
      <c r="Y516">
        <v>989.47500000000002</v>
      </c>
    </row>
    <row r="517" spans="1:25" x14ac:dyDescent="0.3">
      <c r="A517">
        <v>13.78333333490106</v>
      </c>
      <c r="B517">
        <v>1082.6310000000001</v>
      </c>
      <c r="C517">
        <v>1086.694</v>
      </c>
      <c r="D517">
        <v>1069.1849999999999</v>
      </c>
      <c r="E517">
        <v>1026.338</v>
      </c>
      <c r="F517">
        <v>984.69100000000003</v>
      </c>
      <c r="G517">
        <v>987.92600000000004</v>
      </c>
      <c r="H517">
        <v>985.79700000000003</v>
      </c>
      <c r="I517">
        <v>991.69399999999996</v>
      </c>
      <c r="J517">
        <v>1015.224</v>
      </c>
      <c r="K517">
        <v>1027.6079999999999</v>
      </c>
      <c r="L517">
        <v>1020.891</v>
      </c>
      <c r="M517">
        <v>997.59100000000001</v>
      </c>
      <c r="N517">
        <v>1192.9570000000001</v>
      </c>
      <c r="O517">
        <v>1164.3209999999999</v>
      </c>
      <c r="P517">
        <v>0</v>
      </c>
      <c r="Q517">
        <v>0</v>
      </c>
      <c r="R517">
        <v>1128.201</v>
      </c>
      <c r="S517">
        <v>0</v>
      </c>
      <c r="T517">
        <v>1088.7349999999999</v>
      </c>
      <c r="U517">
        <v>1076.287</v>
      </c>
      <c r="V517">
        <v>1058.82</v>
      </c>
      <c r="W517">
        <v>1046.376</v>
      </c>
      <c r="X517">
        <v>1019.167</v>
      </c>
      <c r="Y517">
        <v>991.25699999999995</v>
      </c>
    </row>
    <row r="518" spans="1:25" x14ac:dyDescent="0.3">
      <c r="A518">
        <v>13.81666666554908</v>
      </c>
      <c r="B518">
        <v>1079.288</v>
      </c>
      <c r="C518">
        <v>1082.088</v>
      </c>
      <c r="D518">
        <v>1072.7080000000001</v>
      </c>
      <c r="E518">
        <v>1025.366</v>
      </c>
      <c r="F518">
        <v>979.46799999999996</v>
      </c>
      <c r="G518">
        <v>984.21900000000005</v>
      </c>
      <c r="H518">
        <v>982.65899999999999</v>
      </c>
      <c r="I518">
        <v>987.76199999999994</v>
      </c>
      <c r="J518">
        <v>1009.186</v>
      </c>
      <c r="K518">
        <v>1023.972</v>
      </c>
      <c r="L518">
        <v>1019.4059999999999</v>
      </c>
      <c r="M518">
        <v>997.46400000000006</v>
      </c>
      <c r="N518">
        <v>1198.548</v>
      </c>
      <c r="O518">
        <v>1168.193</v>
      </c>
      <c r="P518">
        <v>0</v>
      </c>
      <c r="Q518">
        <v>0</v>
      </c>
      <c r="R518">
        <v>1138.556</v>
      </c>
      <c r="S518">
        <v>0</v>
      </c>
      <c r="T518">
        <v>1093.6210000000001</v>
      </c>
      <c r="U518">
        <v>1079.1759999999999</v>
      </c>
      <c r="V518">
        <v>1060.527</v>
      </c>
      <c r="W518">
        <v>1047.837</v>
      </c>
      <c r="X518">
        <v>1019.827</v>
      </c>
      <c r="Y518">
        <v>992.05799999999999</v>
      </c>
    </row>
    <row r="519" spans="1:25" x14ac:dyDescent="0.3">
      <c r="A519">
        <v>13.850000006674479</v>
      </c>
      <c r="B519">
        <v>1079.701</v>
      </c>
      <c r="C519">
        <v>1088.326</v>
      </c>
      <c r="D519">
        <v>1080.82</v>
      </c>
      <c r="E519">
        <v>1042.2760000000001</v>
      </c>
      <c r="F519">
        <v>988.09299999999996</v>
      </c>
      <c r="G519">
        <v>990.35</v>
      </c>
      <c r="H519">
        <v>987.18299999999999</v>
      </c>
      <c r="I519">
        <v>990.96900000000005</v>
      </c>
      <c r="J519">
        <v>1009.628</v>
      </c>
      <c r="K519">
        <v>1027.096</v>
      </c>
      <c r="L519">
        <v>1022.307</v>
      </c>
      <c r="M519">
        <v>1000.091</v>
      </c>
      <c r="N519">
        <v>1198.182</v>
      </c>
      <c r="O519">
        <v>1159.2829999999999</v>
      </c>
      <c r="P519">
        <v>0</v>
      </c>
      <c r="Q519">
        <v>0</v>
      </c>
      <c r="R519">
        <v>1150.636</v>
      </c>
      <c r="S519">
        <v>0</v>
      </c>
      <c r="T519">
        <v>1108.4559999999999</v>
      </c>
      <c r="U519">
        <v>1087.4649999999999</v>
      </c>
      <c r="V519">
        <v>1066.155</v>
      </c>
      <c r="W519">
        <v>1052.203</v>
      </c>
      <c r="X519">
        <v>1022.2329999999999</v>
      </c>
      <c r="Y519">
        <v>993.33600000000001</v>
      </c>
    </row>
    <row r="520" spans="1:25" x14ac:dyDescent="0.3">
      <c r="A520">
        <v>13.8666666667598</v>
      </c>
      <c r="B520">
        <v>1067.3230000000001</v>
      </c>
      <c r="C520">
        <v>1070.883</v>
      </c>
      <c r="D520">
        <v>1073.1759999999999</v>
      </c>
      <c r="E520">
        <v>1028.2360000000001</v>
      </c>
      <c r="F520">
        <v>982.62599999999998</v>
      </c>
      <c r="G520">
        <v>986.05399999999997</v>
      </c>
      <c r="H520">
        <v>984.92899999999997</v>
      </c>
      <c r="I520">
        <v>989.09299999999996</v>
      </c>
      <c r="J520">
        <v>1006.357</v>
      </c>
      <c r="K520">
        <v>1023.186</v>
      </c>
      <c r="L520">
        <v>1020.985</v>
      </c>
      <c r="M520">
        <v>1000.62</v>
      </c>
      <c r="N520">
        <v>1201.259</v>
      </c>
      <c r="O520">
        <v>1177.5429999999999</v>
      </c>
      <c r="P520">
        <v>0</v>
      </c>
      <c r="Q520">
        <v>0</v>
      </c>
      <c r="R520">
        <v>1147.6780000000001</v>
      </c>
      <c r="S520">
        <v>0</v>
      </c>
      <c r="T520">
        <v>1109.4169999999999</v>
      </c>
      <c r="U520">
        <v>1092.0319999999999</v>
      </c>
      <c r="V520">
        <v>1072.673</v>
      </c>
      <c r="W520">
        <v>1059.713</v>
      </c>
      <c r="X520">
        <v>1030.74</v>
      </c>
      <c r="Y520">
        <v>1001.643</v>
      </c>
    </row>
    <row r="521" spans="1:25" x14ac:dyDescent="0.3">
      <c r="A521">
        <v>13.89999999740782</v>
      </c>
      <c r="B521">
        <v>1021.535</v>
      </c>
      <c r="C521">
        <v>1049.9649999999999</v>
      </c>
      <c r="D521">
        <v>1059.9169999999999</v>
      </c>
      <c r="E521">
        <v>1018.986</v>
      </c>
      <c r="F521">
        <v>977.65599999999995</v>
      </c>
      <c r="G521">
        <v>982.19</v>
      </c>
      <c r="H521">
        <v>981.33799999999997</v>
      </c>
      <c r="I521">
        <v>986.25300000000004</v>
      </c>
      <c r="J521">
        <v>1005.278</v>
      </c>
      <c r="K521">
        <v>1023.039</v>
      </c>
      <c r="L521">
        <v>1022.36</v>
      </c>
      <c r="M521">
        <v>1002.903</v>
      </c>
      <c r="N521">
        <v>1197.498</v>
      </c>
      <c r="O521">
        <v>1171.279</v>
      </c>
      <c r="P521">
        <v>0</v>
      </c>
      <c r="Q521">
        <v>0</v>
      </c>
      <c r="R521">
        <v>1145.579</v>
      </c>
      <c r="S521">
        <v>0</v>
      </c>
      <c r="T521">
        <v>1106.442</v>
      </c>
      <c r="U521">
        <v>1089.1859999999999</v>
      </c>
      <c r="V521">
        <v>1071.2180000000001</v>
      </c>
      <c r="W521">
        <v>1059.1369999999999</v>
      </c>
      <c r="X521">
        <v>1029.635</v>
      </c>
      <c r="Y521">
        <v>1000.693</v>
      </c>
    </row>
    <row r="522" spans="1:25" x14ac:dyDescent="0.3">
      <c r="A522">
        <v>13.933333338533219</v>
      </c>
      <c r="B522">
        <v>977.33100000000002</v>
      </c>
      <c r="C522">
        <v>1007.1609999999999</v>
      </c>
      <c r="D522">
        <v>1064.335</v>
      </c>
      <c r="E522">
        <v>1016.034</v>
      </c>
      <c r="F522">
        <v>978.92600000000004</v>
      </c>
      <c r="G522">
        <v>983.09799999999996</v>
      </c>
      <c r="H522">
        <v>981.28399999999999</v>
      </c>
      <c r="I522">
        <v>984.94799999999998</v>
      </c>
      <c r="J522">
        <v>1002.813</v>
      </c>
      <c r="K522">
        <v>1021.848</v>
      </c>
      <c r="L522">
        <v>1023.278</v>
      </c>
      <c r="M522">
        <v>1004.9690000000001</v>
      </c>
      <c r="N522">
        <v>1198.999</v>
      </c>
      <c r="O522">
        <v>1157.231</v>
      </c>
      <c r="P522">
        <v>0</v>
      </c>
      <c r="Q522">
        <v>0</v>
      </c>
      <c r="R522">
        <v>1149.3</v>
      </c>
      <c r="S522">
        <v>0</v>
      </c>
      <c r="T522">
        <v>1108.3620000000001</v>
      </c>
      <c r="U522">
        <v>1093.905</v>
      </c>
      <c r="V522">
        <v>1075.2270000000001</v>
      </c>
      <c r="W522">
        <v>1064.837</v>
      </c>
      <c r="X522">
        <v>1033.4839999999999</v>
      </c>
      <c r="Y522">
        <v>1002.283</v>
      </c>
    </row>
    <row r="523" spans="1:25" x14ac:dyDescent="0.3">
      <c r="A523">
        <v>13.949999998618539</v>
      </c>
      <c r="B523">
        <v>961.53899999999999</v>
      </c>
      <c r="C523">
        <v>1019.3920000000001</v>
      </c>
      <c r="D523">
        <v>1064.671</v>
      </c>
      <c r="E523">
        <v>1032.3810000000001</v>
      </c>
      <c r="F523">
        <v>986.21900000000005</v>
      </c>
      <c r="G523">
        <v>988.71299999999997</v>
      </c>
      <c r="H523">
        <v>987.58500000000004</v>
      </c>
      <c r="I523">
        <v>990.87900000000002</v>
      </c>
      <c r="J523">
        <v>1007.693</v>
      </c>
      <c r="K523">
        <v>1027.6120000000001</v>
      </c>
      <c r="L523">
        <v>1028.9010000000001</v>
      </c>
      <c r="M523">
        <v>1008.697</v>
      </c>
      <c r="N523">
        <v>1205.3150000000001</v>
      </c>
      <c r="O523">
        <v>1164.691</v>
      </c>
      <c r="P523">
        <v>0</v>
      </c>
      <c r="Q523">
        <v>0</v>
      </c>
      <c r="R523">
        <v>1154.95</v>
      </c>
      <c r="S523">
        <v>0</v>
      </c>
      <c r="T523">
        <v>1112.1210000000001</v>
      </c>
      <c r="U523">
        <v>1099.393</v>
      </c>
      <c r="V523">
        <v>1080.019</v>
      </c>
      <c r="W523">
        <v>1068.6110000000001</v>
      </c>
      <c r="X523">
        <v>1037.7760000000001</v>
      </c>
      <c r="Y523">
        <v>1006.14</v>
      </c>
    </row>
    <row r="524" spans="1:25" x14ac:dyDescent="0.3">
      <c r="A524">
        <v>13.983333339743938</v>
      </c>
      <c r="B524">
        <v>975.21</v>
      </c>
      <c r="C524">
        <v>1031.607</v>
      </c>
      <c r="D524">
        <v>1068.6110000000001</v>
      </c>
      <c r="E524">
        <v>1029.269</v>
      </c>
      <c r="F524">
        <v>987.71199999999999</v>
      </c>
      <c r="G524">
        <v>991.42499999999995</v>
      </c>
      <c r="H524">
        <v>991.37</v>
      </c>
      <c r="I524">
        <v>995.26599999999996</v>
      </c>
      <c r="J524">
        <v>1012.3150000000001</v>
      </c>
      <c r="K524">
        <v>1031.0920000000001</v>
      </c>
      <c r="L524">
        <v>1032.9880000000001</v>
      </c>
      <c r="M524">
        <v>1011.364</v>
      </c>
      <c r="N524">
        <v>1205.548</v>
      </c>
      <c r="O524">
        <v>1165.248</v>
      </c>
      <c r="P524">
        <v>0</v>
      </c>
      <c r="Q524">
        <v>0</v>
      </c>
      <c r="R524">
        <v>1156.982</v>
      </c>
      <c r="S524">
        <v>0</v>
      </c>
      <c r="T524">
        <v>1116.711</v>
      </c>
      <c r="U524">
        <v>1100.7090000000001</v>
      </c>
      <c r="V524">
        <v>1080.2429999999999</v>
      </c>
      <c r="W524">
        <v>1068.462</v>
      </c>
      <c r="X524">
        <v>1037.7570000000001</v>
      </c>
      <c r="Y524">
        <v>1007.765</v>
      </c>
    </row>
    <row r="525" spans="1:25" x14ac:dyDescent="0.3">
      <c r="A525">
        <v>13.999999999829258</v>
      </c>
      <c r="B525">
        <v>978.13</v>
      </c>
      <c r="C525">
        <v>1044.569</v>
      </c>
      <c r="D525">
        <v>1063.761</v>
      </c>
      <c r="E525">
        <v>1017.136</v>
      </c>
      <c r="F525">
        <v>981.57500000000005</v>
      </c>
      <c r="G525">
        <v>985.16600000000005</v>
      </c>
      <c r="H525">
        <v>985.67399999999998</v>
      </c>
      <c r="I525">
        <v>989.495</v>
      </c>
      <c r="J525">
        <v>1005.5</v>
      </c>
      <c r="K525">
        <v>1023.848</v>
      </c>
      <c r="L525">
        <v>1026.085</v>
      </c>
      <c r="M525">
        <v>1007.455</v>
      </c>
      <c r="N525">
        <v>1204.73</v>
      </c>
      <c r="O525">
        <v>1163.501</v>
      </c>
      <c r="P525">
        <v>0</v>
      </c>
      <c r="Q525">
        <v>0</v>
      </c>
      <c r="R525">
        <v>1147.26</v>
      </c>
      <c r="S525">
        <v>0</v>
      </c>
      <c r="T525">
        <v>1109.4760000000001</v>
      </c>
      <c r="U525">
        <v>1095.463</v>
      </c>
      <c r="V525">
        <v>1077.0360000000001</v>
      </c>
      <c r="W525">
        <v>1066.3219999999999</v>
      </c>
      <c r="X525">
        <v>1036.6890000000001</v>
      </c>
      <c r="Y525">
        <v>1006.76</v>
      </c>
    </row>
    <row r="526" spans="1:25" x14ac:dyDescent="0.3">
      <c r="A526">
        <v>14.033333330477278</v>
      </c>
      <c r="B526">
        <v>999.05399999999997</v>
      </c>
      <c r="C526">
        <v>1034.0219999999999</v>
      </c>
      <c r="D526">
        <v>1062.1120000000001</v>
      </c>
      <c r="E526">
        <v>1024.749</v>
      </c>
      <c r="F526">
        <v>987.69600000000003</v>
      </c>
      <c r="G526">
        <v>987.73199999999997</v>
      </c>
      <c r="H526">
        <v>986.91300000000001</v>
      </c>
      <c r="I526">
        <v>990.62599999999998</v>
      </c>
      <c r="J526">
        <v>1006.471</v>
      </c>
      <c r="K526">
        <v>1024.0519999999999</v>
      </c>
      <c r="L526">
        <v>1023.19</v>
      </c>
      <c r="M526">
        <v>1005.009</v>
      </c>
      <c r="N526">
        <v>1198.107</v>
      </c>
      <c r="O526">
        <v>1163.83</v>
      </c>
      <c r="P526">
        <v>0</v>
      </c>
      <c r="Q526">
        <v>0</v>
      </c>
      <c r="R526">
        <v>1148.4829999999999</v>
      </c>
      <c r="S526">
        <v>0</v>
      </c>
      <c r="T526">
        <v>1112.066</v>
      </c>
      <c r="U526">
        <v>1095.4459999999999</v>
      </c>
      <c r="V526">
        <v>1076.704</v>
      </c>
      <c r="W526">
        <v>1067.049</v>
      </c>
      <c r="X526">
        <v>1034.703</v>
      </c>
      <c r="Y526">
        <v>1005.027</v>
      </c>
    </row>
    <row r="527" spans="1:25" x14ac:dyDescent="0.3">
      <c r="A527">
        <v>14.066666671602677</v>
      </c>
      <c r="B527">
        <v>979.36599999999999</v>
      </c>
      <c r="C527">
        <v>1043.481</v>
      </c>
      <c r="D527">
        <v>1069.6949999999999</v>
      </c>
      <c r="E527">
        <v>1030.3219999999999</v>
      </c>
      <c r="F527">
        <v>986.27700000000004</v>
      </c>
      <c r="G527">
        <v>986.87699999999995</v>
      </c>
      <c r="H527">
        <v>986.38599999999997</v>
      </c>
      <c r="I527">
        <v>988.77</v>
      </c>
      <c r="J527">
        <v>1002.616</v>
      </c>
      <c r="K527">
        <v>1020.073</v>
      </c>
      <c r="L527">
        <v>1021.76</v>
      </c>
      <c r="M527">
        <v>1005.338</v>
      </c>
      <c r="N527">
        <v>1189.1089999999999</v>
      </c>
      <c r="O527">
        <v>1163.8689999999999</v>
      </c>
      <c r="P527">
        <v>0</v>
      </c>
      <c r="Q527">
        <v>0</v>
      </c>
      <c r="R527">
        <v>1148.694</v>
      </c>
      <c r="S527">
        <v>0</v>
      </c>
      <c r="T527">
        <v>1108.6099999999999</v>
      </c>
      <c r="U527">
        <v>1094.19</v>
      </c>
      <c r="V527">
        <v>1076.835</v>
      </c>
      <c r="W527">
        <v>1067.365</v>
      </c>
      <c r="X527">
        <v>1034.3720000000001</v>
      </c>
      <c r="Y527">
        <v>1004.169</v>
      </c>
    </row>
    <row r="528" spans="1:25" x14ac:dyDescent="0.3">
      <c r="A528">
        <v>14.083333331687998</v>
      </c>
      <c r="B528">
        <v>1002.854</v>
      </c>
      <c r="C528">
        <v>1056.0619999999999</v>
      </c>
      <c r="D528">
        <v>1076.797</v>
      </c>
      <c r="E528">
        <v>1048.6569999999999</v>
      </c>
      <c r="F528">
        <v>1007.111</v>
      </c>
      <c r="G528">
        <v>997.98099999999999</v>
      </c>
      <c r="H528">
        <v>991.28200000000004</v>
      </c>
      <c r="I528">
        <v>993.90300000000002</v>
      </c>
      <c r="J528">
        <v>1007.293</v>
      </c>
      <c r="K528">
        <v>1022.329</v>
      </c>
      <c r="L528">
        <v>1021.76</v>
      </c>
      <c r="M528">
        <v>1004.242</v>
      </c>
      <c r="N528">
        <v>1190.8340000000001</v>
      </c>
      <c r="O528">
        <v>1161.376</v>
      </c>
      <c r="P528">
        <v>0</v>
      </c>
      <c r="Q528">
        <v>0</v>
      </c>
      <c r="R528">
        <v>1156.8900000000001</v>
      </c>
      <c r="S528">
        <v>0</v>
      </c>
      <c r="T528">
        <v>1111.538</v>
      </c>
      <c r="U528">
        <v>1096.03</v>
      </c>
      <c r="V528">
        <v>1078.568</v>
      </c>
      <c r="W528">
        <v>1067.5519999999999</v>
      </c>
      <c r="X528">
        <v>1035.9549999999999</v>
      </c>
      <c r="Y528">
        <v>1006.4349999999999</v>
      </c>
    </row>
    <row r="529" spans="1:25" x14ac:dyDescent="0.3">
      <c r="A529">
        <v>14.116666672813396</v>
      </c>
      <c r="B529">
        <v>987.85900000000004</v>
      </c>
      <c r="C529">
        <v>1025.5920000000001</v>
      </c>
      <c r="D529">
        <v>1087.5609999999999</v>
      </c>
      <c r="E529">
        <v>1067.085</v>
      </c>
      <c r="F529">
        <v>1019.082</v>
      </c>
      <c r="G529">
        <v>1006.7809999999999</v>
      </c>
      <c r="H529">
        <v>995.79600000000005</v>
      </c>
      <c r="I529">
        <v>1000.532</v>
      </c>
      <c r="J529">
        <v>1015.982</v>
      </c>
      <c r="K529">
        <v>1028.0740000000001</v>
      </c>
      <c r="L529">
        <v>1025.7570000000001</v>
      </c>
      <c r="M529">
        <v>1006.561</v>
      </c>
      <c r="N529">
        <v>1191.414</v>
      </c>
      <c r="O529">
        <v>1175.2149999999999</v>
      </c>
      <c r="P529">
        <v>0</v>
      </c>
      <c r="Q529">
        <v>0</v>
      </c>
      <c r="R529">
        <v>1149.0170000000001</v>
      </c>
      <c r="S529">
        <v>0</v>
      </c>
      <c r="T529">
        <v>1108.873</v>
      </c>
      <c r="U529">
        <v>1095.8599999999999</v>
      </c>
      <c r="V529">
        <v>1077.318</v>
      </c>
      <c r="W529">
        <v>1065.396</v>
      </c>
      <c r="X529">
        <v>1034.3710000000001</v>
      </c>
      <c r="Y529">
        <v>1004.698</v>
      </c>
    </row>
    <row r="530" spans="1:25" x14ac:dyDescent="0.3">
      <c r="A530">
        <v>14.133333332898717</v>
      </c>
      <c r="B530">
        <v>966.65599999999995</v>
      </c>
      <c r="C530">
        <v>996.94299999999998</v>
      </c>
      <c r="D530">
        <v>1086.009</v>
      </c>
      <c r="E530">
        <v>1073.74</v>
      </c>
      <c r="F530">
        <v>1028.867</v>
      </c>
      <c r="G530">
        <v>1017.359</v>
      </c>
      <c r="H530">
        <v>1008.737</v>
      </c>
      <c r="I530">
        <v>1016.607</v>
      </c>
      <c r="J530">
        <v>1030.7819999999999</v>
      </c>
      <c r="K530">
        <v>1036.1030000000001</v>
      </c>
      <c r="L530">
        <v>1028.7750000000001</v>
      </c>
      <c r="M530">
        <v>1005.32</v>
      </c>
      <c r="N530">
        <v>1198.1659999999999</v>
      </c>
      <c r="O530">
        <v>1182.481</v>
      </c>
      <c r="P530">
        <v>0</v>
      </c>
      <c r="Q530">
        <v>0</v>
      </c>
      <c r="R530">
        <v>1138.5250000000001</v>
      </c>
      <c r="S530">
        <v>0</v>
      </c>
      <c r="T530">
        <v>1103.8530000000001</v>
      </c>
      <c r="U530">
        <v>1091.4380000000001</v>
      </c>
      <c r="V530">
        <v>1074.2429999999999</v>
      </c>
      <c r="W530">
        <v>1064.3579999999999</v>
      </c>
      <c r="X530">
        <v>1031.9970000000001</v>
      </c>
      <c r="Y530">
        <v>1001.94</v>
      </c>
    </row>
    <row r="531" spans="1:25" x14ac:dyDescent="0.3">
      <c r="A531">
        <v>14.166666663546737</v>
      </c>
      <c r="B531">
        <v>965.22900000000004</v>
      </c>
      <c r="C531">
        <v>1010.948</v>
      </c>
      <c r="D531">
        <v>1084.3620000000001</v>
      </c>
      <c r="E531">
        <v>1073.126</v>
      </c>
      <c r="F531">
        <v>1021.999</v>
      </c>
      <c r="G531">
        <v>1016.296</v>
      </c>
      <c r="H531">
        <v>1011.788</v>
      </c>
      <c r="I531">
        <v>1017.891</v>
      </c>
      <c r="J531">
        <v>1033.47</v>
      </c>
      <c r="K531">
        <v>1040.635</v>
      </c>
      <c r="L531">
        <v>1034.98</v>
      </c>
      <c r="M531">
        <v>1010.107</v>
      </c>
      <c r="N531">
        <v>1198.2049999999999</v>
      </c>
      <c r="O531">
        <v>1163.1790000000001</v>
      </c>
      <c r="P531">
        <v>0</v>
      </c>
      <c r="Q531">
        <v>0</v>
      </c>
      <c r="R531">
        <v>1149.8579999999999</v>
      </c>
      <c r="S531">
        <v>0</v>
      </c>
      <c r="T531">
        <v>1113.4090000000001</v>
      </c>
      <c r="U531">
        <v>1096.2180000000001</v>
      </c>
      <c r="V531">
        <v>1078.2329999999999</v>
      </c>
      <c r="W531">
        <v>1067.683</v>
      </c>
      <c r="X531">
        <v>1033.2860000000001</v>
      </c>
      <c r="Y531">
        <v>1003.183</v>
      </c>
    </row>
    <row r="532" spans="1:25" x14ac:dyDescent="0.3">
      <c r="A532">
        <v>14.200000004672136</v>
      </c>
      <c r="B532">
        <v>976.04700000000003</v>
      </c>
      <c r="C532">
        <v>1001.045</v>
      </c>
      <c r="D532">
        <v>1079.78</v>
      </c>
      <c r="E532">
        <v>1067.44</v>
      </c>
      <c r="F532">
        <v>1016.4059999999999</v>
      </c>
      <c r="G532">
        <v>1013.691</v>
      </c>
      <c r="H532">
        <v>1011.9160000000001</v>
      </c>
      <c r="I532">
        <v>1020.349</v>
      </c>
      <c r="J532">
        <v>1039.8040000000001</v>
      </c>
      <c r="K532">
        <v>1048.27</v>
      </c>
      <c r="L532">
        <v>1042.9459999999999</v>
      </c>
      <c r="M532">
        <v>1015.929</v>
      </c>
      <c r="N532">
        <v>1195.9059999999999</v>
      </c>
      <c r="O532">
        <v>1168.933</v>
      </c>
      <c r="P532">
        <v>0</v>
      </c>
      <c r="Q532">
        <v>0</v>
      </c>
      <c r="R532">
        <v>1151.848</v>
      </c>
      <c r="S532">
        <v>0</v>
      </c>
      <c r="T532">
        <v>1117.8489999999999</v>
      </c>
      <c r="U532">
        <v>1101.296</v>
      </c>
      <c r="V532">
        <v>1083.3130000000001</v>
      </c>
      <c r="W532">
        <v>1072.0820000000001</v>
      </c>
      <c r="X532">
        <v>1036.7660000000001</v>
      </c>
      <c r="Y532">
        <v>1006.6</v>
      </c>
    </row>
    <row r="533" spans="1:25" x14ac:dyDescent="0.3">
      <c r="A533">
        <v>14.216666664757456</v>
      </c>
      <c r="B533">
        <v>969.05899999999997</v>
      </c>
      <c r="C533">
        <v>1007.384</v>
      </c>
      <c r="D533">
        <v>1081.8140000000001</v>
      </c>
      <c r="E533">
        <v>1073.143</v>
      </c>
      <c r="F533">
        <v>1015.854</v>
      </c>
      <c r="G533">
        <v>1011.075</v>
      </c>
      <c r="H533">
        <v>1007.475</v>
      </c>
      <c r="I533">
        <v>1014.809</v>
      </c>
      <c r="J533">
        <v>1033.2850000000001</v>
      </c>
      <c r="K533">
        <v>1043.8510000000001</v>
      </c>
      <c r="L533">
        <v>1039.692</v>
      </c>
      <c r="M533">
        <v>1014.7910000000001</v>
      </c>
      <c r="N533">
        <v>1200.114</v>
      </c>
      <c r="O533">
        <v>1165.925</v>
      </c>
      <c r="P533">
        <v>0</v>
      </c>
      <c r="Q533">
        <v>0</v>
      </c>
      <c r="R533">
        <v>1144.6869999999999</v>
      </c>
      <c r="S533">
        <v>0</v>
      </c>
      <c r="T533">
        <v>1115.354</v>
      </c>
      <c r="U533">
        <v>1097.252</v>
      </c>
      <c r="V533">
        <v>1078.623</v>
      </c>
      <c r="W533">
        <v>1068.241</v>
      </c>
      <c r="X533">
        <v>1034.0219999999999</v>
      </c>
      <c r="Y533">
        <v>1004.899</v>
      </c>
    </row>
    <row r="534" spans="1:25" x14ac:dyDescent="0.3">
      <c r="A534">
        <v>14.250000005882855</v>
      </c>
      <c r="B534">
        <v>974.10900000000004</v>
      </c>
      <c r="C534">
        <v>1009.707</v>
      </c>
      <c r="D534">
        <v>1086.6289999999999</v>
      </c>
      <c r="E534">
        <v>1069.325</v>
      </c>
      <c r="F534">
        <v>1015.436</v>
      </c>
      <c r="G534">
        <v>1007.789</v>
      </c>
      <c r="H534">
        <v>1004.318</v>
      </c>
      <c r="I534">
        <v>1011.206</v>
      </c>
      <c r="J534">
        <v>1029.68</v>
      </c>
      <c r="K534">
        <v>1042.7080000000001</v>
      </c>
      <c r="L534">
        <v>1040.6559999999999</v>
      </c>
      <c r="M534">
        <v>1018.095</v>
      </c>
      <c r="N534">
        <v>1198.0709999999999</v>
      </c>
      <c r="O534">
        <v>1157.1420000000001</v>
      </c>
      <c r="P534">
        <v>0</v>
      </c>
      <c r="Q534">
        <v>0</v>
      </c>
      <c r="R534">
        <v>1152.2719999999999</v>
      </c>
      <c r="S534">
        <v>0</v>
      </c>
      <c r="T534">
        <v>1125.288</v>
      </c>
      <c r="U534">
        <v>1107.0709999999999</v>
      </c>
      <c r="V534">
        <v>1086.835</v>
      </c>
      <c r="W534">
        <v>1074.768</v>
      </c>
      <c r="X534">
        <v>1038.9960000000001</v>
      </c>
      <c r="Y534">
        <v>1007.606</v>
      </c>
    </row>
    <row r="535" spans="1:25" x14ac:dyDescent="0.3">
      <c r="A535">
        <v>14.266666665968176</v>
      </c>
      <c r="B535">
        <v>1025.7619999999999</v>
      </c>
      <c r="C535">
        <v>1009.855</v>
      </c>
      <c r="D535">
        <v>1094.8679999999999</v>
      </c>
      <c r="E535">
        <v>1068.5440000000001</v>
      </c>
      <c r="F535">
        <v>1028.2270000000001</v>
      </c>
      <c r="G535">
        <v>1020.829</v>
      </c>
      <c r="H535">
        <v>1013.585</v>
      </c>
      <c r="I535">
        <v>1019.325</v>
      </c>
      <c r="J535">
        <v>1036.8620000000001</v>
      </c>
      <c r="K535">
        <v>1048.9939999999999</v>
      </c>
      <c r="L535">
        <v>1045.5</v>
      </c>
      <c r="M535">
        <v>1021.7089999999999</v>
      </c>
      <c r="N535">
        <v>1200.2940000000001</v>
      </c>
      <c r="O535">
        <v>1166.393</v>
      </c>
      <c r="P535">
        <v>0</v>
      </c>
      <c r="Q535">
        <v>0</v>
      </c>
      <c r="R535">
        <v>1157.8340000000001</v>
      </c>
      <c r="S535">
        <v>0</v>
      </c>
      <c r="T535">
        <v>1122.9169999999999</v>
      </c>
      <c r="U535">
        <v>1105.154</v>
      </c>
      <c r="V535">
        <v>1086.106</v>
      </c>
      <c r="W535">
        <v>1076.261</v>
      </c>
      <c r="X535">
        <v>1040.029</v>
      </c>
      <c r="Y535">
        <v>1008.193</v>
      </c>
    </row>
    <row r="536" spans="1:25" x14ac:dyDescent="0.3">
      <c r="A536">
        <v>14.299999996616195</v>
      </c>
      <c r="B536">
        <v>1053.2439999999999</v>
      </c>
      <c r="C536">
        <v>1025.4490000000001</v>
      </c>
      <c r="D536">
        <v>1079.4649999999999</v>
      </c>
      <c r="E536">
        <v>1036.1969999999999</v>
      </c>
      <c r="F536">
        <v>1005.4690000000001</v>
      </c>
      <c r="G536">
        <v>1005.999</v>
      </c>
      <c r="H536">
        <v>1004.19</v>
      </c>
      <c r="I536">
        <v>1011.644</v>
      </c>
      <c r="J536">
        <v>1030.895</v>
      </c>
      <c r="K536">
        <v>1044.8699999999999</v>
      </c>
      <c r="L536">
        <v>1042.652</v>
      </c>
      <c r="M536">
        <v>1019.984</v>
      </c>
      <c r="N536">
        <v>1186.2239999999999</v>
      </c>
      <c r="O536">
        <v>1144.213</v>
      </c>
      <c r="P536">
        <v>0</v>
      </c>
      <c r="Q536">
        <v>0</v>
      </c>
      <c r="R536">
        <v>1170.42</v>
      </c>
      <c r="S536">
        <v>0</v>
      </c>
      <c r="T536">
        <v>1131.173</v>
      </c>
      <c r="U536">
        <v>1111.4839999999999</v>
      </c>
      <c r="V536">
        <v>1090.28</v>
      </c>
      <c r="W536">
        <v>1077.5450000000001</v>
      </c>
      <c r="X536">
        <v>1040.7850000000001</v>
      </c>
      <c r="Y536">
        <v>1010.128</v>
      </c>
    </row>
    <row r="537" spans="1:25" x14ac:dyDescent="0.3">
      <c r="A537">
        <v>14.333333337741594</v>
      </c>
      <c r="B537">
        <v>1037.1559999999999</v>
      </c>
      <c r="C537">
        <v>1012.9059999999999</v>
      </c>
      <c r="D537">
        <v>1073.278</v>
      </c>
      <c r="E537">
        <v>1030.3810000000001</v>
      </c>
      <c r="F537">
        <v>996.83799999999997</v>
      </c>
      <c r="G537">
        <v>999.53200000000004</v>
      </c>
      <c r="H537">
        <v>998.74900000000002</v>
      </c>
      <c r="I537">
        <v>1005.47</v>
      </c>
      <c r="J537">
        <v>1023.03</v>
      </c>
      <c r="K537">
        <v>1036.42</v>
      </c>
      <c r="L537">
        <v>1035.1859999999999</v>
      </c>
      <c r="M537">
        <v>1015.309</v>
      </c>
      <c r="N537">
        <v>1174.777</v>
      </c>
      <c r="O537">
        <v>1134.0029999999999</v>
      </c>
      <c r="P537">
        <v>0</v>
      </c>
      <c r="Q537">
        <v>0</v>
      </c>
      <c r="R537">
        <v>1170.826</v>
      </c>
      <c r="S537">
        <v>0</v>
      </c>
      <c r="T537">
        <v>1132.655</v>
      </c>
      <c r="U537">
        <v>1113.7339999999999</v>
      </c>
      <c r="V537">
        <v>1091.779</v>
      </c>
      <c r="W537">
        <v>1077.3610000000001</v>
      </c>
      <c r="X537">
        <v>1040.3800000000001</v>
      </c>
      <c r="Y537">
        <v>1009.38</v>
      </c>
    </row>
    <row r="538" spans="1:25" x14ac:dyDescent="0.3">
      <c r="A538">
        <v>14.349999997826915</v>
      </c>
      <c r="B538">
        <v>1003.643</v>
      </c>
      <c r="C538">
        <v>1011.316</v>
      </c>
      <c r="D538">
        <v>1072.29</v>
      </c>
      <c r="E538">
        <v>1034.7619999999999</v>
      </c>
      <c r="F538">
        <v>994.90800000000002</v>
      </c>
      <c r="G538">
        <v>998.42100000000005</v>
      </c>
      <c r="H538">
        <v>998.80399999999997</v>
      </c>
      <c r="I538">
        <v>1003.953</v>
      </c>
      <c r="J538">
        <v>1020.297</v>
      </c>
      <c r="K538">
        <v>1037.616</v>
      </c>
      <c r="L538">
        <v>1037.579</v>
      </c>
      <c r="M538">
        <v>1017.711</v>
      </c>
      <c r="N538">
        <v>1191.7670000000001</v>
      </c>
      <c r="O538">
        <v>1151.1030000000001</v>
      </c>
      <c r="P538">
        <v>0</v>
      </c>
      <c r="Q538">
        <v>0</v>
      </c>
      <c r="R538">
        <v>1167.337</v>
      </c>
      <c r="S538">
        <v>0</v>
      </c>
      <c r="T538">
        <v>1126.5419999999999</v>
      </c>
      <c r="U538">
        <v>1111.296</v>
      </c>
      <c r="V538">
        <v>1091.6849999999999</v>
      </c>
      <c r="W538">
        <v>1077.509</v>
      </c>
      <c r="X538">
        <v>1042.0619999999999</v>
      </c>
      <c r="Y538">
        <v>1011.371</v>
      </c>
    </row>
    <row r="539" spans="1:25" x14ac:dyDescent="0.3">
      <c r="A539">
        <v>14.383333338952314</v>
      </c>
      <c r="B539">
        <v>1004.4109999999999</v>
      </c>
      <c r="C539">
        <v>1029.258</v>
      </c>
      <c r="D539">
        <v>1071.098</v>
      </c>
      <c r="E539">
        <v>1037.912</v>
      </c>
      <c r="F539">
        <v>997.54899999999998</v>
      </c>
      <c r="G539">
        <v>1000.684</v>
      </c>
      <c r="H539">
        <v>1000.775</v>
      </c>
      <c r="I539">
        <v>1005.087</v>
      </c>
      <c r="J539">
        <v>1021.49</v>
      </c>
      <c r="K539">
        <v>1039.5319999999999</v>
      </c>
      <c r="L539">
        <v>1041.7850000000001</v>
      </c>
      <c r="M539">
        <v>1021.691</v>
      </c>
      <c r="N539">
        <v>1205.712</v>
      </c>
      <c r="O539">
        <v>1156.703</v>
      </c>
      <c r="P539">
        <v>0</v>
      </c>
      <c r="Q539">
        <v>0</v>
      </c>
      <c r="R539">
        <v>1168.5139999999999</v>
      </c>
      <c r="S539">
        <v>0</v>
      </c>
      <c r="T539">
        <v>1124.1320000000001</v>
      </c>
      <c r="U539">
        <v>1108.992</v>
      </c>
      <c r="V539">
        <v>1090.095</v>
      </c>
      <c r="W539">
        <v>1077.7529999999999</v>
      </c>
      <c r="X539">
        <v>1042.395</v>
      </c>
      <c r="Y539">
        <v>1011.537</v>
      </c>
    </row>
    <row r="540" spans="1:25" x14ac:dyDescent="0.3">
      <c r="A540">
        <v>14.399999999037634</v>
      </c>
      <c r="B540">
        <v>1043.7439999999999</v>
      </c>
      <c r="C540">
        <v>1054.8409999999999</v>
      </c>
      <c r="D540">
        <v>1072.924</v>
      </c>
      <c r="E540">
        <v>1034.616</v>
      </c>
      <c r="F540">
        <v>993.125</v>
      </c>
      <c r="G540">
        <v>996.82</v>
      </c>
      <c r="H540">
        <v>996.98400000000004</v>
      </c>
      <c r="I540">
        <v>1002.255</v>
      </c>
      <c r="J540">
        <v>1019.564</v>
      </c>
      <c r="K540">
        <v>1039.9549999999999</v>
      </c>
      <c r="L540">
        <v>1043.559</v>
      </c>
      <c r="M540">
        <v>1024.405</v>
      </c>
      <c r="N540">
        <v>1203.0419999999999</v>
      </c>
      <c r="O540">
        <v>1152.1199999999999</v>
      </c>
      <c r="P540">
        <v>0</v>
      </c>
      <c r="Q540">
        <v>0</v>
      </c>
      <c r="R540">
        <v>1159.329</v>
      </c>
      <c r="S540">
        <v>0</v>
      </c>
      <c r="T540">
        <v>1125.954</v>
      </c>
      <c r="U540">
        <v>1113.299</v>
      </c>
      <c r="V540">
        <v>1095.357</v>
      </c>
      <c r="W540">
        <v>1084.9829999999999</v>
      </c>
      <c r="X540">
        <v>1049.0129999999999</v>
      </c>
      <c r="Y540">
        <v>1016.849</v>
      </c>
    </row>
    <row r="541" spans="1:25" x14ac:dyDescent="0.3">
      <c r="A541">
        <v>14.433333329685654</v>
      </c>
      <c r="B541">
        <v>1022.058</v>
      </c>
      <c r="C541">
        <v>1037.1020000000001</v>
      </c>
      <c r="D541">
        <v>1084.1220000000001</v>
      </c>
      <c r="E541">
        <v>1055.0450000000001</v>
      </c>
      <c r="F541">
        <v>998.76800000000003</v>
      </c>
      <c r="G541">
        <v>999.13199999999995</v>
      </c>
      <c r="H541">
        <v>997.40300000000002</v>
      </c>
      <c r="I541">
        <v>1002.986</v>
      </c>
      <c r="J541">
        <v>1020.2430000000001</v>
      </c>
      <c r="K541">
        <v>1038.133</v>
      </c>
      <c r="L541">
        <v>1040.269</v>
      </c>
      <c r="M541">
        <v>1021.912</v>
      </c>
      <c r="N541">
        <v>1201.971</v>
      </c>
      <c r="O541">
        <v>1159.5409999999999</v>
      </c>
      <c r="P541">
        <v>0</v>
      </c>
      <c r="Q541">
        <v>0</v>
      </c>
      <c r="R541">
        <v>1159.675</v>
      </c>
      <c r="S541">
        <v>0</v>
      </c>
      <c r="T541">
        <v>1127.056</v>
      </c>
      <c r="U541">
        <v>1111.0889999999999</v>
      </c>
      <c r="V541">
        <v>1093.184</v>
      </c>
      <c r="W541">
        <v>1083.617</v>
      </c>
      <c r="X541">
        <v>1048.2370000000001</v>
      </c>
      <c r="Y541">
        <v>1017.3630000000001</v>
      </c>
    </row>
    <row r="542" spans="1:25" x14ac:dyDescent="0.3">
      <c r="A542">
        <v>14.466666670811053</v>
      </c>
      <c r="B542">
        <v>1036.386</v>
      </c>
      <c r="C542">
        <v>1039.1659999999999</v>
      </c>
      <c r="D542">
        <v>1082.29</v>
      </c>
      <c r="E542">
        <v>1067.7070000000001</v>
      </c>
      <c r="F542">
        <v>1013.349</v>
      </c>
      <c r="G542">
        <v>1010.205</v>
      </c>
      <c r="H542">
        <v>1005.6369999999999</v>
      </c>
      <c r="I542">
        <v>1011.612</v>
      </c>
      <c r="J542">
        <v>1031.9480000000001</v>
      </c>
      <c r="K542">
        <v>1045.2260000000001</v>
      </c>
      <c r="L542">
        <v>1043.3399999999999</v>
      </c>
      <c r="M542">
        <v>1024.0409999999999</v>
      </c>
      <c r="N542">
        <v>1198.6410000000001</v>
      </c>
      <c r="O542">
        <v>1172.3130000000001</v>
      </c>
      <c r="P542">
        <v>0</v>
      </c>
      <c r="Q542">
        <v>0</v>
      </c>
      <c r="R542">
        <v>1160.29</v>
      </c>
      <c r="S542">
        <v>0</v>
      </c>
      <c r="T542">
        <v>1130.2850000000001</v>
      </c>
      <c r="U542">
        <v>1114.3030000000001</v>
      </c>
      <c r="V542">
        <v>1095.04</v>
      </c>
      <c r="W542">
        <v>1084.8920000000001</v>
      </c>
      <c r="X542">
        <v>1049.644</v>
      </c>
      <c r="Y542">
        <v>1017.952</v>
      </c>
    </row>
    <row r="543" spans="1:25" x14ac:dyDescent="0.3">
      <c r="A543">
        <v>14.483333330896373</v>
      </c>
      <c r="B543">
        <v>1009.639</v>
      </c>
      <c r="C543">
        <v>1032.1690000000001</v>
      </c>
      <c r="D543">
        <v>1071.864</v>
      </c>
      <c r="E543">
        <v>1078.3699999999999</v>
      </c>
      <c r="F543">
        <v>1051.308</v>
      </c>
      <c r="G543">
        <v>1037.6559999999999</v>
      </c>
      <c r="H543">
        <v>1023.472</v>
      </c>
      <c r="I543">
        <v>1033.348</v>
      </c>
      <c r="J543">
        <v>1050.5129999999999</v>
      </c>
      <c r="K543">
        <v>1052.306</v>
      </c>
      <c r="L543">
        <v>1045.133</v>
      </c>
      <c r="M543">
        <v>1022.189</v>
      </c>
      <c r="N543">
        <v>1201.4079999999999</v>
      </c>
      <c r="O543">
        <v>1168.2650000000001</v>
      </c>
      <c r="P543">
        <v>0</v>
      </c>
      <c r="Q543">
        <v>0</v>
      </c>
      <c r="R543">
        <v>1165.721</v>
      </c>
      <c r="S543">
        <v>0</v>
      </c>
      <c r="T543">
        <v>1124.248</v>
      </c>
      <c r="U543">
        <v>1110.1469999999999</v>
      </c>
      <c r="V543">
        <v>1091.7819999999999</v>
      </c>
      <c r="W543">
        <v>1081.4659999999999</v>
      </c>
      <c r="X543">
        <v>1050.106</v>
      </c>
      <c r="Y543">
        <v>1017.054</v>
      </c>
    </row>
    <row r="544" spans="1:25" x14ac:dyDescent="0.3">
      <c r="A544">
        <v>14.516666672021772</v>
      </c>
      <c r="B544">
        <v>992.99800000000005</v>
      </c>
      <c r="C544">
        <v>1028.2270000000001</v>
      </c>
      <c r="D544">
        <v>1068.5999999999999</v>
      </c>
      <c r="E544">
        <v>1076.616</v>
      </c>
      <c r="F544">
        <v>1036.4760000000001</v>
      </c>
      <c r="G544">
        <v>1032.3699999999999</v>
      </c>
      <c r="H544">
        <v>1025.5429999999999</v>
      </c>
      <c r="I544">
        <v>1037.9490000000001</v>
      </c>
      <c r="J544">
        <v>1058.164</v>
      </c>
      <c r="K544">
        <v>1055.4169999999999</v>
      </c>
      <c r="L544">
        <v>1046.961</v>
      </c>
      <c r="M544">
        <v>1022.022</v>
      </c>
      <c r="N544">
        <v>1206.6279999999999</v>
      </c>
      <c r="O544">
        <v>1165.835</v>
      </c>
      <c r="P544">
        <v>0</v>
      </c>
      <c r="Q544">
        <v>0</v>
      </c>
      <c r="R544">
        <v>1164.6600000000001</v>
      </c>
      <c r="S544">
        <v>0</v>
      </c>
      <c r="T544">
        <v>1125.9169999999999</v>
      </c>
      <c r="U544">
        <v>1111.4860000000001</v>
      </c>
      <c r="V544">
        <v>1092.9590000000001</v>
      </c>
      <c r="W544">
        <v>1082.5309999999999</v>
      </c>
      <c r="X544">
        <v>1048.681</v>
      </c>
      <c r="Y544">
        <v>1015.97</v>
      </c>
    </row>
    <row r="545" spans="1:25" x14ac:dyDescent="0.3">
      <c r="A545">
        <v>14.533333332107093</v>
      </c>
      <c r="B545">
        <v>978.79100000000005</v>
      </c>
      <c r="C545">
        <v>1029.5719999999999</v>
      </c>
      <c r="D545">
        <v>1094.5319999999999</v>
      </c>
      <c r="E545">
        <v>1092.08</v>
      </c>
      <c r="F545">
        <v>1045.4090000000001</v>
      </c>
      <c r="G545">
        <v>1033.107</v>
      </c>
      <c r="H545">
        <v>1024.241</v>
      </c>
      <c r="I545">
        <v>1032.499</v>
      </c>
      <c r="J545">
        <v>1049.9939999999999</v>
      </c>
      <c r="K545">
        <v>1052.0640000000001</v>
      </c>
      <c r="L545">
        <v>1046.038</v>
      </c>
      <c r="M545">
        <v>1023.379</v>
      </c>
      <c r="N545">
        <v>1214.07</v>
      </c>
      <c r="O545">
        <v>1187.835</v>
      </c>
      <c r="P545">
        <v>0</v>
      </c>
      <c r="Q545">
        <v>0</v>
      </c>
      <c r="R545">
        <v>1169.921</v>
      </c>
      <c r="S545">
        <v>0</v>
      </c>
      <c r="T545">
        <v>1129.96</v>
      </c>
      <c r="U545">
        <v>1115.076</v>
      </c>
      <c r="V545">
        <v>1098.047</v>
      </c>
      <c r="W545">
        <v>1086.2950000000001</v>
      </c>
      <c r="X545">
        <v>1052.914</v>
      </c>
      <c r="Y545">
        <v>1018.703</v>
      </c>
    </row>
    <row r="546" spans="1:25" x14ac:dyDescent="0.3">
      <c r="A546">
        <v>14.566666673232492</v>
      </c>
      <c r="B546">
        <v>983.96299999999997</v>
      </c>
      <c r="C546">
        <v>1039.886</v>
      </c>
      <c r="D546">
        <v>1095.211</v>
      </c>
      <c r="E546">
        <v>1093.5440000000001</v>
      </c>
      <c r="F546">
        <v>1038.597</v>
      </c>
      <c r="G546">
        <v>1030.2940000000001</v>
      </c>
      <c r="H546">
        <v>1023.823</v>
      </c>
      <c r="I546">
        <v>1032.098</v>
      </c>
      <c r="J546">
        <v>1050.201</v>
      </c>
      <c r="K546">
        <v>1055.087</v>
      </c>
      <c r="L546">
        <v>1049.4059999999999</v>
      </c>
      <c r="M546">
        <v>1026.0419999999999</v>
      </c>
      <c r="N546">
        <v>1214.4860000000001</v>
      </c>
      <c r="O546">
        <v>1174.165</v>
      </c>
      <c r="P546">
        <v>0</v>
      </c>
      <c r="Q546">
        <v>0</v>
      </c>
      <c r="R546">
        <v>1169.058</v>
      </c>
      <c r="S546">
        <v>0</v>
      </c>
      <c r="T546">
        <v>1139.088</v>
      </c>
      <c r="U546">
        <v>1121.107</v>
      </c>
      <c r="V546">
        <v>1104.3130000000001</v>
      </c>
      <c r="W546">
        <v>1092.664</v>
      </c>
      <c r="X546">
        <v>1058.019</v>
      </c>
      <c r="Y546">
        <v>1024.098</v>
      </c>
    </row>
    <row r="547" spans="1:25" x14ac:dyDescent="0.3">
      <c r="A547">
        <v>14.600000003880512</v>
      </c>
      <c r="B547">
        <v>1008.38</v>
      </c>
      <c r="C547">
        <v>1068.1199999999999</v>
      </c>
      <c r="D547">
        <v>1103.26</v>
      </c>
      <c r="E547">
        <v>1102.865</v>
      </c>
      <c r="F547">
        <v>1043.509</v>
      </c>
      <c r="G547">
        <v>1031.693</v>
      </c>
      <c r="H547">
        <v>1025.473</v>
      </c>
      <c r="I547">
        <v>1032.4839999999999</v>
      </c>
      <c r="J547">
        <v>1051.2729999999999</v>
      </c>
      <c r="K547">
        <v>1057.0170000000001</v>
      </c>
      <c r="L547">
        <v>1052.105</v>
      </c>
      <c r="M547">
        <v>1029.355</v>
      </c>
      <c r="N547">
        <v>1219.973</v>
      </c>
      <c r="O547">
        <v>1170.7919999999999</v>
      </c>
      <c r="P547">
        <v>0</v>
      </c>
      <c r="Q547">
        <v>0</v>
      </c>
      <c r="R547">
        <v>1177.422</v>
      </c>
      <c r="S547">
        <v>0</v>
      </c>
      <c r="T547">
        <v>1147.501</v>
      </c>
      <c r="U547">
        <v>1128.692</v>
      </c>
      <c r="V547">
        <v>1112.511</v>
      </c>
      <c r="W547">
        <v>1099.537</v>
      </c>
      <c r="X547">
        <v>1062.9559999999999</v>
      </c>
      <c r="Y547">
        <v>1028.3420000000001</v>
      </c>
    </row>
    <row r="548" spans="1:25" x14ac:dyDescent="0.3">
      <c r="A548">
        <v>14.616666663965832</v>
      </c>
      <c r="B548">
        <v>1009.804</v>
      </c>
      <c r="C548">
        <v>1070.7470000000001</v>
      </c>
      <c r="D548">
        <v>1113.7380000000001</v>
      </c>
      <c r="E548">
        <v>1111.508</v>
      </c>
      <c r="F548">
        <v>1062.547</v>
      </c>
      <c r="G548">
        <v>1046.04</v>
      </c>
      <c r="H548">
        <v>1033.864</v>
      </c>
      <c r="I548">
        <v>1037.6389999999999</v>
      </c>
      <c r="J548">
        <v>1051.0129999999999</v>
      </c>
      <c r="K548">
        <v>1057.6279999999999</v>
      </c>
      <c r="L548">
        <v>1056.069</v>
      </c>
      <c r="M548">
        <v>1033.0360000000001</v>
      </c>
      <c r="N548">
        <v>1203.7080000000001</v>
      </c>
      <c r="O548">
        <v>1163.877</v>
      </c>
      <c r="P548">
        <v>0</v>
      </c>
      <c r="Q548">
        <v>0</v>
      </c>
      <c r="R548">
        <v>1182.8969999999999</v>
      </c>
      <c r="S548">
        <v>0</v>
      </c>
      <c r="T548">
        <v>1153.4079999999999</v>
      </c>
      <c r="U548">
        <v>1135.6199999999999</v>
      </c>
      <c r="V548">
        <v>1116.5150000000001</v>
      </c>
      <c r="W548">
        <v>1102.0740000000001</v>
      </c>
      <c r="X548">
        <v>1066.8900000000001</v>
      </c>
      <c r="Y548">
        <v>1032.373</v>
      </c>
    </row>
    <row r="549" spans="1:25" x14ac:dyDescent="0.3">
      <c r="A549">
        <v>14.650000005091231</v>
      </c>
      <c r="B549">
        <v>1003.063</v>
      </c>
      <c r="C549">
        <v>1062.566</v>
      </c>
      <c r="D549">
        <v>1117.1010000000001</v>
      </c>
      <c r="E549">
        <v>1116.5150000000001</v>
      </c>
      <c r="F549">
        <v>1060.951</v>
      </c>
      <c r="G549">
        <v>1046.4100000000001</v>
      </c>
      <c r="H549">
        <v>1036.1289999999999</v>
      </c>
      <c r="I549">
        <v>1042.3800000000001</v>
      </c>
      <c r="J549">
        <v>1057.0909999999999</v>
      </c>
      <c r="K549">
        <v>1060.079</v>
      </c>
      <c r="L549">
        <v>1053.509</v>
      </c>
      <c r="M549">
        <v>1028.9670000000001</v>
      </c>
      <c r="N549">
        <v>1208.684</v>
      </c>
      <c r="O549">
        <v>1175.2629999999999</v>
      </c>
      <c r="P549">
        <v>0</v>
      </c>
      <c r="Q549">
        <v>0</v>
      </c>
      <c r="R549">
        <v>1171.5820000000001</v>
      </c>
      <c r="S549">
        <v>0</v>
      </c>
      <c r="T549">
        <v>1145.058</v>
      </c>
      <c r="U549">
        <v>1131.027</v>
      </c>
      <c r="V549">
        <v>1112.7560000000001</v>
      </c>
      <c r="W549">
        <v>1100.232</v>
      </c>
      <c r="X549">
        <v>1068.604</v>
      </c>
      <c r="Y549">
        <v>1035.54</v>
      </c>
    </row>
    <row r="550" spans="1:25" x14ac:dyDescent="0.3">
      <c r="A550">
        <v>14.683333335739251</v>
      </c>
      <c r="B550">
        <v>995.89800000000002</v>
      </c>
      <c r="C550">
        <v>1025.329</v>
      </c>
      <c r="D550">
        <v>1104.221</v>
      </c>
      <c r="E550">
        <v>1117.7270000000001</v>
      </c>
      <c r="F550">
        <v>1054.885</v>
      </c>
      <c r="G550">
        <v>1042.771</v>
      </c>
      <c r="H550">
        <v>1033.1859999999999</v>
      </c>
      <c r="I550">
        <v>1040.1279999999999</v>
      </c>
      <c r="J550">
        <v>1054.4760000000001</v>
      </c>
      <c r="K550">
        <v>1057.539</v>
      </c>
      <c r="L550">
        <v>1051.922</v>
      </c>
      <c r="M550">
        <v>1027.221</v>
      </c>
      <c r="N550">
        <v>1214.8209999999999</v>
      </c>
      <c r="O550">
        <v>1186.4069999999999</v>
      </c>
      <c r="P550">
        <v>0</v>
      </c>
      <c r="Q550">
        <v>0</v>
      </c>
      <c r="R550">
        <v>1161.675</v>
      </c>
      <c r="S550">
        <v>0</v>
      </c>
      <c r="T550">
        <v>1138.27</v>
      </c>
      <c r="U550">
        <v>1128.106</v>
      </c>
      <c r="V550">
        <v>1113.4010000000001</v>
      </c>
      <c r="W550">
        <v>1099.934</v>
      </c>
      <c r="X550">
        <v>1070.452</v>
      </c>
      <c r="Y550">
        <v>1036.9970000000001</v>
      </c>
    </row>
    <row r="551" spans="1:25" x14ac:dyDescent="0.3">
      <c r="A551">
        <v>14.70000000630195</v>
      </c>
      <c r="B551">
        <v>981.85900000000004</v>
      </c>
      <c r="C551">
        <v>1022.649</v>
      </c>
      <c r="D551">
        <v>1110.1300000000001</v>
      </c>
      <c r="E551">
        <v>1108.4880000000001</v>
      </c>
      <c r="F551">
        <v>1049.4059999999999</v>
      </c>
      <c r="G551">
        <v>1039.278</v>
      </c>
      <c r="H551">
        <v>1029.6859999999999</v>
      </c>
      <c r="I551">
        <v>1036.443</v>
      </c>
      <c r="J551">
        <v>1048.278</v>
      </c>
      <c r="K551">
        <v>1052.1420000000001</v>
      </c>
      <c r="L551">
        <v>1048.0930000000001</v>
      </c>
      <c r="M551">
        <v>1025.2349999999999</v>
      </c>
      <c r="N551">
        <v>1213.153</v>
      </c>
      <c r="O551">
        <v>1190.5129999999999</v>
      </c>
      <c r="P551">
        <v>0</v>
      </c>
      <c r="Q551">
        <v>0</v>
      </c>
      <c r="R551">
        <v>1163.9549999999999</v>
      </c>
      <c r="S551">
        <v>0</v>
      </c>
      <c r="T551">
        <v>1135.7539999999999</v>
      </c>
      <c r="U551">
        <v>1122.259</v>
      </c>
      <c r="V551">
        <v>1107.905</v>
      </c>
      <c r="W551">
        <v>1096.847</v>
      </c>
      <c r="X551">
        <v>1065.9449999999999</v>
      </c>
      <c r="Y551">
        <v>1034.0129999999999</v>
      </c>
    </row>
    <row r="552" spans="1:25" x14ac:dyDescent="0.3">
      <c r="A552">
        <v>14.73333333694997</v>
      </c>
      <c r="B552">
        <v>987.798</v>
      </c>
      <c r="C552">
        <v>1021.917</v>
      </c>
      <c r="D552">
        <v>1098.3910000000001</v>
      </c>
      <c r="E552">
        <v>1100.422</v>
      </c>
      <c r="F552">
        <v>1039.722</v>
      </c>
      <c r="G552">
        <v>1035.4690000000001</v>
      </c>
      <c r="H552">
        <v>1030.1849999999999</v>
      </c>
      <c r="I552">
        <v>1041.07</v>
      </c>
      <c r="J552">
        <v>1056.0350000000001</v>
      </c>
      <c r="K552">
        <v>1060.953</v>
      </c>
      <c r="L552">
        <v>1053.845</v>
      </c>
      <c r="M552">
        <v>1029.154</v>
      </c>
      <c r="N552">
        <v>1202.7760000000001</v>
      </c>
      <c r="O552">
        <v>1180.787</v>
      </c>
      <c r="P552">
        <v>0</v>
      </c>
      <c r="Q552">
        <v>0</v>
      </c>
      <c r="R552">
        <v>1176.807</v>
      </c>
      <c r="S552">
        <v>0</v>
      </c>
      <c r="T552">
        <v>1160.6780000000001</v>
      </c>
      <c r="U552">
        <v>1138.04</v>
      </c>
      <c r="V552">
        <v>1121.335</v>
      </c>
      <c r="W552">
        <v>1107.624</v>
      </c>
      <c r="X552">
        <v>1072.7249999999999</v>
      </c>
      <c r="Y552">
        <v>1039.6849999999999</v>
      </c>
    </row>
    <row r="553" spans="1:25" x14ac:dyDescent="0.3">
      <c r="A553">
        <v>14.749999997035291</v>
      </c>
      <c r="B553">
        <v>997.71900000000005</v>
      </c>
      <c r="C553">
        <v>1018.1950000000001</v>
      </c>
      <c r="D553">
        <v>1100.912</v>
      </c>
      <c r="E553">
        <v>1096.4359999999999</v>
      </c>
      <c r="F553">
        <v>1042.587</v>
      </c>
      <c r="G553">
        <v>1032.1559999999999</v>
      </c>
      <c r="H553">
        <v>1024.8530000000001</v>
      </c>
      <c r="I553">
        <v>1032.653</v>
      </c>
      <c r="J553">
        <v>1047.0050000000001</v>
      </c>
      <c r="K553">
        <v>1055.386</v>
      </c>
      <c r="L553">
        <v>1052.884</v>
      </c>
      <c r="M553">
        <v>1030.941</v>
      </c>
      <c r="N553">
        <v>1207.7850000000001</v>
      </c>
      <c r="O553">
        <v>1173.6469999999999</v>
      </c>
      <c r="P553">
        <v>0</v>
      </c>
      <c r="Q553">
        <v>0</v>
      </c>
      <c r="R553">
        <v>1181.873</v>
      </c>
      <c r="S553">
        <v>0</v>
      </c>
      <c r="T553">
        <v>1158.1859999999999</v>
      </c>
      <c r="U553">
        <v>1136.4590000000001</v>
      </c>
      <c r="V553">
        <v>1120.07</v>
      </c>
      <c r="W553">
        <v>1106.44</v>
      </c>
      <c r="X553">
        <v>1071.999</v>
      </c>
      <c r="Y553">
        <v>1040.258</v>
      </c>
    </row>
    <row r="554" spans="1:25" x14ac:dyDescent="0.3">
      <c r="A554">
        <v>14.78333333816069</v>
      </c>
      <c r="B554">
        <v>1013.3339999999999</v>
      </c>
      <c r="C554">
        <v>1030.8109999999999</v>
      </c>
      <c r="D554">
        <v>1102.81</v>
      </c>
      <c r="E554">
        <v>1100.046</v>
      </c>
      <c r="F554">
        <v>1044.712</v>
      </c>
      <c r="G554">
        <v>1037.752</v>
      </c>
      <c r="H554">
        <v>1030.5340000000001</v>
      </c>
      <c r="I554">
        <v>1038.7090000000001</v>
      </c>
      <c r="J554">
        <v>1054.4939999999999</v>
      </c>
      <c r="K554">
        <v>1060.0999999999999</v>
      </c>
      <c r="L554">
        <v>1056.202</v>
      </c>
      <c r="M554">
        <v>1032.1179999999999</v>
      </c>
      <c r="N554">
        <v>1211.528</v>
      </c>
      <c r="O554">
        <v>1185.884</v>
      </c>
      <c r="P554">
        <v>0</v>
      </c>
      <c r="Q554">
        <v>0</v>
      </c>
      <c r="R554">
        <v>1179.721</v>
      </c>
      <c r="S554">
        <v>0</v>
      </c>
      <c r="T554">
        <v>1157.2070000000001</v>
      </c>
      <c r="U554">
        <v>1135.7550000000001</v>
      </c>
      <c r="V554">
        <v>1117.519</v>
      </c>
      <c r="W554">
        <v>1103.4870000000001</v>
      </c>
      <c r="X554">
        <v>1068.4570000000001</v>
      </c>
      <c r="Y554">
        <v>1036.6289999999999</v>
      </c>
    </row>
    <row r="555" spans="1:25" x14ac:dyDescent="0.3">
      <c r="A555">
        <v>14.816666668808709</v>
      </c>
      <c r="B555">
        <v>1023.147</v>
      </c>
      <c r="C555">
        <v>1040.961</v>
      </c>
      <c r="D555">
        <v>1107.588</v>
      </c>
      <c r="E555">
        <v>1105.444</v>
      </c>
      <c r="F555">
        <v>1040.4059999999999</v>
      </c>
      <c r="G555">
        <v>1032.027</v>
      </c>
      <c r="H555">
        <v>1025.623</v>
      </c>
      <c r="I555">
        <v>1033.74</v>
      </c>
      <c r="J555">
        <v>1049.6310000000001</v>
      </c>
      <c r="K555">
        <v>1057.2059999999999</v>
      </c>
      <c r="L555">
        <v>1054.125</v>
      </c>
      <c r="M555">
        <v>1031.585</v>
      </c>
      <c r="N555">
        <v>1212.3720000000001</v>
      </c>
      <c r="O555">
        <v>1168.752</v>
      </c>
      <c r="P555">
        <v>0</v>
      </c>
      <c r="Q555">
        <v>0</v>
      </c>
      <c r="R555">
        <v>1181.777</v>
      </c>
      <c r="S555">
        <v>0</v>
      </c>
      <c r="T555">
        <v>1156.346</v>
      </c>
      <c r="U555">
        <v>1134.58</v>
      </c>
      <c r="V555">
        <v>1115.7629999999999</v>
      </c>
      <c r="W555">
        <v>1101.5709999999999</v>
      </c>
      <c r="X555">
        <v>1068.7570000000001</v>
      </c>
      <c r="Y555">
        <v>1036.741</v>
      </c>
    </row>
    <row r="556" spans="1:25" x14ac:dyDescent="0.3">
      <c r="A556">
        <v>14.833333339371409</v>
      </c>
      <c r="B556">
        <v>1000.9109999999999</v>
      </c>
      <c r="C556">
        <v>1050.703</v>
      </c>
      <c r="D556">
        <v>1107.0619999999999</v>
      </c>
      <c r="E556">
        <v>1099.277</v>
      </c>
      <c r="F556">
        <v>1036.6310000000001</v>
      </c>
      <c r="G556">
        <v>1030.021</v>
      </c>
      <c r="H556">
        <v>1025.0920000000001</v>
      </c>
      <c r="I556">
        <v>1034.2560000000001</v>
      </c>
      <c r="J556">
        <v>1052.8109999999999</v>
      </c>
      <c r="K556">
        <v>1059.8599999999999</v>
      </c>
      <c r="L556">
        <v>1057.2249999999999</v>
      </c>
      <c r="M556">
        <v>1033.059</v>
      </c>
      <c r="N556">
        <v>1206.7729999999999</v>
      </c>
      <c r="O556">
        <v>1172.9549999999999</v>
      </c>
      <c r="P556">
        <v>0</v>
      </c>
      <c r="Q556">
        <v>0</v>
      </c>
      <c r="R556">
        <v>1177.6959999999999</v>
      </c>
      <c r="S556">
        <v>0</v>
      </c>
      <c r="T556">
        <v>1149.546</v>
      </c>
      <c r="U556">
        <v>1129.3420000000001</v>
      </c>
      <c r="V556">
        <v>1111.211</v>
      </c>
      <c r="W556">
        <v>1097.979</v>
      </c>
      <c r="X556">
        <v>1066.412</v>
      </c>
      <c r="Y556">
        <v>1035.876</v>
      </c>
    </row>
    <row r="557" spans="1:25" x14ac:dyDescent="0.3">
      <c r="A557">
        <v>14.866666670019429</v>
      </c>
      <c r="B557">
        <v>1005.643</v>
      </c>
      <c r="C557">
        <v>1056.854</v>
      </c>
      <c r="D557">
        <v>1110.7950000000001</v>
      </c>
      <c r="E557">
        <v>1088.829</v>
      </c>
      <c r="F557">
        <v>1028.069</v>
      </c>
      <c r="G557">
        <v>1025.4770000000001</v>
      </c>
      <c r="H557">
        <v>1023.625</v>
      </c>
      <c r="I557">
        <v>1032.691</v>
      </c>
      <c r="J557">
        <v>1051.5170000000001</v>
      </c>
      <c r="K557">
        <v>1059.508</v>
      </c>
      <c r="L557">
        <v>1057.002</v>
      </c>
      <c r="M557">
        <v>1034.421</v>
      </c>
      <c r="N557">
        <v>1210.0989999999999</v>
      </c>
      <c r="O557">
        <v>1171.413</v>
      </c>
      <c r="P557">
        <v>0</v>
      </c>
      <c r="Q557">
        <v>0</v>
      </c>
      <c r="R557">
        <v>1186.6220000000001</v>
      </c>
      <c r="S557">
        <v>0</v>
      </c>
      <c r="T557">
        <v>1157.9000000000001</v>
      </c>
      <c r="U557">
        <v>1135.0360000000001</v>
      </c>
      <c r="V557">
        <v>1114.404</v>
      </c>
      <c r="W557">
        <v>1100.5930000000001</v>
      </c>
      <c r="X557">
        <v>1067.229</v>
      </c>
      <c r="Y557">
        <v>1037.0730000000001</v>
      </c>
    </row>
    <row r="558" spans="1:25" x14ac:dyDescent="0.3">
      <c r="A558">
        <v>14.883333330104749</v>
      </c>
      <c r="B558">
        <v>998.73900000000003</v>
      </c>
      <c r="C558">
        <v>1085.627</v>
      </c>
      <c r="D558">
        <v>1126.3420000000001</v>
      </c>
      <c r="E558">
        <v>1084.9159999999999</v>
      </c>
      <c r="F558">
        <v>1025.4580000000001</v>
      </c>
      <c r="G558">
        <v>1022.506</v>
      </c>
      <c r="H558">
        <v>1020.048</v>
      </c>
      <c r="I558">
        <v>1027.3510000000001</v>
      </c>
      <c r="J558">
        <v>1044.6759999999999</v>
      </c>
      <c r="K558">
        <v>1055.0709999999999</v>
      </c>
      <c r="L558">
        <v>1053.4939999999999</v>
      </c>
      <c r="M558">
        <v>1032.5239999999999</v>
      </c>
      <c r="N558">
        <v>1214.2539999999999</v>
      </c>
      <c r="O558">
        <v>1175.98</v>
      </c>
      <c r="P558">
        <v>0</v>
      </c>
      <c r="Q558">
        <v>0</v>
      </c>
      <c r="R558">
        <v>1175.0940000000001</v>
      </c>
      <c r="S558">
        <v>0</v>
      </c>
      <c r="T558">
        <v>1150.9010000000001</v>
      </c>
      <c r="U558">
        <v>1135.8520000000001</v>
      </c>
      <c r="V558">
        <v>1114.0250000000001</v>
      </c>
      <c r="W558">
        <v>1101.8710000000001</v>
      </c>
      <c r="X558">
        <v>1068.5139999999999</v>
      </c>
      <c r="Y558">
        <v>1038.5820000000001</v>
      </c>
    </row>
    <row r="559" spans="1:25" x14ac:dyDescent="0.3">
      <c r="A559">
        <v>14.916666671230148</v>
      </c>
      <c r="B559">
        <v>1008.529</v>
      </c>
      <c r="C559">
        <v>1065.9100000000001</v>
      </c>
      <c r="D559">
        <v>1110.3589999999999</v>
      </c>
      <c r="E559">
        <v>1066.857</v>
      </c>
      <c r="F559">
        <v>1017.15</v>
      </c>
      <c r="G559">
        <v>1015.995</v>
      </c>
      <c r="H559">
        <v>1014.601</v>
      </c>
      <c r="I559">
        <v>1021.918</v>
      </c>
      <c r="J559">
        <v>1039.8520000000001</v>
      </c>
      <c r="K559">
        <v>1053.809</v>
      </c>
      <c r="L559">
        <v>1051.405</v>
      </c>
      <c r="M559">
        <v>1029.7619999999999</v>
      </c>
      <c r="N559">
        <v>1214.665</v>
      </c>
      <c r="O559">
        <v>1178.9860000000001</v>
      </c>
      <c r="P559">
        <v>0</v>
      </c>
      <c r="Q559">
        <v>0</v>
      </c>
      <c r="R559">
        <v>1184.877</v>
      </c>
      <c r="S559">
        <v>0</v>
      </c>
      <c r="T559">
        <v>1151.3989999999999</v>
      </c>
      <c r="U559">
        <v>1131.808</v>
      </c>
      <c r="V559">
        <v>1111.002</v>
      </c>
      <c r="W559">
        <v>1100.367</v>
      </c>
      <c r="X559">
        <v>1069.9490000000001</v>
      </c>
      <c r="Y559">
        <v>1041.404</v>
      </c>
    </row>
    <row r="560" spans="1:25" x14ac:dyDescent="0.3">
      <c r="A560">
        <v>14.950000001878168</v>
      </c>
      <c r="B560">
        <v>990.27599999999995</v>
      </c>
      <c r="C560">
        <v>1062.979</v>
      </c>
      <c r="D560">
        <v>1100.97</v>
      </c>
      <c r="E560">
        <v>1058.2650000000001</v>
      </c>
      <c r="F560">
        <v>1014.327</v>
      </c>
      <c r="G560">
        <v>1014.144</v>
      </c>
      <c r="H560">
        <v>1012.97</v>
      </c>
      <c r="I560">
        <v>1019.591</v>
      </c>
      <c r="J560">
        <v>1039.8900000000001</v>
      </c>
      <c r="K560">
        <v>1054.441</v>
      </c>
      <c r="L560">
        <v>1049.558</v>
      </c>
      <c r="M560">
        <v>1028.751</v>
      </c>
      <c r="N560">
        <v>1214.8430000000001</v>
      </c>
      <c r="O560">
        <v>1177.5229999999999</v>
      </c>
      <c r="P560">
        <v>0</v>
      </c>
      <c r="Q560">
        <v>0</v>
      </c>
      <c r="R560">
        <v>1178.5250000000001</v>
      </c>
      <c r="S560">
        <v>0</v>
      </c>
      <c r="T560">
        <v>1147.047</v>
      </c>
      <c r="U560">
        <v>1126.798</v>
      </c>
      <c r="V560">
        <v>1106.48</v>
      </c>
      <c r="W560">
        <v>1094.877</v>
      </c>
      <c r="X560">
        <v>1064.297</v>
      </c>
      <c r="Y560">
        <v>1036.4839999999999</v>
      </c>
    </row>
    <row r="561" spans="1:25" x14ac:dyDescent="0.3">
      <c r="A561">
        <v>14.966666672440867</v>
      </c>
      <c r="B561">
        <v>1023.5549999999999</v>
      </c>
      <c r="C561">
        <v>1069.5250000000001</v>
      </c>
      <c r="D561">
        <v>1109.268</v>
      </c>
      <c r="E561">
        <v>1091.117</v>
      </c>
      <c r="F561">
        <v>1041.2239999999999</v>
      </c>
      <c r="G561">
        <v>1026.876</v>
      </c>
      <c r="H561">
        <v>1019.355</v>
      </c>
      <c r="I561">
        <v>1024.252</v>
      </c>
      <c r="J561">
        <v>1042.277</v>
      </c>
      <c r="K561">
        <v>1055.4469999999999</v>
      </c>
      <c r="L561">
        <v>1050.67</v>
      </c>
      <c r="M561">
        <v>1030.7239999999999</v>
      </c>
      <c r="N561">
        <v>1214.434</v>
      </c>
      <c r="O561">
        <v>1174.693</v>
      </c>
      <c r="P561">
        <v>0</v>
      </c>
      <c r="Q561">
        <v>0</v>
      </c>
      <c r="R561">
        <v>1169.2190000000001</v>
      </c>
      <c r="S561">
        <v>0</v>
      </c>
      <c r="T561">
        <v>1136.521</v>
      </c>
      <c r="U561">
        <v>1120.585</v>
      </c>
      <c r="V561">
        <v>1099.826</v>
      </c>
      <c r="W561">
        <v>1089.376</v>
      </c>
      <c r="X561">
        <v>1059.029</v>
      </c>
      <c r="Y561">
        <v>1032.8420000000001</v>
      </c>
    </row>
    <row r="562" spans="1:25" x14ac:dyDescent="0.3">
      <c r="A562">
        <v>15.000000003088887</v>
      </c>
      <c r="B562">
        <v>1008.532</v>
      </c>
      <c r="C562">
        <v>1042.0909999999999</v>
      </c>
      <c r="D562">
        <v>1096.9670000000001</v>
      </c>
      <c r="E562">
        <v>1101.6679999999999</v>
      </c>
      <c r="F562">
        <v>1065.2829999999999</v>
      </c>
      <c r="G562">
        <v>1039.598</v>
      </c>
      <c r="H562">
        <v>1028.0170000000001</v>
      </c>
      <c r="I562">
        <v>1033.54</v>
      </c>
      <c r="J562">
        <v>1050.2809999999999</v>
      </c>
      <c r="K562">
        <v>1055.4639999999999</v>
      </c>
      <c r="L562">
        <v>1047.8219999999999</v>
      </c>
      <c r="M562">
        <v>1025.626</v>
      </c>
      <c r="N562">
        <v>1212.924</v>
      </c>
      <c r="O562">
        <v>1166.096</v>
      </c>
      <c r="P562">
        <v>0</v>
      </c>
      <c r="Q562">
        <v>0</v>
      </c>
      <c r="R562">
        <v>1151.383</v>
      </c>
      <c r="S562">
        <v>0</v>
      </c>
      <c r="T562">
        <v>1120.0740000000001</v>
      </c>
      <c r="U562">
        <v>1107.027</v>
      </c>
      <c r="V562">
        <v>1089.338</v>
      </c>
      <c r="W562">
        <v>1081.0250000000001</v>
      </c>
      <c r="X562">
        <v>1051.279</v>
      </c>
      <c r="Y562">
        <v>1024.3610000000001</v>
      </c>
    </row>
    <row r="563" spans="1:25" x14ac:dyDescent="0.3">
      <c r="A563">
        <v>15.016666663174208</v>
      </c>
      <c r="B563">
        <v>991.404</v>
      </c>
      <c r="C563">
        <v>1056.279</v>
      </c>
      <c r="D563">
        <v>1092.818</v>
      </c>
      <c r="E563">
        <v>1107.721</v>
      </c>
      <c r="F563">
        <v>1076.288</v>
      </c>
      <c r="G563">
        <v>1051.1469999999999</v>
      </c>
      <c r="H563">
        <v>1036.6679999999999</v>
      </c>
      <c r="I563">
        <v>1044.4929999999999</v>
      </c>
      <c r="J563">
        <v>1060.1020000000001</v>
      </c>
      <c r="K563">
        <v>1060.826</v>
      </c>
      <c r="L563">
        <v>1050.279</v>
      </c>
      <c r="M563">
        <v>1025.6610000000001</v>
      </c>
      <c r="N563">
        <v>1201.8630000000001</v>
      </c>
      <c r="O563">
        <v>1158.3800000000001</v>
      </c>
      <c r="P563">
        <v>0</v>
      </c>
      <c r="Q563">
        <v>0</v>
      </c>
      <c r="R563">
        <v>1155.0429999999999</v>
      </c>
      <c r="S563">
        <v>0</v>
      </c>
      <c r="T563">
        <v>1129.133</v>
      </c>
      <c r="U563">
        <v>1116.2929999999999</v>
      </c>
      <c r="V563">
        <v>1097.2650000000001</v>
      </c>
      <c r="W563">
        <v>1087.0139999999999</v>
      </c>
      <c r="X563">
        <v>1053.7360000000001</v>
      </c>
      <c r="Y563">
        <v>1025.184</v>
      </c>
    </row>
    <row r="564" spans="1:25" x14ac:dyDescent="0.3">
      <c r="A564">
        <v>15.050000004299607</v>
      </c>
      <c r="B564">
        <v>985.149</v>
      </c>
      <c r="C564">
        <v>1071.3140000000001</v>
      </c>
      <c r="D564">
        <v>1107.6489999999999</v>
      </c>
      <c r="E564">
        <v>1105.5239999999999</v>
      </c>
      <c r="F564">
        <v>1064.56</v>
      </c>
      <c r="G564">
        <v>1046.6030000000001</v>
      </c>
      <c r="H564">
        <v>1036.174</v>
      </c>
      <c r="I564">
        <v>1043.4970000000001</v>
      </c>
      <c r="J564">
        <v>1059.2329999999999</v>
      </c>
      <c r="K564">
        <v>1060.903</v>
      </c>
      <c r="L564">
        <v>1052.3889999999999</v>
      </c>
      <c r="M564">
        <v>1028.902</v>
      </c>
      <c r="N564">
        <v>1217.845</v>
      </c>
      <c r="O564">
        <v>1162.2560000000001</v>
      </c>
      <c r="P564">
        <v>0</v>
      </c>
      <c r="Q564">
        <v>0</v>
      </c>
      <c r="R564">
        <v>1165.461</v>
      </c>
      <c r="S564">
        <v>0</v>
      </c>
      <c r="T564">
        <v>1141.27</v>
      </c>
      <c r="U564">
        <v>1125.682</v>
      </c>
      <c r="V564">
        <v>1106.2570000000001</v>
      </c>
      <c r="W564">
        <v>1094.8050000000001</v>
      </c>
      <c r="X564">
        <v>1063.019</v>
      </c>
      <c r="Y564">
        <v>1034.038</v>
      </c>
    </row>
    <row r="565" spans="1:25" x14ac:dyDescent="0.3">
      <c r="A565">
        <v>15.083333334947627</v>
      </c>
      <c r="B565">
        <v>980.72400000000005</v>
      </c>
      <c r="C565">
        <v>1072.154</v>
      </c>
      <c r="D565">
        <v>1103.8320000000001</v>
      </c>
      <c r="E565">
        <v>1082.8430000000001</v>
      </c>
      <c r="F565">
        <v>1040.152</v>
      </c>
      <c r="G565">
        <v>1031.664</v>
      </c>
      <c r="H565">
        <v>1027.319</v>
      </c>
      <c r="I565">
        <v>1034.702</v>
      </c>
      <c r="J565">
        <v>1050.7809999999999</v>
      </c>
      <c r="K565">
        <v>1054.816</v>
      </c>
      <c r="L565">
        <v>1048.8219999999999</v>
      </c>
      <c r="M565">
        <v>1027.2270000000001</v>
      </c>
      <c r="N565">
        <v>1204.9449999999999</v>
      </c>
      <c r="O565">
        <v>1167.7360000000001</v>
      </c>
      <c r="P565">
        <v>0</v>
      </c>
      <c r="Q565">
        <v>0</v>
      </c>
      <c r="R565">
        <v>1166.7339999999999</v>
      </c>
      <c r="S565">
        <v>0</v>
      </c>
      <c r="T565">
        <v>1148.921</v>
      </c>
      <c r="U565">
        <v>1132.0219999999999</v>
      </c>
      <c r="V565">
        <v>1111.1579999999999</v>
      </c>
      <c r="W565">
        <v>1098.491</v>
      </c>
      <c r="X565">
        <v>1065.8409999999999</v>
      </c>
      <c r="Y565">
        <v>1036.2670000000001</v>
      </c>
    </row>
    <row r="566" spans="1:25" x14ac:dyDescent="0.3">
      <c r="A566">
        <v>15.100000005510326</v>
      </c>
      <c r="B566">
        <v>1017.191</v>
      </c>
      <c r="C566">
        <v>1088.5519999999999</v>
      </c>
      <c r="D566">
        <v>1098.81</v>
      </c>
      <c r="E566">
        <v>1077.4649999999999</v>
      </c>
      <c r="F566">
        <v>1028.809</v>
      </c>
      <c r="G566">
        <v>1019.758</v>
      </c>
      <c r="H566">
        <v>1017.264</v>
      </c>
      <c r="I566">
        <v>1022.693</v>
      </c>
      <c r="J566">
        <v>1034.922</v>
      </c>
      <c r="K566">
        <v>1043.441</v>
      </c>
      <c r="L566">
        <v>1042.5360000000001</v>
      </c>
      <c r="M566">
        <v>1026.5440000000001</v>
      </c>
      <c r="N566">
        <v>1192.1869999999999</v>
      </c>
      <c r="O566">
        <v>1152.6300000000001</v>
      </c>
      <c r="P566">
        <v>0</v>
      </c>
      <c r="Q566">
        <v>0</v>
      </c>
      <c r="R566">
        <v>1183.4280000000001</v>
      </c>
      <c r="S566">
        <v>0</v>
      </c>
      <c r="T566">
        <v>1159.7819999999999</v>
      </c>
      <c r="U566">
        <v>1138.942</v>
      </c>
      <c r="V566">
        <v>1113.7829999999999</v>
      </c>
      <c r="W566">
        <v>1102.1199999999999</v>
      </c>
      <c r="X566">
        <v>1069.2449999999999</v>
      </c>
      <c r="Y566">
        <v>1039.414</v>
      </c>
    </row>
    <row r="567" spans="1:25" x14ac:dyDescent="0.3">
      <c r="A567">
        <v>15.133333336158346</v>
      </c>
      <c r="B567">
        <v>1023.2089999999999</v>
      </c>
      <c r="C567">
        <v>1087.431</v>
      </c>
      <c r="D567">
        <v>1105.883</v>
      </c>
      <c r="E567">
        <v>1092.261</v>
      </c>
      <c r="F567">
        <v>1045.2929999999999</v>
      </c>
      <c r="G567">
        <v>1030.7629999999999</v>
      </c>
      <c r="H567">
        <v>1023.227</v>
      </c>
      <c r="I567">
        <v>1026.0329999999999</v>
      </c>
      <c r="J567">
        <v>1034.758</v>
      </c>
      <c r="K567">
        <v>1045.422</v>
      </c>
      <c r="L567">
        <v>1046.088</v>
      </c>
      <c r="M567">
        <v>1029.8789999999999</v>
      </c>
      <c r="N567">
        <v>1202.1990000000001</v>
      </c>
      <c r="O567">
        <v>1162.181</v>
      </c>
      <c r="P567">
        <v>0</v>
      </c>
      <c r="Q567">
        <v>0</v>
      </c>
      <c r="R567">
        <v>1191.376</v>
      </c>
      <c r="S567">
        <v>0</v>
      </c>
      <c r="T567">
        <v>1168.663</v>
      </c>
      <c r="U567">
        <v>1147.72</v>
      </c>
      <c r="V567">
        <v>1122.3440000000001</v>
      </c>
      <c r="W567">
        <v>1109.1189999999999</v>
      </c>
      <c r="X567">
        <v>1073.665</v>
      </c>
      <c r="Y567">
        <v>1043.6469999999999</v>
      </c>
    </row>
    <row r="568" spans="1:25" x14ac:dyDescent="0.3">
      <c r="A568">
        <v>15.150000006721045</v>
      </c>
      <c r="B568">
        <v>1005.3390000000001</v>
      </c>
      <c r="C568">
        <v>1097.9110000000001</v>
      </c>
      <c r="D568">
        <v>1116.1859999999999</v>
      </c>
      <c r="E568">
        <v>1107.7080000000001</v>
      </c>
      <c r="F568">
        <v>1059.904</v>
      </c>
      <c r="G568">
        <v>1042.4649999999999</v>
      </c>
      <c r="H568">
        <v>1034.06</v>
      </c>
      <c r="I568">
        <v>1035.864</v>
      </c>
      <c r="J568">
        <v>1044.739</v>
      </c>
      <c r="K568">
        <v>1053.1130000000001</v>
      </c>
      <c r="L568">
        <v>1051.2650000000001</v>
      </c>
      <c r="M568">
        <v>1031.979</v>
      </c>
      <c r="N568">
        <v>1207.52</v>
      </c>
      <c r="O568">
        <v>1168.702</v>
      </c>
      <c r="P568">
        <v>0</v>
      </c>
      <c r="Q568">
        <v>0</v>
      </c>
      <c r="R568">
        <v>1173.27</v>
      </c>
      <c r="S568">
        <v>0</v>
      </c>
      <c r="T568">
        <v>1159.671</v>
      </c>
      <c r="U568">
        <v>1150.7170000000001</v>
      </c>
      <c r="V568">
        <v>1128.703</v>
      </c>
      <c r="W568">
        <v>1113.9380000000001</v>
      </c>
      <c r="X568">
        <v>1079.5940000000001</v>
      </c>
      <c r="Y568">
        <v>1049.971</v>
      </c>
    </row>
    <row r="569" spans="1:25" x14ac:dyDescent="0.3">
      <c r="A569">
        <v>15.183333337369065</v>
      </c>
      <c r="B569">
        <v>998.83299999999997</v>
      </c>
      <c r="C569">
        <v>1085.6869999999999</v>
      </c>
      <c r="D569">
        <v>1099.9190000000001</v>
      </c>
      <c r="E569">
        <v>1088.364</v>
      </c>
      <c r="F569">
        <v>1049.135</v>
      </c>
      <c r="G569">
        <v>1037.462</v>
      </c>
      <c r="H569">
        <v>1031.165</v>
      </c>
      <c r="I569">
        <v>1035.6569999999999</v>
      </c>
      <c r="J569">
        <v>1045.308</v>
      </c>
      <c r="K569">
        <v>1055.204</v>
      </c>
      <c r="L569">
        <v>1057.3019999999999</v>
      </c>
      <c r="M569">
        <v>1040.298</v>
      </c>
      <c r="N569">
        <v>1186.1600000000001</v>
      </c>
      <c r="O569">
        <v>1155.4100000000001</v>
      </c>
      <c r="P569">
        <v>0</v>
      </c>
      <c r="Q569">
        <v>0</v>
      </c>
      <c r="R569">
        <v>1167.2329999999999</v>
      </c>
      <c r="S569">
        <v>0</v>
      </c>
      <c r="T569">
        <v>1155.0840000000001</v>
      </c>
      <c r="U569">
        <v>1148.8050000000001</v>
      </c>
      <c r="V569">
        <v>1141.5930000000001</v>
      </c>
      <c r="W569">
        <v>1121.038</v>
      </c>
      <c r="X569">
        <v>1092.7819999999999</v>
      </c>
      <c r="Y569">
        <v>1061.107</v>
      </c>
    </row>
    <row r="570" spans="1:25" x14ac:dyDescent="0.3">
      <c r="A570">
        <v>15.216666668017085</v>
      </c>
      <c r="B570">
        <v>995.83299999999997</v>
      </c>
      <c r="C570">
        <v>1079.127</v>
      </c>
      <c r="D570">
        <v>1104.4169999999999</v>
      </c>
      <c r="E570">
        <v>1078.6990000000001</v>
      </c>
      <c r="F570">
        <v>1034.704</v>
      </c>
      <c r="G570">
        <v>1030.193</v>
      </c>
      <c r="H570">
        <v>1028.941</v>
      </c>
      <c r="I570">
        <v>1035.146</v>
      </c>
      <c r="J570">
        <v>1047.364</v>
      </c>
      <c r="K570">
        <v>1056.7860000000001</v>
      </c>
      <c r="L570">
        <v>1059.347</v>
      </c>
      <c r="M570">
        <v>1040.93</v>
      </c>
      <c r="N570">
        <v>1197.5229999999999</v>
      </c>
      <c r="O570">
        <v>1156.2570000000001</v>
      </c>
      <c r="P570">
        <v>0</v>
      </c>
      <c r="Q570">
        <v>0</v>
      </c>
      <c r="R570">
        <v>1184.0709999999999</v>
      </c>
      <c r="S570">
        <v>0</v>
      </c>
      <c r="T570">
        <v>1156.7370000000001</v>
      </c>
      <c r="U570">
        <v>1146.538</v>
      </c>
      <c r="V570">
        <v>1132.8030000000001</v>
      </c>
      <c r="W570">
        <v>1112.521</v>
      </c>
      <c r="X570">
        <v>1084.2860000000001</v>
      </c>
      <c r="Y570">
        <v>1056.173</v>
      </c>
    </row>
    <row r="571" spans="1:25" x14ac:dyDescent="0.3">
      <c r="A571">
        <v>15.233333338579785</v>
      </c>
      <c r="B571">
        <v>1009.285</v>
      </c>
      <c r="C571">
        <v>1097.4590000000001</v>
      </c>
      <c r="D571">
        <v>1115.4110000000001</v>
      </c>
      <c r="E571">
        <v>1093.123</v>
      </c>
      <c r="F571">
        <v>1042.9449999999999</v>
      </c>
      <c r="G571">
        <v>1029.383</v>
      </c>
      <c r="H571">
        <v>1025.5930000000001</v>
      </c>
      <c r="I571">
        <v>1030.9290000000001</v>
      </c>
      <c r="J571">
        <v>1043.1300000000001</v>
      </c>
      <c r="K571">
        <v>1053.501</v>
      </c>
      <c r="L571">
        <v>1056.6369999999999</v>
      </c>
      <c r="M571">
        <v>1038.3679999999999</v>
      </c>
      <c r="N571">
        <v>1196.0229999999999</v>
      </c>
      <c r="O571">
        <v>1161.204</v>
      </c>
      <c r="P571">
        <v>0</v>
      </c>
      <c r="Q571">
        <v>0</v>
      </c>
      <c r="R571">
        <v>1192.597</v>
      </c>
      <c r="S571">
        <v>0</v>
      </c>
      <c r="T571">
        <v>1171.2650000000001</v>
      </c>
      <c r="U571">
        <v>1155.548</v>
      </c>
      <c r="V571">
        <v>1139.6320000000001</v>
      </c>
      <c r="W571">
        <v>1113.4649999999999</v>
      </c>
      <c r="X571">
        <v>1082.845</v>
      </c>
      <c r="Y571">
        <v>1054.1869999999999</v>
      </c>
    </row>
    <row r="572" spans="1:25" x14ac:dyDescent="0.3">
      <c r="A572">
        <v>15.266666669227805</v>
      </c>
      <c r="B572">
        <v>1001.847</v>
      </c>
      <c r="C572">
        <v>1077.4290000000001</v>
      </c>
      <c r="D572">
        <v>1121.2660000000001</v>
      </c>
      <c r="E572">
        <v>1104.7719999999999</v>
      </c>
      <c r="F572">
        <v>1071.3520000000001</v>
      </c>
      <c r="G572">
        <v>1052.796</v>
      </c>
      <c r="H572">
        <v>1040.152</v>
      </c>
      <c r="I572">
        <v>1042.481</v>
      </c>
      <c r="J572">
        <v>1053.222</v>
      </c>
      <c r="K572">
        <v>1060.124</v>
      </c>
      <c r="L572">
        <v>1057.8789999999999</v>
      </c>
      <c r="M572">
        <v>1037.2239999999999</v>
      </c>
      <c r="N572">
        <v>1195.981</v>
      </c>
      <c r="O572">
        <v>1156.2929999999999</v>
      </c>
      <c r="P572">
        <v>0</v>
      </c>
      <c r="Q572">
        <v>0</v>
      </c>
      <c r="R572">
        <v>1192.479</v>
      </c>
      <c r="S572">
        <v>0</v>
      </c>
      <c r="T572">
        <v>1170.029</v>
      </c>
      <c r="U572">
        <v>1152.8800000000001</v>
      </c>
      <c r="V572">
        <v>1132.7629999999999</v>
      </c>
      <c r="W572">
        <v>1108.4390000000001</v>
      </c>
      <c r="X572">
        <v>1078.175</v>
      </c>
      <c r="Y572">
        <v>1050.4670000000001</v>
      </c>
    </row>
    <row r="573" spans="1:25" x14ac:dyDescent="0.3">
      <c r="A573">
        <v>15.283333339790504</v>
      </c>
      <c r="B573">
        <v>999.02</v>
      </c>
      <c r="C573">
        <v>1071.0940000000001</v>
      </c>
      <c r="D573">
        <v>1106.9380000000001</v>
      </c>
      <c r="E573">
        <v>1077.47</v>
      </c>
      <c r="F573">
        <v>1050.1369999999999</v>
      </c>
      <c r="G573">
        <v>1044.204</v>
      </c>
      <c r="H573">
        <v>1040.654</v>
      </c>
      <c r="I573">
        <v>1044.8510000000001</v>
      </c>
      <c r="J573">
        <v>1055.877</v>
      </c>
      <c r="K573">
        <v>1060.2950000000001</v>
      </c>
      <c r="L573">
        <v>1055.989</v>
      </c>
      <c r="M573">
        <v>1034.797</v>
      </c>
      <c r="N573">
        <v>1201.3630000000001</v>
      </c>
      <c r="O573">
        <v>1158.08</v>
      </c>
      <c r="P573">
        <v>0</v>
      </c>
      <c r="Q573">
        <v>0</v>
      </c>
      <c r="R573">
        <v>1193.1210000000001</v>
      </c>
      <c r="S573">
        <v>0</v>
      </c>
      <c r="T573">
        <v>1166.2360000000001</v>
      </c>
      <c r="U573">
        <v>1147.989</v>
      </c>
      <c r="V573">
        <v>1127.7159999999999</v>
      </c>
      <c r="W573">
        <v>1103.0640000000001</v>
      </c>
      <c r="X573">
        <v>1072.903</v>
      </c>
      <c r="Y573">
        <v>1045.83</v>
      </c>
    </row>
    <row r="574" spans="1:25" x14ac:dyDescent="0.3">
      <c r="A574">
        <v>15.316666670438524</v>
      </c>
      <c r="B574">
        <v>1019.452</v>
      </c>
      <c r="C574">
        <v>1093.7239999999999</v>
      </c>
      <c r="D574">
        <v>1105.604</v>
      </c>
      <c r="E574">
        <v>1074.5809999999999</v>
      </c>
      <c r="F574">
        <v>1036.8599999999999</v>
      </c>
      <c r="G574">
        <v>1032.809</v>
      </c>
      <c r="H574">
        <v>1032.22</v>
      </c>
      <c r="I574">
        <v>1038.259</v>
      </c>
      <c r="J574">
        <v>1053.355</v>
      </c>
      <c r="K574">
        <v>1056.8430000000001</v>
      </c>
      <c r="L574">
        <v>1049.954</v>
      </c>
      <c r="M574">
        <v>1028.335</v>
      </c>
      <c r="N574">
        <v>1202.806</v>
      </c>
      <c r="O574">
        <v>1160.6500000000001</v>
      </c>
      <c r="P574">
        <v>0</v>
      </c>
      <c r="Q574">
        <v>0</v>
      </c>
      <c r="R574">
        <v>1197.5450000000001</v>
      </c>
      <c r="S574">
        <v>0</v>
      </c>
      <c r="T574">
        <v>1171.942</v>
      </c>
      <c r="U574">
        <v>1152.904</v>
      </c>
      <c r="V574">
        <v>1133.1279999999999</v>
      </c>
      <c r="W574">
        <v>1105.6790000000001</v>
      </c>
      <c r="X574">
        <v>1072.0830000000001</v>
      </c>
      <c r="Y574">
        <v>1043.7239999999999</v>
      </c>
    </row>
    <row r="575" spans="1:25" x14ac:dyDescent="0.3">
      <c r="A575">
        <v>15.350000001086544</v>
      </c>
      <c r="B575">
        <v>1031.2439999999999</v>
      </c>
      <c r="C575">
        <v>1095.5239999999999</v>
      </c>
      <c r="D575">
        <v>1111.8420000000001</v>
      </c>
      <c r="E575">
        <v>1083.558</v>
      </c>
      <c r="F575">
        <v>1037.9639999999999</v>
      </c>
      <c r="G575">
        <v>1032.5509999999999</v>
      </c>
      <c r="H575">
        <v>1031.557</v>
      </c>
      <c r="I575">
        <v>1038.48</v>
      </c>
      <c r="J575">
        <v>1053.336</v>
      </c>
      <c r="K575">
        <v>1057.53</v>
      </c>
      <c r="L575">
        <v>1050.027</v>
      </c>
      <c r="M575">
        <v>1028.28</v>
      </c>
      <c r="N575">
        <v>1213.2629999999999</v>
      </c>
      <c r="O575">
        <v>1162.126</v>
      </c>
      <c r="P575">
        <v>0</v>
      </c>
      <c r="Q575">
        <v>0</v>
      </c>
      <c r="R575">
        <v>1194.894</v>
      </c>
      <c r="S575">
        <v>0</v>
      </c>
      <c r="T575">
        <v>1173.9069999999999</v>
      </c>
      <c r="U575">
        <v>1158.0039999999999</v>
      </c>
      <c r="V575">
        <v>1137.8789999999999</v>
      </c>
      <c r="W575">
        <v>1112.9380000000001</v>
      </c>
      <c r="X575">
        <v>1077.2280000000001</v>
      </c>
      <c r="Y575">
        <v>1047.365</v>
      </c>
    </row>
    <row r="576" spans="1:25" x14ac:dyDescent="0.3">
      <c r="A576">
        <v>15.366666671649243</v>
      </c>
      <c r="B576">
        <v>1006.837</v>
      </c>
      <c r="C576">
        <v>1093.2729999999999</v>
      </c>
      <c r="D576">
        <v>1102.3489999999999</v>
      </c>
      <c r="E576">
        <v>1065.9739999999999</v>
      </c>
      <c r="F576">
        <v>1025.4469999999999</v>
      </c>
      <c r="G576">
        <v>1024.0170000000001</v>
      </c>
      <c r="H576">
        <v>1024.75</v>
      </c>
      <c r="I576">
        <v>1031.722</v>
      </c>
      <c r="J576">
        <v>1045.3309999999999</v>
      </c>
      <c r="K576">
        <v>1051.7270000000001</v>
      </c>
      <c r="L576">
        <v>1047.2349999999999</v>
      </c>
      <c r="M576">
        <v>1026.7139999999999</v>
      </c>
      <c r="N576">
        <v>1215.9469999999999</v>
      </c>
      <c r="O576">
        <v>1166.6010000000001</v>
      </c>
      <c r="P576">
        <v>0</v>
      </c>
      <c r="Q576">
        <v>0</v>
      </c>
      <c r="R576">
        <v>1179.73</v>
      </c>
      <c r="S576">
        <v>0</v>
      </c>
      <c r="T576">
        <v>1162.125</v>
      </c>
      <c r="U576">
        <v>1148.4649999999999</v>
      </c>
      <c r="V576">
        <v>1128.058</v>
      </c>
      <c r="W576">
        <v>1105.1130000000001</v>
      </c>
      <c r="X576">
        <v>1071.951</v>
      </c>
      <c r="Y576">
        <v>1044.443</v>
      </c>
    </row>
    <row r="577" spans="1:25" x14ac:dyDescent="0.3">
      <c r="A577">
        <v>15.400000002297263</v>
      </c>
      <c r="B577">
        <v>1027.7460000000001</v>
      </c>
      <c r="C577">
        <v>1094.155</v>
      </c>
      <c r="D577">
        <v>1078.067</v>
      </c>
      <c r="E577">
        <v>1049.5650000000001</v>
      </c>
      <c r="F577">
        <v>1016.866</v>
      </c>
      <c r="G577">
        <v>1019.213</v>
      </c>
      <c r="H577">
        <v>1022.056</v>
      </c>
      <c r="I577">
        <v>1029.569</v>
      </c>
      <c r="J577">
        <v>1044.242</v>
      </c>
      <c r="K577">
        <v>1050.933</v>
      </c>
      <c r="L577">
        <v>1045.8499999999999</v>
      </c>
      <c r="M577">
        <v>1025.999</v>
      </c>
      <c r="N577">
        <v>1217.9870000000001</v>
      </c>
      <c r="O577">
        <v>1159.097</v>
      </c>
      <c r="P577">
        <v>0</v>
      </c>
      <c r="Q577">
        <v>0</v>
      </c>
      <c r="R577">
        <v>1173.6769999999999</v>
      </c>
      <c r="S577">
        <v>0</v>
      </c>
      <c r="T577">
        <v>1161.6469999999999</v>
      </c>
      <c r="U577">
        <v>1153.9390000000001</v>
      </c>
      <c r="V577">
        <v>1136.279</v>
      </c>
      <c r="W577">
        <v>1124.0730000000001</v>
      </c>
      <c r="X577">
        <v>1094.6980000000001</v>
      </c>
      <c r="Y577">
        <v>1058.7370000000001</v>
      </c>
    </row>
    <row r="578" spans="1:25" x14ac:dyDescent="0.3">
      <c r="A578">
        <v>15.433333332945283</v>
      </c>
      <c r="B578">
        <v>1022.81</v>
      </c>
      <c r="C578">
        <v>1084.422</v>
      </c>
      <c r="D578">
        <v>1066.2370000000001</v>
      </c>
      <c r="E578">
        <v>1034.671</v>
      </c>
      <c r="F578">
        <v>1009.088</v>
      </c>
      <c r="G578">
        <v>1014.63</v>
      </c>
      <c r="H578">
        <v>1019.674</v>
      </c>
      <c r="I578">
        <v>1028.172</v>
      </c>
      <c r="J578">
        <v>1044.4280000000001</v>
      </c>
      <c r="K578">
        <v>1051.268</v>
      </c>
      <c r="L578">
        <v>1049.29</v>
      </c>
      <c r="M578">
        <v>1031.431</v>
      </c>
      <c r="N578">
        <v>1201.152</v>
      </c>
      <c r="O578">
        <v>1153.309</v>
      </c>
      <c r="P578">
        <v>0</v>
      </c>
      <c r="Q578">
        <v>0</v>
      </c>
      <c r="R578">
        <v>1176.184</v>
      </c>
      <c r="S578">
        <v>0</v>
      </c>
      <c r="T578">
        <v>1162.4349999999999</v>
      </c>
      <c r="U578">
        <v>1151.3530000000001</v>
      </c>
      <c r="V578">
        <v>1131.934</v>
      </c>
      <c r="W578">
        <v>1119.6849999999999</v>
      </c>
      <c r="X578">
        <v>1095.6579999999999</v>
      </c>
      <c r="Y578">
        <v>1065.086</v>
      </c>
    </row>
    <row r="579" spans="1:25" x14ac:dyDescent="0.3">
      <c r="A579">
        <v>15.450000003507983</v>
      </c>
      <c r="B579">
        <v>1014.0069999999999</v>
      </c>
      <c r="C579">
        <v>1077.9390000000001</v>
      </c>
      <c r="D579">
        <v>1069.998</v>
      </c>
      <c r="E579">
        <v>1041.8219999999999</v>
      </c>
      <c r="F579">
        <v>1008.942</v>
      </c>
      <c r="G579">
        <v>1012.523</v>
      </c>
      <c r="H579">
        <v>1015.621</v>
      </c>
      <c r="I579">
        <v>1023.232</v>
      </c>
      <c r="J579">
        <v>1038.1510000000001</v>
      </c>
      <c r="K579">
        <v>1046.0550000000001</v>
      </c>
      <c r="L579">
        <v>1044.7239999999999</v>
      </c>
      <c r="M579">
        <v>1028.0239999999999</v>
      </c>
      <c r="N579">
        <v>1194.3320000000001</v>
      </c>
      <c r="O579">
        <v>1136.546</v>
      </c>
      <c r="P579">
        <v>0</v>
      </c>
      <c r="Q579">
        <v>0</v>
      </c>
      <c r="R579">
        <v>1179.172</v>
      </c>
      <c r="S579">
        <v>0</v>
      </c>
      <c r="T579">
        <v>1159.828</v>
      </c>
      <c r="U579">
        <v>1148.336</v>
      </c>
      <c r="V579">
        <v>1128.8589999999999</v>
      </c>
      <c r="W579">
        <v>1111.883</v>
      </c>
      <c r="X579">
        <v>1084.5340000000001</v>
      </c>
      <c r="Y579">
        <v>1056.9380000000001</v>
      </c>
    </row>
    <row r="580" spans="1:25" x14ac:dyDescent="0.3">
      <c r="A580">
        <v>15.483333334156002</v>
      </c>
      <c r="B580">
        <v>1010.73</v>
      </c>
      <c r="C580">
        <v>1082.585</v>
      </c>
      <c r="D580">
        <v>1081.761</v>
      </c>
      <c r="E580">
        <v>1078.682</v>
      </c>
      <c r="F580">
        <v>1042.9659999999999</v>
      </c>
      <c r="G580">
        <v>1030.508</v>
      </c>
      <c r="H580">
        <v>1023.56</v>
      </c>
      <c r="I580">
        <v>1030.3969999999999</v>
      </c>
      <c r="J580">
        <v>1046.5340000000001</v>
      </c>
      <c r="K580">
        <v>1054.635</v>
      </c>
      <c r="L580">
        <v>1052.4490000000001</v>
      </c>
      <c r="M580">
        <v>1034.6320000000001</v>
      </c>
      <c r="N580">
        <v>1203.566</v>
      </c>
      <c r="O580">
        <v>1146.674</v>
      </c>
      <c r="P580">
        <v>0</v>
      </c>
      <c r="Q580">
        <v>0</v>
      </c>
      <c r="R580">
        <v>1176.606</v>
      </c>
      <c r="S580">
        <v>0</v>
      </c>
      <c r="T580">
        <v>1158.0419999999999</v>
      </c>
      <c r="U580">
        <v>1143.259</v>
      </c>
      <c r="V580">
        <v>1122.7629999999999</v>
      </c>
      <c r="W580">
        <v>1107.4469999999999</v>
      </c>
      <c r="X580">
        <v>1077.694</v>
      </c>
      <c r="Y580">
        <v>1050.0830000000001</v>
      </c>
    </row>
    <row r="581" spans="1:25" x14ac:dyDescent="0.3">
      <c r="A581">
        <v>15.500000004718702</v>
      </c>
      <c r="B581">
        <v>1040.1030000000001</v>
      </c>
      <c r="C581">
        <v>1097.971</v>
      </c>
      <c r="D581">
        <v>1098.874</v>
      </c>
      <c r="E581">
        <v>1102.4839999999999</v>
      </c>
      <c r="F581">
        <v>1076.5029999999999</v>
      </c>
      <c r="G581">
        <v>1056.029</v>
      </c>
      <c r="H581">
        <v>1044.595</v>
      </c>
      <c r="I581">
        <v>1049.9369999999999</v>
      </c>
      <c r="J581">
        <v>1065.1790000000001</v>
      </c>
      <c r="K581">
        <v>1068.9169999999999</v>
      </c>
      <c r="L581">
        <v>1063.6389999999999</v>
      </c>
      <c r="M581">
        <v>1040.454</v>
      </c>
      <c r="N581">
        <v>1216.1659999999999</v>
      </c>
      <c r="O581">
        <v>1164.046</v>
      </c>
      <c r="P581">
        <v>0</v>
      </c>
      <c r="Q581">
        <v>0</v>
      </c>
      <c r="R581">
        <v>1174.835</v>
      </c>
      <c r="S581">
        <v>0</v>
      </c>
      <c r="T581">
        <v>1165.5450000000001</v>
      </c>
      <c r="U581">
        <v>1151.9469999999999</v>
      </c>
      <c r="V581">
        <v>1131.288</v>
      </c>
      <c r="W581">
        <v>1115.038</v>
      </c>
      <c r="X581">
        <v>1080.7909999999999</v>
      </c>
      <c r="Y581">
        <v>1049.5309999999999</v>
      </c>
    </row>
    <row r="582" spans="1:25" x14ac:dyDescent="0.3">
      <c r="A582">
        <v>15.533333335366722</v>
      </c>
      <c r="B582">
        <v>1024.5340000000001</v>
      </c>
      <c r="C582">
        <v>1098.855</v>
      </c>
      <c r="D582">
        <v>1109.086</v>
      </c>
      <c r="E582">
        <v>1108.4449999999999</v>
      </c>
      <c r="F582">
        <v>1073.931</v>
      </c>
      <c r="G582">
        <v>1057.5509999999999</v>
      </c>
      <c r="H582">
        <v>1046.1659999999999</v>
      </c>
      <c r="I582">
        <v>1049.7339999999999</v>
      </c>
      <c r="J582">
        <v>1061.9870000000001</v>
      </c>
      <c r="K582">
        <v>1065.55</v>
      </c>
      <c r="L582">
        <v>1062.3209999999999</v>
      </c>
      <c r="M582">
        <v>1040.3989999999999</v>
      </c>
      <c r="N582">
        <v>1205.692</v>
      </c>
      <c r="O582">
        <v>1153.021</v>
      </c>
      <c r="P582">
        <v>0</v>
      </c>
      <c r="Q582">
        <v>0</v>
      </c>
      <c r="R582">
        <v>1168.1279999999999</v>
      </c>
      <c r="S582">
        <v>0</v>
      </c>
      <c r="T582">
        <v>1160.192</v>
      </c>
      <c r="U582">
        <v>1150.701</v>
      </c>
      <c r="V582">
        <v>1132.9780000000001</v>
      </c>
      <c r="W582">
        <v>1115.491</v>
      </c>
      <c r="X582">
        <v>1083.0920000000001</v>
      </c>
      <c r="Y582">
        <v>1051.287</v>
      </c>
    </row>
    <row r="583" spans="1:25" x14ac:dyDescent="0.3">
      <c r="A583">
        <v>15.566666666014742</v>
      </c>
      <c r="B583">
        <v>1062.951</v>
      </c>
      <c r="C583">
        <v>1112.9780000000001</v>
      </c>
      <c r="D583">
        <v>1116.7</v>
      </c>
      <c r="E583">
        <v>1113.242</v>
      </c>
      <c r="F583">
        <v>1069.923</v>
      </c>
      <c r="G583">
        <v>1052.1369999999999</v>
      </c>
      <c r="H583">
        <v>1043.615</v>
      </c>
      <c r="I583">
        <v>1047.645</v>
      </c>
      <c r="J583">
        <v>1059.8150000000001</v>
      </c>
      <c r="K583">
        <v>1061.095</v>
      </c>
      <c r="L583">
        <v>1056.1769999999999</v>
      </c>
      <c r="M583">
        <v>1034.7439999999999</v>
      </c>
      <c r="N583">
        <v>1203.412</v>
      </c>
      <c r="O583">
        <v>1146.2560000000001</v>
      </c>
      <c r="P583">
        <v>0</v>
      </c>
      <c r="Q583">
        <v>0</v>
      </c>
      <c r="R583">
        <v>1170.3630000000001</v>
      </c>
      <c r="S583">
        <v>0</v>
      </c>
      <c r="T583">
        <v>1161.0160000000001</v>
      </c>
      <c r="U583">
        <v>1153.366</v>
      </c>
      <c r="V583">
        <v>1137.404</v>
      </c>
      <c r="W583">
        <v>1121.1959999999999</v>
      </c>
      <c r="X583">
        <v>1091.6849999999999</v>
      </c>
      <c r="Y583">
        <v>1054.2460000000001</v>
      </c>
    </row>
    <row r="584" spans="1:25" x14ac:dyDescent="0.3">
      <c r="A584">
        <v>15.583333336577441</v>
      </c>
      <c r="B584">
        <v>1078.5350000000001</v>
      </c>
      <c r="C584">
        <v>1122.1220000000001</v>
      </c>
      <c r="D584">
        <v>1119.232</v>
      </c>
      <c r="E584">
        <v>1118.4949999999999</v>
      </c>
      <c r="F584">
        <v>1090.768</v>
      </c>
      <c r="G584">
        <v>1062.451</v>
      </c>
      <c r="H584">
        <v>1047.405</v>
      </c>
      <c r="I584">
        <v>1050.104</v>
      </c>
      <c r="J584">
        <v>1061.17</v>
      </c>
      <c r="K584">
        <v>1063.6389999999999</v>
      </c>
      <c r="L584">
        <v>1058.683</v>
      </c>
      <c r="M584">
        <v>1037.1010000000001</v>
      </c>
      <c r="N584">
        <v>1198.8720000000001</v>
      </c>
      <c r="O584">
        <v>1140.2660000000001</v>
      </c>
      <c r="P584">
        <v>0</v>
      </c>
      <c r="Q584">
        <v>0</v>
      </c>
      <c r="R584">
        <v>1177.5139999999999</v>
      </c>
      <c r="S584">
        <v>0</v>
      </c>
      <c r="T584">
        <v>1163.816</v>
      </c>
      <c r="U584">
        <v>1161.7829999999999</v>
      </c>
      <c r="V584">
        <v>1146.905</v>
      </c>
      <c r="W584">
        <v>1132.5219999999999</v>
      </c>
      <c r="X584">
        <v>1105.2670000000001</v>
      </c>
      <c r="Y584">
        <v>1066.7570000000001</v>
      </c>
    </row>
    <row r="585" spans="1:25" x14ac:dyDescent="0.3">
      <c r="A585">
        <v>15.616666667225461</v>
      </c>
      <c r="B585">
        <v>1097.655</v>
      </c>
      <c r="C585">
        <v>1125.787</v>
      </c>
      <c r="D585">
        <v>1119.7829999999999</v>
      </c>
      <c r="E585">
        <v>1121.03</v>
      </c>
      <c r="F585">
        <v>1097.4670000000001</v>
      </c>
      <c r="G585">
        <v>1071.287</v>
      </c>
      <c r="H585">
        <v>1050.9570000000001</v>
      </c>
      <c r="I585">
        <v>1048.998</v>
      </c>
      <c r="J585">
        <v>1056.5150000000001</v>
      </c>
      <c r="K585">
        <v>1061.3030000000001</v>
      </c>
      <c r="L585">
        <v>1059.596</v>
      </c>
      <c r="M585">
        <v>1039.479</v>
      </c>
      <c r="N585">
        <v>1202.383</v>
      </c>
      <c r="O585">
        <v>1154.175</v>
      </c>
      <c r="P585">
        <v>0</v>
      </c>
      <c r="Q585">
        <v>0</v>
      </c>
      <c r="R585">
        <v>1174.202</v>
      </c>
      <c r="S585">
        <v>0</v>
      </c>
      <c r="T585">
        <v>1168.941</v>
      </c>
      <c r="U585">
        <v>1162.9559999999999</v>
      </c>
      <c r="V585">
        <v>1153.2739999999999</v>
      </c>
      <c r="W585">
        <v>1143.875</v>
      </c>
      <c r="X585">
        <v>1114.2850000000001</v>
      </c>
      <c r="Y585">
        <v>1073.1510000000001</v>
      </c>
    </row>
    <row r="586" spans="1:25" x14ac:dyDescent="0.3">
      <c r="A586">
        <v>15.63333333778816</v>
      </c>
      <c r="B586">
        <v>1107.452</v>
      </c>
      <c r="C586">
        <v>1130.817</v>
      </c>
      <c r="D586">
        <v>1121.71</v>
      </c>
      <c r="E586">
        <v>1122.825</v>
      </c>
      <c r="F586">
        <v>1098.7270000000001</v>
      </c>
      <c r="G586">
        <v>1074.0650000000001</v>
      </c>
      <c r="H586">
        <v>1052.4179999999999</v>
      </c>
      <c r="I586">
        <v>1048.5909999999999</v>
      </c>
      <c r="J586">
        <v>1054.1199999999999</v>
      </c>
      <c r="K586">
        <v>1058.816</v>
      </c>
      <c r="L586">
        <v>1057.405</v>
      </c>
      <c r="M586">
        <v>1039.259</v>
      </c>
      <c r="N586">
        <v>1204.604</v>
      </c>
      <c r="O586">
        <v>1169.827</v>
      </c>
      <c r="P586">
        <v>0</v>
      </c>
      <c r="Q586">
        <v>0</v>
      </c>
      <c r="R586">
        <v>1162.1510000000001</v>
      </c>
      <c r="S586">
        <v>0</v>
      </c>
      <c r="T586">
        <v>1162.6300000000001</v>
      </c>
      <c r="U586">
        <v>1157.607</v>
      </c>
      <c r="V586">
        <v>1147.8050000000001</v>
      </c>
      <c r="W586">
        <v>1139.6020000000001</v>
      </c>
      <c r="X586">
        <v>1117.0250000000001</v>
      </c>
      <c r="Y586">
        <v>1079.2470000000001</v>
      </c>
    </row>
    <row r="587" spans="1:25" x14ac:dyDescent="0.3">
      <c r="A587">
        <v>15.66666666843618</v>
      </c>
      <c r="B587">
        <v>1117.23</v>
      </c>
      <c r="C587">
        <v>1135.864</v>
      </c>
      <c r="D587">
        <v>1129.847</v>
      </c>
      <c r="E587">
        <v>1132.941</v>
      </c>
      <c r="F587">
        <v>1107.0740000000001</v>
      </c>
      <c r="G587">
        <v>1081.876</v>
      </c>
      <c r="H587">
        <v>1059.241</v>
      </c>
      <c r="I587">
        <v>1053.8579999999999</v>
      </c>
      <c r="J587">
        <v>1057.106</v>
      </c>
      <c r="K587">
        <v>1059.6310000000001</v>
      </c>
      <c r="L587">
        <v>1056.9760000000001</v>
      </c>
      <c r="M587">
        <v>1038.98</v>
      </c>
      <c r="N587">
        <v>1192.971</v>
      </c>
      <c r="O587">
        <v>1141.7929999999999</v>
      </c>
      <c r="P587">
        <v>0</v>
      </c>
      <c r="Q587">
        <v>0</v>
      </c>
      <c r="R587">
        <v>1164.5650000000001</v>
      </c>
      <c r="S587">
        <v>0</v>
      </c>
      <c r="T587">
        <v>1163.0119999999999</v>
      </c>
      <c r="U587">
        <v>1158.0070000000001</v>
      </c>
      <c r="V587">
        <v>1145.5899999999999</v>
      </c>
      <c r="W587">
        <v>1135.9780000000001</v>
      </c>
      <c r="X587">
        <v>1108.3710000000001</v>
      </c>
      <c r="Y587">
        <v>1072.758</v>
      </c>
    </row>
    <row r="588" spans="1:25" x14ac:dyDescent="0.3">
      <c r="A588">
        <v>15.6999999990842</v>
      </c>
      <c r="B588">
        <v>1110.318</v>
      </c>
      <c r="C588">
        <v>1136.076</v>
      </c>
      <c r="D588">
        <v>1130.6279999999999</v>
      </c>
      <c r="E588">
        <v>1131.1780000000001</v>
      </c>
      <c r="F588">
        <v>1095.3050000000001</v>
      </c>
      <c r="G588">
        <v>1072.5930000000001</v>
      </c>
      <c r="H588">
        <v>1055.2339999999999</v>
      </c>
      <c r="I588">
        <v>1052.067</v>
      </c>
      <c r="J588">
        <v>1056.7750000000001</v>
      </c>
      <c r="K588">
        <v>1062.751</v>
      </c>
      <c r="L588">
        <v>1065.164</v>
      </c>
      <c r="M588">
        <v>1046.2070000000001</v>
      </c>
      <c r="N588">
        <v>1189.7570000000001</v>
      </c>
      <c r="O588">
        <v>1135.867</v>
      </c>
      <c r="P588">
        <v>0</v>
      </c>
      <c r="Q588">
        <v>0</v>
      </c>
      <c r="R588">
        <v>1169.307</v>
      </c>
      <c r="S588">
        <v>0</v>
      </c>
      <c r="T588">
        <v>1170.348</v>
      </c>
      <c r="U588">
        <v>1166.7049999999999</v>
      </c>
      <c r="V588">
        <v>1150.2470000000001</v>
      </c>
      <c r="W588">
        <v>1139.4690000000001</v>
      </c>
      <c r="X588">
        <v>1114.4179999999999</v>
      </c>
      <c r="Y588">
        <v>1075.5940000000001</v>
      </c>
    </row>
    <row r="589" spans="1:25" x14ac:dyDescent="0.3">
      <c r="A589">
        <v>15.7166666696469</v>
      </c>
      <c r="B589">
        <v>1104.575</v>
      </c>
      <c r="C589">
        <v>1139.4490000000001</v>
      </c>
      <c r="D589">
        <v>1133.4559999999999</v>
      </c>
      <c r="E589">
        <v>1135.867</v>
      </c>
      <c r="F589">
        <v>1108.826</v>
      </c>
      <c r="G589">
        <v>1086.0170000000001</v>
      </c>
      <c r="H589">
        <v>1066.222</v>
      </c>
      <c r="I589">
        <v>1063.308</v>
      </c>
      <c r="J589">
        <v>1064.8119999999999</v>
      </c>
      <c r="K589">
        <v>1067.057</v>
      </c>
      <c r="L589">
        <v>1066.8530000000001</v>
      </c>
      <c r="M589">
        <v>1046.854</v>
      </c>
      <c r="N589">
        <v>1191.0360000000001</v>
      </c>
      <c r="O589">
        <v>1135.07</v>
      </c>
      <c r="P589">
        <v>0</v>
      </c>
      <c r="Q589">
        <v>0</v>
      </c>
      <c r="R589">
        <v>1169.905</v>
      </c>
      <c r="S589">
        <v>0</v>
      </c>
      <c r="T589">
        <v>1170.8679999999999</v>
      </c>
      <c r="U589">
        <v>1169.558</v>
      </c>
      <c r="V589">
        <v>1155.7670000000001</v>
      </c>
      <c r="W589">
        <v>1146.317</v>
      </c>
      <c r="X589">
        <v>1123.8510000000001</v>
      </c>
      <c r="Y589">
        <v>1089.6669999999999</v>
      </c>
    </row>
    <row r="590" spans="1:25" x14ac:dyDescent="0.3">
      <c r="A590">
        <v>15.75000000029492</v>
      </c>
      <c r="B590">
        <v>1121.9749999999999</v>
      </c>
      <c r="C590">
        <v>1144.162</v>
      </c>
      <c r="D590">
        <v>1137.866</v>
      </c>
      <c r="E590">
        <v>1139.6210000000001</v>
      </c>
      <c r="F590">
        <v>1114.3989999999999</v>
      </c>
      <c r="G590">
        <v>1082.8710000000001</v>
      </c>
      <c r="H590">
        <v>1065.1089999999999</v>
      </c>
      <c r="I590">
        <v>1064.645</v>
      </c>
      <c r="J590">
        <v>1067.076</v>
      </c>
      <c r="K590">
        <v>1068.566</v>
      </c>
      <c r="L590">
        <v>1066.1289999999999</v>
      </c>
      <c r="M590">
        <v>1044.3209999999999</v>
      </c>
      <c r="N590">
        <v>1189.4269999999999</v>
      </c>
      <c r="O590">
        <v>1147.367</v>
      </c>
      <c r="P590">
        <v>0</v>
      </c>
      <c r="Q590">
        <v>0</v>
      </c>
      <c r="R590">
        <v>1175.9760000000001</v>
      </c>
      <c r="S590">
        <v>0</v>
      </c>
      <c r="T590">
        <v>1174.9739999999999</v>
      </c>
      <c r="U590">
        <v>1171.9090000000001</v>
      </c>
      <c r="V590">
        <v>1159.0650000000001</v>
      </c>
      <c r="W590">
        <v>1148.759</v>
      </c>
      <c r="X590">
        <v>1128.3499999999999</v>
      </c>
      <c r="Y590">
        <v>1094.423</v>
      </c>
    </row>
    <row r="591" spans="1:25" x14ac:dyDescent="0.3">
      <c r="A591">
        <v>15.766666670857619</v>
      </c>
      <c r="B591">
        <v>1124.5129999999999</v>
      </c>
      <c r="C591">
        <v>1140.6300000000001</v>
      </c>
      <c r="D591">
        <v>1133.605</v>
      </c>
      <c r="E591">
        <v>1130.454</v>
      </c>
      <c r="F591">
        <v>1097.22</v>
      </c>
      <c r="G591">
        <v>1072.1980000000001</v>
      </c>
      <c r="H591">
        <v>1058.6469999999999</v>
      </c>
      <c r="I591">
        <v>1060.559</v>
      </c>
      <c r="J591">
        <v>1066.22</v>
      </c>
      <c r="K591">
        <v>1070.316</v>
      </c>
      <c r="L591">
        <v>1068.06</v>
      </c>
      <c r="M591">
        <v>1045.4459999999999</v>
      </c>
      <c r="N591">
        <v>1191.692</v>
      </c>
      <c r="O591">
        <v>1150.588</v>
      </c>
      <c r="P591">
        <v>0</v>
      </c>
      <c r="Q591">
        <v>0</v>
      </c>
      <c r="R591">
        <v>1181.654</v>
      </c>
      <c r="S591">
        <v>0</v>
      </c>
      <c r="T591">
        <v>1173.3710000000001</v>
      </c>
      <c r="U591">
        <v>1168.0519999999999</v>
      </c>
      <c r="V591">
        <v>1156.934</v>
      </c>
      <c r="W591">
        <v>1149.768</v>
      </c>
      <c r="X591">
        <v>1128.347</v>
      </c>
      <c r="Y591">
        <v>1095.5840000000001</v>
      </c>
    </row>
    <row r="592" spans="1:25" x14ac:dyDescent="0.3">
      <c r="A592">
        <v>15.800000001505639</v>
      </c>
      <c r="B592">
        <v>1128.4079999999999</v>
      </c>
      <c r="C592">
        <v>1140.481</v>
      </c>
      <c r="D592">
        <v>1133.3810000000001</v>
      </c>
      <c r="E592">
        <v>1139.088</v>
      </c>
      <c r="F592">
        <v>1116.7239999999999</v>
      </c>
      <c r="G592">
        <v>1103.1099999999999</v>
      </c>
      <c r="H592">
        <v>1082.404</v>
      </c>
      <c r="I592">
        <v>1079.3969999999999</v>
      </c>
      <c r="J592">
        <v>1081.431</v>
      </c>
      <c r="K592">
        <v>1079.509</v>
      </c>
      <c r="L592">
        <v>1072.6310000000001</v>
      </c>
      <c r="M592">
        <v>1048.1120000000001</v>
      </c>
      <c r="N592">
        <v>1205.405</v>
      </c>
      <c r="O592">
        <v>1157.3779999999999</v>
      </c>
      <c r="P592">
        <v>0</v>
      </c>
      <c r="Q592">
        <v>0</v>
      </c>
      <c r="R592">
        <v>1186.5409999999999</v>
      </c>
      <c r="S592">
        <v>0</v>
      </c>
      <c r="T592">
        <v>1179.5650000000001</v>
      </c>
      <c r="U592">
        <v>1171.5250000000001</v>
      </c>
      <c r="V592">
        <v>1157.877</v>
      </c>
      <c r="W592">
        <v>1148.779</v>
      </c>
      <c r="X592">
        <v>1123.7380000000001</v>
      </c>
      <c r="Y592">
        <v>1090.979</v>
      </c>
    </row>
    <row r="593" spans="1:25" x14ac:dyDescent="0.3">
      <c r="A593">
        <v>15.833333332153659</v>
      </c>
      <c r="B593">
        <v>1104.3879999999999</v>
      </c>
      <c r="C593">
        <v>1140.8050000000001</v>
      </c>
      <c r="D593">
        <v>1138.268</v>
      </c>
      <c r="E593">
        <v>1147.3489999999999</v>
      </c>
      <c r="F593">
        <v>1129.528</v>
      </c>
      <c r="G593">
        <v>1105.2159999999999</v>
      </c>
      <c r="H593">
        <v>1080.74</v>
      </c>
      <c r="I593">
        <v>1074.7750000000001</v>
      </c>
      <c r="J593">
        <v>1074.7</v>
      </c>
      <c r="K593">
        <v>1074.8679999999999</v>
      </c>
      <c r="L593">
        <v>1072.575</v>
      </c>
      <c r="M593">
        <v>1051.55</v>
      </c>
      <c r="N593">
        <v>1210.4290000000001</v>
      </c>
      <c r="O593">
        <v>1175.0129999999999</v>
      </c>
      <c r="P593">
        <v>0</v>
      </c>
      <c r="Q593">
        <v>0</v>
      </c>
      <c r="R593">
        <v>1184.3320000000001</v>
      </c>
      <c r="S593">
        <v>0</v>
      </c>
      <c r="T593">
        <v>1179.3130000000001</v>
      </c>
      <c r="U593">
        <v>1171.6210000000001</v>
      </c>
      <c r="V593">
        <v>1158.471</v>
      </c>
      <c r="W593">
        <v>1150</v>
      </c>
      <c r="X593">
        <v>1121.239</v>
      </c>
      <c r="Y593">
        <v>1087.2529999999999</v>
      </c>
    </row>
    <row r="594" spans="1:25" x14ac:dyDescent="0.3">
      <c r="A594">
        <v>15.850000002716358</v>
      </c>
      <c r="B594">
        <v>1112.3389999999999</v>
      </c>
      <c r="C594">
        <v>1134.67</v>
      </c>
      <c r="D594">
        <v>1131.2539999999999</v>
      </c>
      <c r="E594">
        <v>1139.8689999999999</v>
      </c>
      <c r="F594">
        <v>1133.038</v>
      </c>
      <c r="G594">
        <v>1114.644</v>
      </c>
      <c r="H594">
        <v>1090.3219999999999</v>
      </c>
      <c r="I594">
        <v>1079.731</v>
      </c>
      <c r="J594">
        <v>1075.6679999999999</v>
      </c>
      <c r="K594">
        <v>1073.673</v>
      </c>
      <c r="L594">
        <v>1069.05</v>
      </c>
      <c r="M594">
        <v>1048.3510000000001</v>
      </c>
      <c r="N594">
        <v>1206.943</v>
      </c>
      <c r="O594">
        <v>1161.25</v>
      </c>
      <c r="P594">
        <v>0</v>
      </c>
      <c r="Q594">
        <v>0</v>
      </c>
      <c r="R594">
        <v>1174.453</v>
      </c>
      <c r="S594">
        <v>0</v>
      </c>
      <c r="T594">
        <v>1181.617</v>
      </c>
      <c r="U594">
        <v>1173.721</v>
      </c>
      <c r="V594">
        <v>1161.825</v>
      </c>
      <c r="W594">
        <v>1154.252</v>
      </c>
      <c r="X594">
        <v>1130.893</v>
      </c>
      <c r="Y594">
        <v>1093.5239999999999</v>
      </c>
    </row>
    <row r="595" spans="1:25" x14ac:dyDescent="0.3">
      <c r="A595">
        <v>15.883333333364378</v>
      </c>
      <c r="B595">
        <v>1100.0450000000001</v>
      </c>
      <c r="C595">
        <v>1130.287</v>
      </c>
      <c r="D595">
        <v>1117.2339999999999</v>
      </c>
      <c r="E595">
        <v>1129.0340000000001</v>
      </c>
      <c r="F595">
        <v>1128.75</v>
      </c>
      <c r="G595">
        <v>1118.0650000000001</v>
      </c>
      <c r="H595">
        <v>1096.867</v>
      </c>
      <c r="I595">
        <v>1083.6210000000001</v>
      </c>
      <c r="J595">
        <v>1078.1859999999999</v>
      </c>
      <c r="K595">
        <v>1075.1849999999999</v>
      </c>
      <c r="L595">
        <v>1069.2940000000001</v>
      </c>
      <c r="M595">
        <v>1046.855</v>
      </c>
      <c r="N595">
        <v>1209.4880000000001</v>
      </c>
      <c r="O595">
        <v>1164.492</v>
      </c>
      <c r="P595">
        <v>0</v>
      </c>
      <c r="Q595">
        <v>0</v>
      </c>
      <c r="R595">
        <v>1185.7850000000001</v>
      </c>
      <c r="S595">
        <v>0</v>
      </c>
      <c r="T595">
        <v>1188.673</v>
      </c>
      <c r="U595">
        <v>1183.0340000000001</v>
      </c>
      <c r="V595">
        <v>1174.8789999999999</v>
      </c>
      <c r="W595">
        <v>1166.07</v>
      </c>
      <c r="X595">
        <v>1136.875</v>
      </c>
      <c r="Y595">
        <v>1097.75</v>
      </c>
    </row>
    <row r="596" spans="1:25" x14ac:dyDescent="0.3">
      <c r="A596">
        <v>15.916666664012398</v>
      </c>
      <c r="B596">
        <v>1087.3689999999999</v>
      </c>
      <c r="C596">
        <v>1116.463</v>
      </c>
      <c r="D596">
        <v>1100.6869999999999</v>
      </c>
      <c r="E596">
        <v>1111.078</v>
      </c>
      <c r="F596">
        <v>1109.076</v>
      </c>
      <c r="G596">
        <v>1103.395</v>
      </c>
      <c r="H596">
        <v>1091.694</v>
      </c>
      <c r="I596">
        <v>1083.306</v>
      </c>
      <c r="J596">
        <v>1083.83</v>
      </c>
      <c r="K596">
        <v>1084.9349999999999</v>
      </c>
      <c r="L596">
        <v>1080.1089999999999</v>
      </c>
      <c r="M596">
        <v>1052.94</v>
      </c>
      <c r="N596">
        <v>1222.8820000000001</v>
      </c>
      <c r="O596">
        <v>1181.797</v>
      </c>
      <c r="P596">
        <v>0</v>
      </c>
      <c r="Q596">
        <v>0</v>
      </c>
      <c r="R596">
        <v>1201.979</v>
      </c>
      <c r="S596">
        <v>0</v>
      </c>
      <c r="T596">
        <v>1192.9590000000001</v>
      </c>
      <c r="U596">
        <v>1187.9590000000001</v>
      </c>
      <c r="V596">
        <v>1178.0429999999999</v>
      </c>
      <c r="W596">
        <v>1167.172</v>
      </c>
      <c r="X596">
        <v>1140.3309999999999</v>
      </c>
      <c r="Y596">
        <v>1104.1849999999999</v>
      </c>
    </row>
    <row r="597" spans="1:25" x14ac:dyDescent="0.3">
      <c r="A597">
        <v>15.933333334575098</v>
      </c>
      <c r="B597">
        <v>1090.4770000000001</v>
      </c>
      <c r="C597">
        <v>1107.72</v>
      </c>
      <c r="D597">
        <v>1089.7280000000001</v>
      </c>
      <c r="E597">
        <v>1099.634</v>
      </c>
      <c r="F597">
        <v>1099.239</v>
      </c>
      <c r="G597">
        <v>1097.2829999999999</v>
      </c>
      <c r="H597">
        <v>1091.2439999999999</v>
      </c>
      <c r="I597">
        <v>1086.9380000000001</v>
      </c>
      <c r="J597">
        <v>1089.99</v>
      </c>
      <c r="K597">
        <v>1092.8920000000001</v>
      </c>
      <c r="L597">
        <v>1090.5889999999999</v>
      </c>
      <c r="M597">
        <v>1062.663</v>
      </c>
      <c r="N597">
        <v>1223.375</v>
      </c>
      <c r="O597">
        <v>1173.9949999999999</v>
      </c>
      <c r="P597">
        <v>0</v>
      </c>
      <c r="Q597">
        <v>0</v>
      </c>
      <c r="R597">
        <v>1213.45</v>
      </c>
      <c r="S597">
        <v>0</v>
      </c>
      <c r="T597">
        <v>1206.0319999999999</v>
      </c>
      <c r="U597">
        <v>1194.652</v>
      </c>
      <c r="V597">
        <v>1176.674</v>
      </c>
      <c r="W597">
        <v>1162.923</v>
      </c>
      <c r="X597">
        <v>1133.5170000000001</v>
      </c>
      <c r="Y597">
        <v>1101.665</v>
      </c>
    </row>
    <row r="598" spans="1:25" x14ac:dyDescent="0.3">
      <c r="A598">
        <v>15.966666665223118</v>
      </c>
      <c r="B598">
        <v>1091.4469999999999</v>
      </c>
      <c r="C598">
        <v>1112.8689999999999</v>
      </c>
      <c r="D598">
        <v>1080.143</v>
      </c>
      <c r="E598">
        <v>1085.8489999999999</v>
      </c>
      <c r="F598">
        <v>1087.665</v>
      </c>
      <c r="G598">
        <v>1091.989</v>
      </c>
      <c r="H598">
        <v>1090.7909999999999</v>
      </c>
      <c r="I598">
        <v>1087.9459999999999</v>
      </c>
      <c r="J598">
        <v>1089.9860000000001</v>
      </c>
      <c r="K598">
        <v>1093.038</v>
      </c>
      <c r="L598">
        <v>1092.9069999999999</v>
      </c>
      <c r="M598">
        <v>1068.0630000000001</v>
      </c>
      <c r="N598">
        <v>1229.2860000000001</v>
      </c>
      <c r="O598">
        <v>1194.999</v>
      </c>
      <c r="P598">
        <v>0</v>
      </c>
      <c r="Q598">
        <v>0</v>
      </c>
      <c r="R598">
        <v>1223.194</v>
      </c>
      <c r="S598">
        <v>0</v>
      </c>
      <c r="T598">
        <v>1214.5050000000001</v>
      </c>
      <c r="U598">
        <v>1200.7470000000001</v>
      </c>
      <c r="V598">
        <v>1182.704</v>
      </c>
      <c r="W598">
        <v>1169.905</v>
      </c>
      <c r="X598">
        <v>1141.396</v>
      </c>
      <c r="Y598">
        <v>1104.3499999999999</v>
      </c>
    </row>
    <row r="599" spans="1:25" x14ac:dyDescent="0.3">
      <c r="A599">
        <v>15.983333335785817</v>
      </c>
      <c r="B599">
        <v>1099.277</v>
      </c>
      <c r="C599">
        <v>1124.672</v>
      </c>
      <c r="D599">
        <v>1081.827</v>
      </c>
      <c r="E599">
        <v>1070.9380000000001</v>
      </c>
      <c r="F599">
        <v>1074.0509999999999</v>
      </c>
      <c r="G599">
        <v>1085.4970000000001</v>
      </c>
      <c r="H599">
        <v>1094.0709999999999</v>
      </c>
      <c r="I599">
        <v>1099.8789999999999</v>
      </c>
      <c r="J599">
        <v>1101.9280000000001</v>
      </c>
      <c r="K599">
        <v>1102.3230000000001</v>
      </c>
      <c r="L599">
        <v>1099.277</v>
      </c>
      <c r="M599">
        <v>1072.671</v>
      </c>
      <c r="N599">
        <v>1224.597</v>
      </c>
      <c r="O599">
        <v>1185.2070000000001</v>
      </c>
      <c r="P599">
        <v>0</v>
      </c>
      <c r="Q599">
        <v>0</v>
      </c>
      <c r="R599">
        <v>1235.422</v>
      </c>
      <c r="S599">
        <v>0</v>
      </c>
      <c r="T599">
        <v>1230.1769999999999</v>
      </c>
      <c r="U599">
        <v>1208.903</v>
      </c>
      <c r="V599">
        <v>1188.8889999999999</v>
      </c>
      <c r="W599">
        <v>1175.152</v>
      </c>
      <c r="X599">
        <v>1143.7270000000001</v>
      </c>
      <c r="Y599">
        <v>1108.059</v>
      </c>
    </row>
    <row r="600" spans="1:25" x14ac:dyDescent="0.3">
      <c r="A600">
        <v>16.016666666433835</v>
      </c>
      <c r="B600">
        <v>1120.4110000000001</v>
      </c>
      <c r="C600">
        <v>1142.124</v>
      </c>
      <c r="D600">
        <v>1103.3</v>
      </c>
      <c r="E600">
        <v>1074.703</v>
      </c>
      <c r="F600">
        <v>1069.0920000000001</v>
      </c>
      <c r="G600">
        <v>1078.4870000000001</v>
      </c>
      <c r="H600">
        <v>1092.723</v>
      </c>
      <c r="I600">
        <v>1110.681</v>
      </c>
      <c r="J600">
        <v>1112.5319999999999</v>
      </c>
      <c r="K600">
        <v>1112.665</v>
      </c>
      <c r="L600">
        <v>1107.72</v>
      </c>
      <c r="M600">
        <v>1078.971</v>
      </c>
      <c r="N600">
        <v>1197.5550000000001</v>
      </c>
      <c r="O600">
        <v>1176.269</v>
      </c>
      <c r="P600">
        <v>0</v>
      </c>
      <c r="Q600">
        <v>0</v>
      </c>
      <c r="R600">
        <v>1226.509</v>
      </c>
      <c r="S600">
        <v>0</v>
      </c>
      <c r="T600">
        <v>1223.039</v>
      </c>
      <c r="U600">
        <v>1207.5319999999999</v>
      </c>
      <c r="V600">
        <v>1188.559</v>
      </c>
      <c r="W600">
        <v>1173.7629999999999</v>
      </c>
      <c r="X600">
        <v>1142.2</v>
      </c>
      <c r="Y600">
        <v>1109.925</v>
      </c>
    </row>
    <row r="601" spans="1:25" x14ac:dyDescent="0.3">
      <c r="A601">
        <v>16.049999997081855</v>
      </c>
      <c r="B601">
        <v>1131.18</v>
      </c>
      <c r="C601">
        <v>1141.1110000000001</v>
      </c>
      <c r="D601">
        <v>1106.759</v>
      </c>
      <c r="E601">
        <v>1082.6110000000001</v>
      </c>
      <c r="F601">
        <v>1070.9359999999999</v>
      </c>
      <c r="G601">
        <v>1076.5840000000001</v>
      </c>
      <c r="H601">
        <v>1089.183</v>
      </c>
      <c r="I601">
        <v>1106.759</v>
      </c>
      <c r="J601">
        <v>1115.1949999999999</v>
      </c>
      <c r="K601">
        <v>1111.681</v>
      </c>
      <c r="L601">
        <v>1105.2539999999999</v>
      </c>
      <c r="M601">
        <v>1077.068</v>
      </c>
      <c r="N601">
        <v>1203.867</v>
      </c>
      <c r="O601">
        <v>1180.4190000000001</v>
      </c>
      <c r="P601">
        <v>0</v>
      </c>
      <c r="Q601">
        <v>0</v>
      </c>
      <c r="R601">
        <v>1223.077</v>
      </c>
      <c r="S601">
        <v>0</v>
      </c>
      <c r="T601">
        <v>1211.4100000000001</v>
      </c>
      <c r="U601">
        <v>1195.877</v>
      </c>
      <c r="V601">
        <v>1178.6189999999999</v>
      </c>
      <c r="W601">
        <v>1172.49</v>
      </c>
      <c r="X601">
        <v>1142.4849999999999</v>
      </c>
      <c r="Y601">
        <v>1113.9100000000001</v>
      </c>
    </row>
    <row r="602" spans="1:25" x14ac:dyDescent="0.3">
      <c r="A602">
        <v>16.066666667644554</v>
      </c>
      <c r="B602">
        <v>1130.348</v>
      </c>
      <c r="C602">
        <v>1132.2460000000001</v>
      </c>
      <c r="D602">
        <v>1093.81</v>
      </c>
      <c r="E602">
        <v>1076.847</v>
      </c>
      <c r="F602">
        <v>1071.982</v>
      </c>
      <c r="G602">
        <v>1080.6130000000001</v>
      </c>
      <c r="H602">
        <v>1092.2180000000001</v>
      </c>
      <c r="I602">
        <v>1104.0350000000001</v>
      </c>
      <c r="J602">
        <v>1110.4359999999999</v>
      </c>
      <c r="K602">
        <v>1107.777</v>
      </c>
      <c r="L602">
        <v>1102.3050000000001</v>
      </c>
      <c r="M602">
        <v>1075.2260000000001</v>
      </c>
      <c r="N602">
        <v>1205.701</v>
      </c>
      <c r="O602">
        <v>1161.9649999999999</v>
      </c>
      <c r="P602">
        <v>0</v>
      </c>
      <c r="Q602">
        <v>0</v>
      </c>
      <c r="R602">
        <v>1226.511</v>
      </c>
      <c r="S602">
        <v>0</v>
      </c>
      <c r="T602">
        <v>1217.7429999999999</v>
      </c>
      <c r="U602">
        <v>1199.271</v>
      </c>
      <c r="V602">
        <v>1179.375</v>
      </c>
      <c r="W602">
        <v>1170.5650000000001</v>
      </c>
      <c r="X602">
        <v>1143.9380000000001</v>
      </c>
      <c r="Y602">
        <v>1121.7909999999999</v>
      </c>
    </row>
    <row r="603" spans="1:25" x14ac:dyDescent="0.3">
      <c r="A603">
        <v>16.099999998292574</v>
      </c>
      <c r="B603">
        <v>1121.7349999999999</v>
      </c>
      <c r="C603">
        <v>1128.7729999999999</v>
      </c>
      <c r="D603">
        <v>1083.1199999999999</v>
      </c>
      <c r="E603">
        <v>1071.0319999999999</v>
      </c>
      <c r="F603">
        <v>1068.441</v>
      </c>
      <c r="G603">
        <v>1077.258</v>
      </c>
      <c r="H603">
        <v>1089.242</v>
      </c>
      <c r="I603">
        <v>1101.873</v>
      </c>
      <c r="J603">
        <v>1111.287</v>
      </c>
      <c r="K603">
        <v>1110.097</v>
      </c>
      <c r="L603">
        <v>1104.694</v>
      </c>
      <c r="M603">
        <v>1078.19</v>
      </c>
      <c r="N603">
        <v>1172.6669999999999</v>
      </c>
      <c r="O603">
        <v>1163.998</v>
      </c>
      <c r="P603">
        <v>0</v>
      </c>
      <c r="Q603">
        <v>0</v>
      </c>
      <c r="R603">
        <v>1211.884</v>
      </c>
      <c r="S603">
        <v>0</v>
      </c>
      <c r="T603">
        <v>1207.027</v>
      </c>
      <c r="U603">
        <v>1193.8150000000001</v>
      </c>
      <c r="V603">
        <v>1178.1020000000001</v>
      </c>
      <c r="W603">
        <v>1167.173</v>
      </c>
      <c r="X603">
        <v>1138.1389999999999</v>
      </c>
      <c r="Y603">
        <v>1114.5930000000001</v>
      </c>
    </row>
    <row r="604" spans="1:25" x14ac:dyDescent="0.3">
      <c r="A604">
        <v>16.116666668855274</v>
      </c>
      <c r="B604">
        <v>1103.3030000000001</v>
      </c>
      <c r="C604">
        <v>1119.336</v>
      </c>
      <c r="D604">
        <v>1075.152</v>
      </c>
      <c r="E604">
        <v>1065.671</v>
      </c>
      <c r="F604">
        <v>1065.0219999999999</v>
      </c>
      <c r="G604">
        <v>1074.0899999999999</v>
      </c>
      <c r="H604">
        <v>1086.06</v>
      </c>
      <c r="I604">
        <v>1097.3979999999999</v>
      </c>
      <c r="J604">
        <v>1106.3489999999999</v>
      </c>
      <c r="K604">
        <v>1105.8409999999999</v>
      </c>
      <c r="L604">
        <v>1100.2940000000001</v>
      </c>
      <c r="M604">
        <v>1074.873</v>
      </c>
      <c r="N604">
        <v>1171.742</v>
      </c>
      <c r="O604">
        <v>1151.7850000000001</v>
      </c>
      <c r="P604">
        <v>0</v>
      </c>
      <c r="Q604">
        <v>0</v>
      </c>
      <c r="R604">
        <v>1198.902</v>
      </c>
      <c r="S604">
        <v>0</v>
      </c>
      <c r="T604">
        <v>1195.7840000000001</v>
      </c>
      <c r="U604">
        <v>1184.7629999999999</v>
      </c>
      <c r="V604">
        <v>1169.3710000000001</v>
      </c>
      <c r="W604">
        <v>1162.2539999999999</v>
      </c>
      <c r="X604">
        <v>1136.9369999999999</v>
      </c>
      <c r="Y604">
        <v>1112.327</v>
      </c>
    </row>
    <row r="605" spans="1:25" x14ac:dyDescent="0.3">
      <c r="A605">
        <v>16.149999999503294</v>
      </c>
      <c r="B605">
        <v>1098.0740000000001</v>
      </c>
      <c r="C605">
        <v>1122.6790000000001</v>
      </c>
      <c r="D605">
        <v>1076.7360000000001</v>
      </c>
      <c r="E605">
        <v>1066.338</v>
      </c>
      <c r="F605">
        <v>1067.825</v>
      </c>
      <c r="G605">
        <v>1075.1880000000001</v>
      </c>
      <c r="H605">
        <v>1085.2909999999999</v>
      </c>
      <c r="I605">
        <v>1093.903</v>
      </c>
      <c r="J605">
        <v>1100.6880000000001</v>
      </c>
      <c r="K605">
        <v>1100.518</v>
      </c>
      <c r="L605">
        <v>1094.4459999999999</v>
      </c>
      <c r="M605">
        <v>1070.9939999999999</v>
      </c>
      <c r="N605">
        <v>1162.444</v>
      </c>
      <c r="O605">
        <v>1148.421</v>
      </c>
      <c r="P605">
        <v>0</v>
      </c>
      <c r="Q605">
        <v>0</v>
      </c>
      <c r="R605">
        <v>1188.444</v>
      </c>
      <c r="S605">
        <v>0</v>
      </c>
      <c r="T605">
        <v>1187.6300000000001</v>
      </c>
      <c r="U605">
        <v>1179.317</v>
      </c>
      <c r="V605">
        <v>1165.2650000000001</v>
      </c>
      <c r="W605">
        <v>1157.8230000000001</v>
      </c>
      <c r="X605">
        <v>1135.3209999999999</v>
      </c>
      <c r="Y605">
        <v>1110.3989999999999</v>
      </c>
    </row>
    <row r="606" spans="1:25" x14ac:dyDescent="0.3">
      <c r="A606">
        <v>16.183333330151314</v>
      </c>
      <c r="B606">
        <v>1089.0909999999999</v>
      </c>
      <c r="C606">
        <v>1123.058</v>
      </c>
      <c r="D606">
        <v>1072.597</v>
      </c>
      <c r="E606">
        <v>1065.001</v>
      </c>
      <c r="F606">
        <v>1070.248</v>
      </c>
      <c r="G606">
        <v>1081.172</v>
      </c>
      <c r="H606">
        <v>1093.3219999999999</v>
      </c>
      <c r="I606">
        <v>1101.42</v>
      </c>
      <c r="J606">
        <v>1104.204</v>
      </c>
      <c r="K606">
        <v>1102.4739999999999</v>
      </c>
      <c r="L606">
        <v>1096.136</v>
      </c>
      <c r="M606">
        <v>1072.9880000000001</v>
      </c>
      <c r="N606">
        <v>1167.712</v>
      </c>
      <c r="O606">
        <v>1146.2260000000001</v>
      </c>
      <c r="P606">
        <v>0</v>
      </c>
      <c r="Q606">
        <v>0</v>
      </c>
      <c r="R606">
        <v>1192.6289999999999</v>
      </c>
      <c r="S606">
        <v>0</v>
      </c>
      <c r="T606">
        <v>1195.1969999999999</v>
      </c>
      <c r="U606">
        <v>1187.5519999999999</v>
      </c>
      <c r="V606">
        <v>1174.0530000000001</v>
      </c>
      <c r="W606">
        <v>1166.498</v>
      </c>
      <c r="X606">
        <v>1146.818</v>
      </c>
      <c r="Y606">
        <v>1127.8420000000001</v>
      </c>
    </row>
    <row r="607" spans="1:25" x14ac:dyDescent="0.3">
      <c r="A607">
        <v>16.200000000714013</v>
      </c>
      <c r="B607">
        <v>1088.1220000000001</v>
      </c>
      <c r="C607">
        <v>1117.9970000000001</v>
      </c>
      <c r="D607">
        <v>1074.67</v>
      </c>
      <c r="E607">
        <v>1070.569</v>
      </c>
      <c r="F607">
        <v>1078.846</v>
      </c>
      <c r="G607">
        <v>1090.2940000000001</v>
      </c>
      <c r="H607">
        <v>1099.6759999999999</v>
      </c>
      <c r="I607">
        <v>1107.499</v>
      </c>
      <c r="J607">
        <v>1110.384</v>
      </c>
      <c r="K607">
        <v>1108.345</v>
      </c>
      <c r="L607">
        <v>1104.039</v>
      </c>
      <c r="M607">
        <v>1080.7470000000001</v>
      </c>
      <c r="N607">
        <v>1196.3130000000001</v>
      </c>
      <c r="O607">
        <v>1149.569</v>
      </c>
      <c r="P607">
        <v>0</v>
      </c>
      <c r="Q607">
        <v>0</v>
      </c>
      <c r="R607">
        <v>1209.3589999999999</v>
      </c>
      <c r="S607">
        <v>0</v>
      </c>
      <c r="T607">
        <v>1209.3589999999999</v>
      </c>
      <c r="U607">
        <v>1199.684</v>
      </c>
      <c r="V607">
        <v>1183.7</v>
      </c>
      <c r="W607">
        <v>1172.3420000000001</v>
      </c>
      <c r="X607">
        <v>1153.992</v>
      </c>
      <c r="Y607">
        <v>1135.3630000000001</v>
      </c>
    </row>
    <row r="608" spans="1:25" x14ac:dyDescent="0.3">
      <c r="A608">
        <v>16.233333331362033</v>
      </c>
      <c r="B608">
        <v>1093.7550000000001</v>
      </c>
      <c r="C608">
        <v>1112.932</v>
      </c>
      <c r="D608">
        <v>1076.047</v>
      </c>
      <c r="E608">
        <v>1076.383</v>
      </c>
      <c r="F608">
        <v>1087.296</v>
      </c>
      <c r="G608">
        <v>1100.2380000000001</v>
      </c>
      <c r="H608">
        <v>1106.876</v>
      </c>
      <c r="I608">
        <v>1113.1400000000001</v>
      </c>
      <c r="J608">
        <v>1114.8779999999999</v>
      </c>
      <c r="K608">
        <v>1113.385</v>
      </c>
      <c r="L608">
        <v>1108.7940000000001</v>
      </c>
      <c r="M608">
        <v>1084.45</v>
      </c>
      <c r="N608">
        <v>1220.2729999999999</v>
      </c>
      <c r="O608">
        <v>1165.556</v>
      </c>
      <c r="P608">
        <v>0</v>
      </c>
      <c r="Q608">
        <v>0</v>
      </c>
      <c r="R608">
        <v>1223.0619999999999</v>
      </c>
      <c r="S608">
        <v>0</v>
      </c>
      <c r="T608">
        <v>1217.49</v>
      </c>
      <c r="U608">
        <v>1205.742</v>
      </c>
      <c r="V608">
        <v>1184.9380000000001</v>
      </c>
      <c r="W608">
        <v>1173.2070000000001</v>
      </c>
      <c r="X608">
        <v>1152.0730000000001</v>
      </c>
      <c r="Y608">
        <v>1138.4829999999999</v>
      </c>
    </row>
    <row r="609" spans="1:25" x14ac:dyDescent="0.3">
      <c r="A609">
        <v>16.250000001924732</v>
      </c>
      <c r="B609">
        <v>1113.7619999999999</v>
      </c>
      <c r="C609">
        <v>1113.6669999999999</v>
      </c>
      <c r="D609">
        <v>1081.079</v>
      </c>
      <c r="E609">
        <v>1082.895</v>
      </c>
      <c r="F609">
        <v>1095.704</v>
      </c>
      <c r="G609">
        <v>1110.739</v>
      </c>
      <c r="H609">
        <v>1117.181</v>
      </c>
      <c r="I609">
        <v>1121.489</v>
      </c>
      <c r="J609">
        <v>1123.23</v>
      </c>
      <c r="K609">
        <v>1120.28</v>
      </c>
      <c r="L609">
        <v>1113.95</v>
      </c>
      <c r="M609">
        <v>1088.998</v>
      </c>
      <c r="N609">
        <v>1228.384</v>
      </c>
      <c r="O609">
        <v>1174.4970000000001</v>
      </c>
      <c r="P609">
        <v>0</v>
      </c>
      <c r="Q609">
        <v>0</v>
      </c>
      <c r="R609">
        <v>1234.0820000000001</v>
      </c>
      <c r="S609">
        <v>0</v>
      </c>
      <c r="T609">
        <v>1222.3109999999999</v>
      </c>
      <c r="U609">
        <v>1208.1980000000001</v>
      </c>
      <c r="V609">
        <v>1189.7619999999999</v>
      </c>
      <c r="W609">
        <v>1176.155</v>
      </c>
      <c r="X609">
        <v>1154.4870000000001</v>
      </c>
      <c r="Y609">
        <v>1136.0239999999999</v>
      </c>
    </row>
    <row r="610" spans="1:25" x14ac:dyDescent="0.3">
      <c r="A610">
        <v>16.283333332572752</v>
      </c>
      <c r="B610">
        <v>1124.769</v>
      </c>
      <c r="C610">
        <v>1123.5730000000001</v>
      </c>
      <c r="D610">
        <v>1094.0920000000001</v>
      </c>
      <c r="E610">
        <v>1094.7850000000001</v>
      </c>
      <c r="F610">
        <v>1106.895</v>
      </c>
      <c r="G610">
        <v>1120.508</v>
      </c>
      <c r="H610">
        <v>1125.1099999999999</v>
      </c>
      <c r="I610">
        <v>1125.0160000000001</v>
      </c>
      <c r="J610">
        <v>1124.3699999999999</v>
      </c>
      <c r="K610">
        <v>1120.6590000000001</v>
      </c>
      <c r="L610">
        <v>1115.558</v>
      </c>
      <c r="M610">
        <v>1092.7819999999999</v>
      </c>
      <c r="N610">
        <v>1236.9839999999999</v>
      </c>
      <c r="O610">
        <v>1195.2190000000001</v>
      </c>
      <c r="P610">
        <v>0</v>
      </c>
      <c r="Q610">
        <v>0</v>
      </c>
      <c r="R610">
        <v>1239.2059999999999</v>
      </c>
      <c r="S610">
        <v>0</v>
      </c>
      <c r="T610">
        <v>1224.3630000000001</v>
      </c>
      <c r="U610">
        <v>1209.0039999999999</v>
      </c>
      <c r="V610">
        <v>1189.9770000000001</v>
      </c>
      <c r="W610">
        <v>1178.5650000000001</v>
      </c>
      <c r="X610">
        <v>1154.259</v>
      </c>
      <c r="Y610">
        <v>1135.171</v>
      </c>
    </row>
    <row r="611" spans="1:25" x14ac:dyDescent="0.3">
      <c r="A611">
        <v>16.316666663220772</v>
      </c>
      <c r="B611">
        <v>1137.6659999999999</v>
      </c>
      <c r="C611">
        <v>1121.9280000000001</v>
      </c>
      <c r="D611">
        <v>1093.009</v>
      </c>
      <c r="E611">
        <v>1095.7090000000001</v>
      </c>
      <c r="F611">
        <v>1109.1559999999999</v>
      </c>
      <c r="G611">
        <v>1123.9549999999999</v>
      </c>
      <c r="H611">
        <v>1131.0740000000001</v>
      </c>
      <c r="I611">
        <v>1134.2439999999999</v>
      </c>
      <c r="J611">
        <v>1131.586</v>
      </c>
      <c r="K611">
        <v>1123.9739999999999</v>
      </c>
      <c r="L611">
        <v>1116.373</v>
      </c>
      <c r="M611">
        <v>1091.287</v>
      </c>
      <c r="N611">
        <v>1229.769</v>
      </c>
      <c r="O611">
        <v>1197.6579999999999</v>
      </c>
      <c r="P611">
        <v>0</v>
      </c>
      <c r="Q611">
        <v>0</v>
      </c>
      <c r="R611">
        <v>1245.1210000000001</v>
      </c>
      <c r="S611">
        <v>0</v>
      </c>
      <c r="T611">
        <v>1231.05</v>
      </c>
      <c r="U611">
        <v>1215.847</v>
      </c>
      <c r="V611">
        <v>1193.2539999999999</v>
      </c>
      <c r="W611">
        <v>1180.271</v>
      </c>
      <c r="X611">
        <v>1154.0889999999999</v>
      </c>
      <c r="Y611">
        <v>1135.7049999999999</v>
      </c>
    </row>
    <row r="612" spans="1:25" x14ac:dyDescent="0.3">
      <c r="A612">
        <v>16.333333333783472</v>
      </c>
      <c r="B612">
        <v>1141.9390000000001</v>
      </c>
      <c r="C612">
        <v>1126.537</v>
      </c>
      <c r="D612">
        <v>1098.248</v>
      </c>
      <c r="E612">
        <v>1099.1320000000001</v>
      </c>
      <c r="F612">
        <v>1113.9359999999999</v>
      </c>
      <c r="G612">
        <v>1128.9290000000001</v>
      </c>
      <c r="H612">
        <v>1135.0409999999999</v>
      </c>
      <c r="I612">
        <v>1136.1610000000001</v>
      </c>
      <c r="J612">
        <v>1131.3969999999999</v>
      </c>
      <c r="K612">
        <v>1122.779</v>
      </c>
      <c r="L612">
        <v>1114.73</v>
      </c>
      <c r="M612">
        <v>1089.49</v>
      </c>
      <c r="N612">
        <v>1219.375</v>
      </c>
      <c r="O612">
        <v>1176.7570000000001</v>
      </c>
      <c r="P612">
        <v>0</v>
      </c>
      <c r="Q612">
        <v>0</v>
      </c>
      <c r="R612">
        <v>1232.963</v>
      </c>
      <c r="S612">
        <v>0</v>
      </c>
      <c r="T612">
        <v>1220.7080000000001</v>
      </c>
      <c r="U612">
        <v>1214.6120000000001</v>
      </c>
      <c r="V612">
        <v>1196.8009999999999</v>
      </c>
      <c r="W612">
        <v>1180.7560000000001</v>
      </c>
      <c r="X612">
        <v>1151.616</v>
      </c>
      <c r="Y612">
        <v>1127.904</v>
      </c>
    </row>
    <row r="613" spans="1:25" x14ac:dyDescent="0.3">
      <c r="A613">
        <v>16.366666664431492</v>
      </c>
      <c r="B613">
        <v>1140.9659999999999</v>
      </c>
      <c r="C613">
        <v>1125.3219999999999</v>
      </c>
      <c r="D613">
        <v>1099.1690000000001</v>
      </c>
      <c r="E613">
        <v>1102.6099999999999</v>
      </c>
      <c r="F613">
        <v>1117.0909999999999</v>
      </c>
      <c r="G613">
        <v>1131.662</v>
      </c>
      <c r="H613">
        <v>1138.4860000000001</v>
      </c>
      <c r="I613">
        <v>1140.47</v>
      </c>
      <c r="J613">
        <v>1136.788</v>
      </c>
      <c r="K613">
        <v>1128.8340000000001</v>
      </c>
      <c r="L613">
        <v>1119.472</v>
      </c>
      <c r="M613">
        <v>1091.268</v>
      </c>
      <c r="N613">
        <v>1222.8869999999999</v>
      </c>
      <c r="O613">
        <v>1181.8019999999999</v>
      </c>
      <c r="P613">
        <v>0</v>
      </c>
      <c r="Q613">
        <v>0</v>
      </c>
      <c r="R613">
        <v>1250.001</v>
      </c>
      <c r="S613">
        <v>0</v>
      </c>
      <c r="T613">
        <v>1233.8699999999999</v>
      </c>
      <c r="U613">
        <v>1222.749</v>
      </c>
      <c r="V613">
        <v>1202.3150000000001</v>
      </c>
      <c r="W613">
        <v>1183.4880000000001</v>
      </c>
      <c r="X613">
        <v>1153.0340000000001</v>
      </c>
      <c r="Y613">
        <v>1129.08</v>
      </c>
    </row>
    <row r="614" spans="1:25" x14ac:dyDescent="0.3">
      <c r="A614">
        <v>16.383333334994191</v>
      </c>
      <c r="B614">
        <v>1146.5170000000001</v>
      </c>
      <c r="C614">
        <v>1124.904</v>
      </c>
      <c r="D614">
        <v>1096.1790000000001</v>
      </c>
      <c r="E614">
        <v>1102.5540000000001</v>
      </c>
      <c r="F614">
        <v>1121.5119999999999</v>
      </c>
      <c r="G614">
        <v>1139.173</v>
      </c>
      <c r="H614">
        <v>1146.365</v>
      </c>
      <c r="I614">
        <v>1147.7570000000001</v>
      </c>
      <c r="J614">
        <v>1143.0070000000001</v>
      </c>
      <c r="K614">
        <v>1133.788</v>
      </c>
      <c r="L614">
        <v>1124.4490000000001</v>
      </c>
      <c r="M614">
        <v>1095.558</v>
      </c>
      <c r="N614">
        <v>1247.422</v>
      </c>
      <c r="O614">
        <v>1202.549</v>
      </c>
      <c r="P614">
        <v>0</v>
      </c>
      <c r="Q614">
        <v>0</v>
      </c>
      <c r="R614">
        <v>1253.587</v>
      </c>
      <c r="S614">
        <v>0</v>
      </c>
      <c r="T614">
        <v>1242.2439999999999</v>
      </c>
      <c r="U614">
        <v>1228.7629999999999</v>
      </c>
      <c r="V614">
        <v>1206.5830000000001</v>
      </c>
      <c r="W614">
        <v>1189.32</v>
      </c>
      <c r="X614">
        <v>1157.694</v>
      </c>
      <c r="Y614">
        <v>1132.7439999999999</v>
      </c>
    </row>
    <row r="615" spans="1:25" x14ac:dyDescent="0.3">
      <c r="A615">
        <v>16.416666665642211</v>
      </c>
      <c r="B615">
        <v>1138.1220000000001</v>
      </c>
      <c r="C615">
        <v>1131.8510000000001</v>
      </c>
      <c r="D615">
        <v>1103.7750000000001</v>
      </c>
      <c r="E615">
        <v>1108.9659999999999</v>
      </c>
      <c r="F615">
        <v>1127.029</v>
      </c>
      <c r="G615">
        <v>1142.8530000000001</v>
      </c>
      <c r="H615">
        <v>1148.405</v>
      </c>
      <c r="I615">
        <v>1148.519</v>
      </c>
      <c r="J615">
        <v>1142.8150000000001</v>
      </c>
      <c r="K615">
        <v>1133.654</v>
      </c>
      <c r="L615">
        <v>1124.3720000000001</v>
      </c>
      <c r="M615">
        <v>1096.761</v>
      </c>
      <c r="N615">
        <v>1268.9380000000001</v>
      </c>
      <c r="O615">
        <v>1206.5619999999999</v>
      </c>
      <c r="P615">
        <v>0</v>
      </c>
      <c r="Q615">
        <v>0</v>
      </c>
      <c r="R615">
        <v>1259.855</v>
      </c>
      <c r="S615">
        <v>0</v>
      </c>
      <c r="T615">
        <v>1244.346</v>
      </c>
      <c r="U615">
        <v>1225.883</v>
      </c>
      <c r="V615">
        <v>1205.9000000000001</v>
      </c>
      <c r="W615">
        <v>1191.18</v>
      </c>
      <c r="X615">
        <v>1158.5360000000001</v>
      </c>
      <c r="Y615">
        <v>1134.7360000000001</v>
      </c>
    </row>
    <row r="616" spans="1:25" x14ac:dyDescent="0.3">
      <c r="A616">
        <v>16.45000000676761</v>
      </c>
      <c r="B616">
        <v>1127.923</v>
      </c>
      <c r="C616">
        <v>1134.548</v>
      </c>
      <c r="D616">
        <v>1107.6310000000001</v>
      </c>
      <c r="E616">
        <v>1115.731</v>
      </c>
      <c r="F616">
        <v>1136.655</v>
      </c>
      <c r="G616">
        <v>1153.2270000000001</v>
      </c>
      <c r="H616">
        <v>1158.231</v>
      </c>
      <c r="I616">
        <v>1154.876</v>
      </c>
      <c r="J616">
        <v>1146.575</v>
      </c>
      <c r="K616">
        <v>1135.44</v>
      </c>
      <c r="L616">
        <v>1125.93</v>
      </c>
      <c r="M616">
        <v>1098.605</v>
      </c>
      <c r="N616">
        <v>1269.7239999999999</v>
      </c>
      <c r="O616">
        <v>1207.597</v>
      </c>
      <c r="P616">
        <v>0</v>
      </c>
      <c r="Q616">
        <v>0</v>
      </c>
      <c r="R616">
        <v>1246.808</v>
      </c>
      <c r="S616">
        <v>0</v>
      </c>
      <c r="T616">
        <v>1235.4280000000001</v>
      </c>
      <c r="U616">
        <v>1223.085</v>
      </c>
      <c r="V616">
        <v>1207.0309999999999</v>
      </c>
      <c r="W616">
        <v>1193.741</v>
      </c>
      <c r="X616">
        <v>1167.2159999999999</v>
      </c>
      <c r="Y616">
        <v>1147.0899999999999</v>
      </c>
    </row>
    <row r="617" spans="1:25" x14ac:dyDescent="0.3">
      <c r="A617">
        <v>16.46666666685293</v>
      </c>
      <c r="B617">
        <v>1127.1849999999999</v>
      </c>
      <c r="C617">
        <v>1137.3630000000001</v>
      </c>
      <c r="D617">
        <v>1111.2370000000001</v>
      </c>
      <c r="E617">
        <v>1114.883</v>
      </c>
      <c r="F617">
        <v>1133.335</v>
      </c>
      <c r="G617">
        <v>1149.076</v>
      </c>
      <c r="H617">
        <v>1155.165</v>
      </c>
      <c r="I617">
        <v>1152.424</v>
      </c>
      <c r="J617">
        <v>1144.6890000000001</v>
      </c>
      <c r="K617">
        <v>1136.5619999999999</v>
      </c>
      <c r="L617">
        <v>1127.5650000000001</v>
      </c>
      <c r="M617">
        <v>1101.127</v>
      </c>
      <c r="N617">
        <v>1268.58</v>
      </c>
      <c r="O617">
        <v>1204.539</v>
      </c>
      <c r="P617">
        <v>0</v>
      </c>
      <c r="Q617">
        <v>0</v>
      </c>
      <c r="R617">
        <v>1252.452</v>
      </c>
      <c r="S617">
        <v>0</v>
      </c>
      <c r="T617">
        <v>1236.5740000000001</v>
      </c>
      <c r="U617">
        <v>1224.7239999999999</v>
      </c>
      <c r="V617">
        <v>1209.146</v>
      </c>
      <c r="W617">
        <v>1196.8620000000001</v>
      </c>
      <c r="X617">
        <v>1172.866</v>
      </c>
      <c r="Y617">
        <v>1151.58</v>
      </c>
    </row>
    <row r="618" spans="1:25" x14ac:dyDescent="0.3">
      <c r="A618">
        <v>16.49999999750095</v>
      </c>
      <c r="B618">
        <v>1134.55</v>
      </c>
      <c r="C618">
        <v>1135.0060000000001</v>
      </c>
      <c r="D618">
        <v>1107.934</v>
      </c>
      <c r="E618">
        <v>1113.5039999999999</v>
      </c>
      <c r="F618">
        <v>1134.645</v>
      </c>
      <c r="G618">
        <v>1154.3979999999999</v>
      </c>
      <c r="H618">
        <v>1158.904</v>
      </c>
      <c r="I618">
        <v>1157.6199999999999</v>
      </c>
      <c r="J618">
        <v>1149.7629999999999</v>
      </c>
      <c r="K618">
        <v>1138.145</v>
      </c>
      <c r="L618">
        <v>1127.8109999999999</v>
      </c>
      <c r="M618">
        <v>1101.3900000000001</v>
      </c>
      <c r="N618">
        <v>1261.1769999999999</v>
      </c>
      <c r="O618">
        <v>1210.8119999999999</v>
      </c>
      <c r="P618">
        <v>0</v>
      </c>
      <c r="Q618">
        <v>0</v>
      </c>
      <c r="R618">
        <v>1252.452</v>
      </c>
      <c r="S618">
        <v>0</v>
      </c>
      <c r="T618">
        <v>1239.807</v>
      </c>
      <c r="U618">
        <v>1224.3879999999999</v>
      </c>
      <c r="V618">
        <v>1210.499</v>
      </c>
      <c r="W618">
        <v>1198.693</v>
      </c>
      <c r="X618">
        <v>1180.855</v>
      </c>
      <c r="Y618">
        <v>1160.9749999999999</v>
      </c>
    </row>
    <row r="619" spans="1:25" x14ac:dyDescent="0.3">
      <c r="A619">
        <v>16.533333338626349</v>
      </c>
      <c r="B619">
        <v>1142.2260000000001</v>
      </c>
      <c r="C619">
        <v>1135.269</v>
      </c>
      <c r="D619">
        <v>1109.912</v>
      </c>
      <c r="E619">
        <v>1117.847</v>
      </c>
      <c r="F619">
        <v>1139.364</v>
      </c>
      <c r="G619">
        <v>1159.1130000000001</v>
      </c>
      <c r="H619">
        <v>1163.9059999999999</v>
      </c>
      <c r="I619">
        <v>1160.5129999999999</v>
      </c>
      <c r="J619">
        <v>1154.1469999999999</v>
      </c>
      <c r="K619">
        <v>1141.653</v>
      </c>
      <c r="L619">
        <v>1132.0989999999999</v>
      </c>
      <c r="M619">
        <v>1105.318</v>
      </c>
      <c r="N619">
        <v>1269.422</v>
      </c>
      <c r="O619">
        <v>1207.519</v>
      </c>
      <c r="P619">
        <v>0</v>
      </c>
      <c r="Q619">
        <v>0</v>
      </c>
      <c r="R619">
        <v>1255.943</v>
      </c>
      <c r="S619">
        <v>0</v>
      </c>
      <c r="T619">
        <v>1240.777</v>
      </c>
      <c r="U619">
        <v>1228.665</v>
      </c>
      <c r="V619">
        <v>1213.201</v>
      </c>
      <c r="W619">
        <v>1202.0619999999999</v>
      </c>
      <c r="X619">
        <v>1180.3679999999999</v>
      </c>
      <c r="Y619">
        <v>1158.116</v>
      </c>
    </row>
    <row r="620" spans="1:25" x14ac:dyDescent="0.3">
      <c r="A620">
        <v>16.549999998711669</v>
      </c>
      <c r="B620">
        <v>1137.325</v>
      </c>
      <c r="C620">
        <v>1141.885</v>
      </c>
      <c r="D620">
        <v>1110.482</v>
      </c>
      <c r="E620">
        <v>1116.2629999999999</v>
      </c>
      <c r="F620">
        <v>1138.165</v>
      </c>
      <c r="G620">
        <v>1157.8499999999999</v>
      </c>
      <c r="H620">
        <v>1163.9860000000001</v>
      </c>
      <c r="I620">
        <v>1161.1289999999999</v>
      </c>
      <c r="J620">
        <v>1153.5550000000001</v>
      </c>
      <c r="K620">
        <v>1141.885</v>
      </c>
      <c r="L620">
        <v>1131.134</v>
      </c>
      <c r="M620">
        <v>1103.4780000000001</v>
      </c>
      <c r="N620">
        <v>1259.78</v>
      </c>
      <c r="O620">
        <v>1209.6959999999999</v>
      </c>
      <c r="P620">
        <v>0</v>
      </c>
      <c r="Q620">
        <v>0</v>
      </c>
      <c r="R620">
        <v>1264.252</v>
      </c>
      <c r="S620">
        <v>0</v>
      </c>
      <c r="T620">
        <v>1247.8230000000001</v>
      </c>
      <c r="U620">
        <v>1235.3520000000001</v>
      </c>
      <c r="V620">
        <v>1217.8879999999999</v>
      </c>
      <c r="W620">
        <v>1203.1949999999999</v>
      </c>
      <c r="X620">
        <v>1179.867</v>
      </c>
      <c r="Y620">
        <v>1154.9549999999999</v>
      </c>
    </row>
    <row r="621" spans="1:25" x14ac:dyDescent="0.3">
      <c r="A621">
        <v>16.583333339837068</v>
      </c>
      <c r="B621">
        <v>1141.085</v>
      </c>
      <c r="C621">
        <v>1143.5840000000001</v>
      </c>
      <c r="D621">
        <v>1114.375</v>
      </c>
      <c r="E621">
        <v>1114.318</v>
      </c>
      <c r="F621">
        <v>1135.1969999999999</v>
      </c>
      <c r="G621">
        <v>1157.2190000000001</v>
      </c>
      <c r="H621">
        <v>1165.5429999999999</v>
      </c>
      <c r="I621">
        <v>1169.5519999999999</v>
      </c>
      <c r="J621">
        <v>1158.0239999999999</v>
      </c>
      <c r="K621">
        <v>1144.347</v>
      </c>
      <c r="L621">
        <v>1133.28</v>
      </c>
      <c r="M621">
        <v>1104.0619999999999</v>
      </c>
      <c r="N621">
        <v>1257.8240000000001</v>
      </c>
      <c r="O621">
        <v>1196.5509999999999</v>
      </c>
      <c r="P621">
        <v>0</v>
      </c>
      <c r="Q621">
        <v>0</v>
      </c>
      <c r="R621">
        <v>1270.7929999999999</v>
      </c>
      <c r="S621">
        <v>0</v>
      </c>
      <c r="T621">
        <v>1260.46</v>
      </c>
      <c r="U621">
        <v>1244.9269999999999</v>
      </c>
      <c r="V621">
        <v>1225.396</v>
      </c>
      <c r="W621">
        <v>1210.8140000000001</v>
      </c>
      <c r="X621">
        <v>1185.2940000000001</v>
      </c>
      <c r="Y621">
        <v>1163.7380000000001</v>
      </c>
    </row>
    <row r="622" spans="1:25" x14ac:dyDescent="0.3">
      <c r="A622">
        <v>16.599999999922389</v>
      </c>
      <c r="B622">
        <v>1150.0319999999999</v>
      </c>
      <c r="C622">
        <v>1149.135</v>
      </c>
      <c r="D622">
        <v>1117.3979999999999</v>
      </c>
      <c r="E622">
        <v>1118.626</v>
      </c>
      <c r="F622">
        <v>1139.444</v>
      </c>
      <c r="G622">
        <v>1160.3820000000001</v>
      </c>
      <c r="H622">
        <v>1167.856</v>
      </c>
      <c r="I622">
        <v>1168.7619999999999</v>
      </c>
      <c r="J622">
        <v>1161.5899999999999</v>
      </c>
      <c r="K622">
        <v>1149.479</v>
      </c>
      <c r="L622">
        <v>1138.433</v>
      </c>
      <c r="M622">
        <v>1107.616</v>
      </c>
      <c r="N622">
        <v>1268.662</v>
      </c>
      <c r="O622">
        <v>1201.9100000000001</v>
      </c>
      <c r="P622">
        <v>0</v>
      </c>
      <c r="Q622">
        <v>0</v>
      </c>
      <c r="R622">
        <v>1261.1980000000001</v>
      </c>
      <c r="S622">
        <v>0</v>
      </c>
      <c r="T622">
        <v>1253.0119999999999</v>
      </c>
      <c r="U622">
        <v>1243.6179999999999</v>
      </c>
      <c r="V622">
        <v>1230.9960000000001</v>
      </c>
      <c r="W622">
        <v>1217.125</v>
      </c>
      <c r="X622">
        <v>1192.7360000000001</v>
      </c>
      <c r="Y622">
        <v>1170.6130000000001</v>
      </c>
    </row>
    <row r="623" spans="1:25" x14ac:dyDescent="0.3">
      <c r="A623">
        <v>16.633333330570409</v>
      </c>
      <c r="B623">
        <v>1135.498</v>
      </c>
      <c r="C623">
        <v>1149.4369999999999</v>
      </c>
      <c r="D623">
        <v>1108.347</v>
      </c>
      <c r="E623">
        <v>1112.123</v>
      </c>
      <c r="F623">
        <v>1137.4949999999999</v>
      </c>
      <c r="G623">
        <v>1166.6389999999999</v>
      </c>
      <c r="H623">
        <v>1177.278</v>
      </c>
      <c r="I623">
        <v>1182.81</v>
      </c>
      <c r="J623">
        <v>1171.6110000000001</v>
      </c>
      <c r="K623">
        <v>1161.1079999999999</v>
      </c>
      <c r="L623">
        <v>1148.0830000000001</v>
      </c>
      <c r="M623">
        <v>1114.617</v>
      </c>
      <c r="N623">
        <v>1255.385</v>
      </c>
      <c r="O623">
        <v>1197.6199999999999</v>
      </c>
      <c r="P623">
        <v>0</v>
      </c>
      <c r="Q623">
        <v>0</v>
      </c>
      <c r="R623">
        <v>1268.297</v>
      </c>
      <c r="S623">
        <v>0</v>
      </c>
      <c r="T623">
        <v>1257.681</v>
      </c>
      <c r="U623">
        <v>1246.57</v>
      </c>
      <c r="V623">
        <v>1230.3219999999999</v>
      </c>
      <c r="W623">
        <v>1219.1990000000001</v>
      </c>
      <c r="X623">
        <v>1198.107</v>
      </c>
      <c r="Y623">
        <v>1176.4110000000001</v>
      </c>
    </row>
    <row r="624" spans="1:25" x14ac:dyDescent="0.3">
      <c r="A624">
        <v>16.666666671695808</v>
      </c>
      <c r="B624">
        <v>1117.8689999999999</v>
      </c>
      <c r="C624">
        <v>1143.8889999999999</v>
      </c>
      <c r="D624">
        <v>1105.002</v>
      </c>
      <c r="E624">
        <v>1108.124</v>
      </c>
      <c r="F624">
        <v>1131.5519999999999</v>
      </c>
      <c r="G624">
        <v>1156.643</v>
      </c>
      <c r="H624">
        <v>1168.28</v>
      </c>
      <c r="I624">
        <v>1173.8109999999999</v>
      </c>
      <c r="J624">
        <v>1166.95</v>
      </c>
      <c r="K624">
        <v>1158.0229999999999</v>
      </c>
      <c r="L624">
        <v>1147.0740000000001</v>
      </c>
      <c r="M624">
        <v>1114.979</v>
      </c>
      <c r="N624">
        <v>1275.7560000000001</v>
      </c>
      <c r="O624">
        <v>1208.579</v>
      </c>
      <c r="P624">
        <v>0</v>
      </c>
      <c r="Q624">
        <v>0</v>
      </c>
      <c r="R624">
        <v>1261.9559999999999</v>
      </c>
      <c r="S624">
        <v>0</v>
      </c>
      <c r="T624">
        <v>1247.5450000000001</v>
      </c>
      <c r="U624">
        <v>1237.923</v>
      </c>
      <c r="V624">
        <v>1223.1869999999999</v>
      </c>
      <c r="W624">
        <v>1211.7539999999999</v>
      </c>
      <c r="X624">
        <v>1186.3979999999999</v>
      </c>
      <c r="Y624">
        <v>1165.9090000000001</v>
      </c>
    </row>
    <row r="625" spans="1:25" x14ac:dyDescent="0.3">
      <c r="A625">
        <v>16.683333331781128</v>
      </c>
      <c r="B625">
        <v>1126.049</v>
      </c>
      <c r="C625">
        <v>1144.501</v>
      </c>
      <c r="D625">
        <v>1100.885</v>
      </c>
      <c r="E625">
        <v>1104.722</v>
      </c>
      <c r="F625">
        <v>1127.1880000000001</v>
      </c>
      <c r="G625">
        <v>1150.548</v>
      </c>
      <c r="H625">
        <v>1160.69</v>
      </c>
      <c r="I625">
        <v>1165.2550000000001</v>
      </c>
      <c r="J625">
        <v>1160.633</v>
      </c>
      <c r="K625">
        <v>1151.5060000000001</v>
      </c>
      <c r="L625">
        <v>1143.8520000000001</v>
      </c>
      <c r="M625">
        <v>1113.885</v>
      </c>
      <c r="N625">
        <v>1269.4269999999999</v>
      </c>
      <c r="O625">
        <v>1207.6990000000001</v>
      </c>
      <c r="P625">
        <v>0</v>
      </c>
      <c r="Q625">
        <v>0</v>
      </c>
      <c r="R625">
        <v>1258.883</v>
      </c>
      <c r="S625">
        <v>0</v>
      </c>
      <c r="T625">
        <v>1247.0909999999999</v>
      </c>
      <c r="U625">
        <v>1237.6469999999999</v>
      </c>
      <c r="V625">
        <v>1222.972</v>
      </c>
      <c r="W625">
        <v>1209.2080000000001</v>
      </c>
      <c r="X625">
        <v>1185.838</v>
      </c>
      <c r="Y625">
        <v>1167.009</v>
      </c>
    </row>
    <row r="626" spans="1:25" x14ac:dyDescent="0.3">
      <c r="A626">
        <v>16.716666672906527</v>
      </c>
      <c r="B626">
        <v>1135.672</v>
      </c>
      <c r="C626">
        <v>1143.9649999999999</v>
      </c>
      <c r="D626">
        <v>1099.7560000000001</v>
      </c>
      <c r="E626">
        <v>1103.367</v>
      </c>
      <c r="F626">
        <v>1125.0989999999999</v>
      </c>
      <c r="G626">
        <v>1146.3499999999999</v>
      </c>
      <c r="H626">
        <v>1155.57</v>
      </c>
      <c r="I626">
        <v>1160.7470000000001</v>
      </c>
      <c r="J626">
        <v>1157.8130000000001</v>
      </c>
      <c r="K626">
        <v>1151.9839999999999</v>
      </c>
      <c r="L626">
        <v>1144.595</v>
      </c>
      <c r="M626">
        <v>1115.319</v>
      </c>
      <c r="N626">
        <v>1268.461</v>
      </c>
      <c r="O626">
        <v>1207.7370000000001</v>
      </c>
      <c r="P626">
        <v>0</v>
      </c>
      <c r="Q626">
        <v>0</v>
      </c>
      <c r="R626">
        <v>1270.3910000000001</v>
      </c>
      <c r="S626">
        <v>0</v>
      </c>
      <c r="T626">
        <v>1253.3720000000001</v>
      </c>
      <c r="U626">
        <v>1239.749</v>
      </c>
      <c r="V626">
        <v>1222.0050000000001</v>
      </c>
      <c r="W626">
        <v>1211.3240000000001</v>
      </c>
      <c r="X626">
        <v>1186.4179999999999</v>
      </c>
      <c r="Y626">
        <v>1166.7190000000001</v>
      </c>
    </row>
    <row r="627" spans="1:25" x14ac:dyDescent="0.3">
      <c r="A627">
        <v>16.733333332991847</v>
      </c>
      <c r="B627">
        <v>1147.932</v>
      </c>
      <c r="C627">
        <v>1143.8689999999999</v>
      </c>
      <c r="D627">
        <v>1107.521</v>
      </c>
      <c r="E627">
        <v>1108.895</v>
      </c>
      <c r="F627">
        <v>1130.4880000000001</v>
      </c>
      <c r="G627">
        <v>1151.4649999999999</v>
      </c>
      <c r="H627">
        <v>1160.7449999999999</v>
      </c>
      <c r="I627">
        <v>1163.9090000000001</v>
      </c>
      <c r="J627">
        <v>1160.0360000000001</v>
      </c>
      <c r="K627">
        <v>1150.9290000000001</v>
      </c>
      <c r="L627">
        <v>1142.4570000000001</v>
      </c>
      <c r="M627">
        <v>1113.0509999999999</v>
      </c>
      <c r="N627">
        <v>1271.173</v>
      </c>
      <c r="O627">
        <v>1222.614</v>
      </c>
      <c r="P627">
        <v>0</v>
      </c>
      <c r="Q627">
        <v>0</v>
      </c>
      <c r="R627">
        <v>1268.3800000000001</v>
      </c>
      <c r="S627">
        <v>0</v>
      </c>
      <c r="T627">
        <v>1247.981</v>
      </c>
      <c r="U627">
        <v>1234.287</v>
      </c>
      <c r="V627">
        <v>1216.575</v>
      </c>
      <c r="W627">
        <v>1207.7750000000001</v>
      </c>
      <c r="X627">
        <v>1182.6189999999999</v>
      </c>
      <c r="Y627">
        <v>1164.7139999999999</v>
      </c>
    </row>
    <row r="628" spans="1:25" x14ac:dyDescent="0.3">
      <c r="A628">
        <v>16.766666663639867</v>
      </c>
      <c r="B628">
        <v>1155.2260000000001</v>
      </c>
      <c r="C628">
        <v>1148.6790000000001</v>
      </c>
      <c r="D628">
        <v>1118.702</v>
      </c>
      <c r="E628">
        <v>1120.0440000000001</v>
      </c>
      <c r="F628">
        <v>1139.4829999999999</v>
      </c>
      <c r="G628">
        <v>1157.7570000000001</v>
      </c>
      <c r="H628">
        <v>1164.3910000000001</v>
      </c>
      <c r="I628">
        <v>1165.7950000000001</v>
      </c>
      <c r="J628">
        <v>1161.1500000000001</v>
      </c>
      <c r="K628">
        <v>1151.8699999999999</v>
      </c>
      <c r="L628">
        <v>1144.0429999999999</v>
      </c>
      <c r="M628">
        <v>1114.1489999999999</v>
      </c>
      <c r="N628">
        <v>1276.682</v>
      </c>
      <c r="O628">
        <v>1241.278</v>
      </c>
      <c r="P628">
        <v>0</v>
      </c>
      <c r="Q628">
        <v>0</v>
      </c>
      <c r="R628">
        <v>1270.3920000000001</v>
      </c>
      <c r="S628">
        <v>0</v>
      </c>
      <c r="T628">
        <v>1250.5229999999999</v>
      </c>
      <c r="U628">
        <v>1235.9459999999999</v>
      </c>
      <c r="V628">
        <v>1215.46</v>
      </c>
      <c r="W628">
        <v>1205.5170000000001</v>
      </c>
      <c r="X628">
        <v>1182.854</v>
      </c>
      <c r="Y628">
        <v>1165.1980000000001</v>
      </c>
    </row>
    <row r="629" spans="1:25" x14ac:dyDescent="0.3">
      <c r="A629">
        <v>16.800000004765266</v>
      </c>
      <c r="B629">
        <v>1158.2170000000001</v>
      </c>
      <c r="C629">
        <v>1150.472</v>
      </c>
      <c r="D629">
        <v>1120.6859999999999</v>
      </c>
      <c r="E629">
        <v>1125.9159999999999</v>
      </c>
      <c r="F629">
        <v>1146.904</v>
      </c>
      <c r="G629">
        <v>1164.2180000000001</v>
      </c>
      <c r="H629">
        <v>1170.17</v>
      </c>
      <c r="I629">
        <v>1170.806</v>
      </c>
      <c r="J629">
        <v>1165.3520000000001</v>
      </c>
      <c r="K629">
        <v>1155.4939999999999</v>
      </c>
      <c r="L629">
        <v>1147.248</v>
      </c>
      <c r="M629">
        <v>1115.944</v>
      </c>
      <c r="N629">
        <v>1258.664</v>
      </c>
      <c r="O629">
        <v>1228.828</v>
      </c>
      <c r="P629">
        <v>0</v>
      </c>
      <c r="Q629">
        <v>0</v>
      </c>
      <c r="R629">
        <v>1277.386</v>
      </c>
      <c r="S629">
        <v>0</v>
      </c>
      <c r="T629">
        <v>1259.183</v>
      </c>
      <c r="U629">
        <v>1242.0319999999999</v>
      </c>
      <c r="V629">
        <v>1220.8109999999999</v>
      </c>
      <c r="W629">
        <v>1208.0129999999999</v>
      </c>
      <c r="X629">
        <v>1179.9659999999999</v>
      </c>
      <c r="Y629">
        <v>1164.7929999999999</v>
      </c>
    </row>
    <row r="630" spans="1:25" x14ac:dyDescent="0.3">
      <c r="A630">
        <v>16.816666664850587</v>
      </c>
      <c r="B630">
        <v>1167.568</v>
      </c>
      <c r="C630">
        <v>1145.4349999999999</v>
      </c>
      <c r="D630">
        <v>1116</v>
      </c>
      <c r="E630">
        <v>1122.2539999999999</v>
      </c>
      <c r="F630">
        <v>1142.154</v>
      </c>
      <c r="G630">
        <v>1160.095</v>
      </c>
      <c r="H630">
        <v>1169.8420000000001</v>
      </c>
      <c r="I630">
        <v>1170.806</v>
      </c>
      <c r="J630">
        <v>1163.8530000000001</v>
      </c>
      <c r="K630">
        <v>1155.2829999999999</v>
      </c>
      <c r="L630">
        <v>1144.595</v>
      </c>
      <c r="M630">
        <v>1114.7719999999999</v>
      </c>
      <c r="N630">
        <v>1275.0940000000001</v>
      </c>
      <c r="O630">
        <v>1212.6959999999999</v>
      </c>
      <c r="P630">
        <v>0</v>
      </c>
      <c r="Q630">
        <v>0</v>
      </c>
      <c r="R630">
        <v>1276.9829999999999</v>
      </c>
      <c r="S630">
        <v>0</v>
      </c>
      <c r="T630">
        <v>1254.231</v>
      </c>
      <c r="U630">
        <v>1237.607</v>
      </c>
      <c r="V630">
        <v>1219.3599999999999</v>
      </c>
      <c r="W630">
        <v>1208.365</v>
      </c>
      <c r="X630">
        <v>1177.5709999999999</v>
      </c>
      <c r="Y630">
        <v>1160.5170000000001</v>
      </c>
    </row>
    <row r="631" spans="1:25" x14ac:dyDescent="0.3">
      <c r="A631">
        <v>16.850000005975986</v>
      </c>
      <c r="B631">
        <v>1167.377</v>
      </c>
      <c r="C631">
        <v>1141.5830000000001</v>
      </c>
      <c r="D631">
        <v>1118.5909999999999</v>
      </c>
      <c r="E631">
        <v>1129.5239999999999</v>
      </c>
      <c r="F631">
        <v>1154.364</v>
      </c>
      <c r="G631">
        <v>1172.8320000000001</v>
      </c>
      <c r="H631">
        <v>1180.8009999999999</v>
      </c>
      <c r="I631">
        <v>1174.605</v>
      </c>
      <c r="J631">
        <v>1164.201</v>
      </c>
      <c r="K631">
        <v>1151.8530000000001</v>
      </c>
      <c r="L631">
        <v>1139.0650000000001</v>
      </c>
      <c r="M631">
        <v>1111.5060000000001</v>
      </c>
      <c r="N631">
        <v>1278.252</v>
      </c>
      <c r="O631">
        <v>1218.6959999999999</v>
      </c>
      <c r="P631">
        <v>0</v>
      </c>
      <c r="Q631">
        <v>0</v>
      </c>
      <c r="R631">
        <v>1272.846</v>
      </c>
      <c r="S631">
        <v>0</v>
      </c>
      <c r="T631">
        <v>1259.5840000000001</v>
      </c>
      <c r="U631">
        <v>1246.279</v>
      </c>
      <c r="V631">
        <v>1224.038</v>
      </c>
      <c r="W631">
        <v>1212.914</v>
      </c>
      <c r="X631">
        <v>1182.1379999999999</v>
      </c>
      <c r="Y631">
        <v>1162.6089999999999</v>
      </c>
    </row>
    <row r="632" spans="1:25" x14ac:dyDescent="0.3">
      <c r="A632">
        <v>16.866666666061306</v>
      </c>
      <c r="B632">
        <v>1168.8620000000001</v>
      </c>
      <c r="C632">
        <v>1142.748</v>
      </c>
      <c r="D632">
        <v>1122.729</v>
      </c>
      <c r="E632">
        <v>1136.567</v>
      </c>
      <c r="F632">
        <v>1160.827</v>
      </c>
      <c r="G632">
        <v>1180.7239999999999</v>
      </c>
      <c r="H632">
        <v>1185.8209999999999</v>
      </c>
      <c r="I632">
        <v>1181.403</v>
      </c>
      <c r="J632">
        <v>1171.5219999999999</v>
      </c>
      <c r="K632">
        <v>1155.6310000000001</v>
      </c>
      <c r="L632">
        <v>1142.729</v>
      </c>
      <c r="M632">
        <v>1113.8109999999999</v>
      </c>
      <c r="N632">
        <v>1283.252</v>
      </c>
      <c r="O632">
        <v>1232.8720000000001</v>
      </c>
      <c r="P632">
        <v>0</v>
      </c>
      <c r="Q632">
        <v>0</v>
      </c>
      <c r="R632">
        <v>1273.6500000000001</v>
      </c>
      <c r="S632">
        <v>0</v>
      </c>
      <c r="T632">
        <v>1256.749</v>
      </c>
      <c r="U632">
        <v>1244.058</v>
      </c>
      <c r="V632">
        <v>1227.8240000000001</v>
      </c>
      <c r="W632">
        <v>1218.402</v>
      </c>
      <c r="X632">
        <v>1194.3530000000001</v>
      </c>
      <c r="Y632">
        <v>1169.999</v>
      </c>
    </row>
    <row r="633" spans="1:25" x14ac:dyDescent="0.3">
      <c r="A633">
        <v>16.899999996709326</v>
      </c>
      <c r="B633">
        <v>1165.046</v>
      </c>
      <c r="C633">
        <v>1145.2280000000001</v>
      </c>
      <c r="D633">
        <v>1122.711</v>
      </c>
      <c r="E633">
        <v>1132.999</v>
      </c>
      <c r="F633">
        <v>1155.7650000000001</v>
      </c>
      <c r="G633">
        <v>1176.0319999999999</v>
      </c>
      <c r="H633">
        <v>1184.4649999999999</v>
      </c>
      <c r="I633">
        <v>1184.5039999999999</v>
      </c>
      <c r="J633">
        <v>1177.0350000000001</v>
      </c>
      <c r="K633">
        <v>1159.7529999999999</v>
      </c>
      <c r="L633">
        <v>1146.8689999999999</v>
      </c>
      <c r="M633">
        <v>1115.588</v>
      </c>
      <c r="N633">
        <v>1257.1489999999999</v>
      </c>
      <c r="O633">
        <v>1204.5650000000001</v>
      </c>
      <c r="P633">
        <v>0</v>
      </c>
      <c r="Q633">
        <v>0</v>
      </c>
      <c r="R633">
        <v>1270.335</v>
      </c>
      <c r="S633">
        <v>0</v>
      </c>
      <c r="T633">
        <v>1257.289</v>
      </c>
      <c r="U633">
        <v>1243.403</v>
      </c>
      <c r="V633">
        <v>1226.8979999999999</v>
      </c>
      <c r="W633">
        <v>1219.1089999999999</v>
      </c>
      <c r="X633">
        <v>1199.1859999999999</v>
      </c>
      <c r="Y633">
        <v>1172.0999999999999</v>
      </c>
    </row>
    <row r="634" spans="1:25" x14ac:dyDescent="0.3">
      <c r="A634">
        <v>16.933333337834725</v>
      </c>
      <c r="B634">
        <v>1162.6679999999999</v>
      </c>
      <c r="C634">
        <v>1146.8499999999999</v>
      </c>
      <c r="D634">
        <v>1130</v>
      </c>
      <c r="E634">
        <v>1142.8630000000001</v>
      </c>
      <c r="F634">
        <v>1165.933</v>
      </c>
      <c r="G634">
        <v>1187.1199999999999</v>
      </c>
      <c r="H634">
        <v>1193.1849999999999</v>
      </c>
      <c r="I634">
        <v>1189.5029999999999</v>
      </c>
      <c r="J634">
        <v>1179.4069999999999</v>
      </c>
      <c r="K634">
        <v>1161.287</v>
      </c>
      <c r="L634">
        <v>1148.8530000000001</v>
      </c>
      <c r="M634">
        <v>1117.5530000000001</v>
      </c>
      <c r="N634">
        <v>1257.8879999999999</v>
      </c>
      <c r="O634">
        <v>1192.662</v>
      </c>
      <c r="P634">
        <v>0</v>
      </c>
      <c r="Q634">
        <v>0</v>
      </c>
      <c r="R634">
        <v>1279.7</v>
      </c>
      <c r="S634">
        <v>0</v>
      </c>
      <c r="T634">
        <v>1268.626</v>
      </c>
      <c r="U634">
        <v>1252.018</v>
      </c>
      <c r="V634">
        <v>1234.45</v>
      </c>
      <c r="W634">
        <v>1219.7360000000001</v>
      </c>
      <c r="X634">
        <v>1199.732</v>
      </c>
      <c r="Y634">
        <v>1177.806</v>
      </c>
    </row>
    <row r="635" spans="1:25" x14ac:dyDescent="0.3">
      <c r="A635">
        <v>16.949999997920045</v>
      </c>
      <c r="B635">
        <v>1158.143</v>
      </c>
      <c r="C635">
        <v>1146.049</v>
      </c>
      <c r="D635">
        <v>1126.0519999999999</v>
      </c>
      <c r="E635">
        <v>1139.3150000000001</v>
      </c>
      <c r="F635">
        <v>1161.9970000000001</v>
      </c>
      <c r="G635">
        <v>1183.3030000000001</v>
      </c>
      <c r="H635">
        <v>1190.57</v>
      </c>
      <c r="I635">
        <v>1187.508</v>
      </c>
      <c r="J635">
        <v>1180.125</v>
      </c>
      <c r="K635">
        <v>1163.3969999999999</v>
      </c>
      <c r="L635">
        <v>1153.1969999999999</v>
      </c>
      <c r="M635">
        <v>1121.143</v>
      </c>
      <c r="N635">
        <v>1254.335</v>
      </c>
      <c r="O635">
        <v>1185.415</v>
      </c>
      <c r="P635">
        <v>0</v>
      </c>
      <c r="Q635">
        <v>0</v>
      </c>
      <c r="R635">
        <v>1281.7360000000001</v>
      </c>
      <c r="S635">
        <v>0</v>
      </c>
      <c r="T635">
        <v>1265.056</v>
      </c>
      <c r="U635">
        <v>1252.079</v>
      </c>
      <c r="V635">
        <v>1234.7270000000001</v>
      </c>
      <c r="W635">
        <v>1219.854</v>
      </c>
      <c r="X635">
        <v>1199.07</v>
      </c>
      <c r="Y635">
        <v>1180.377</v>
      </c>
    </row>
    <row r="636" spans="1:25" x14ac:dyDescent="0.3">
      <c r="A636">
        <v>16.983333339045444</v>
      </c>
      <c r="B636">
        <v>1162.0740000000001</v>
      </c>
      <c r="C636">
        <v>1146.6410000000001</v>
      </c>
      <c r="D636">
        <v>1124.3820000000001</v>
      </c>
      <c r="E636">
        <v>1138.1320000000001</v>
      </c>
      <c r="F636">
        <v>1161.269</v>
      </c>
      <c r="G636">
        <v>1182.2370000000001</v>
      </c>
      <c r="H636">
        <v>1189.7940000000001</v>
      </c>
      <c r="I636">
        <v>1185.144</v>
      </c>
      <c r="J636">
        <v>1179.4079999999999</v>
      </c>
      <c r="K636">
        <v>1163.3779999999999</v>
      </c>
      <c r="L636">
        <v>1152.2760000000001</v>
      </c>
      <c r="M636">
        <v>1121.521</v>
      </c>
      <c r="N636">
        <v>1277.3889999999999</v>
      </c>
      <c r="O636">
        <v>1195.971</v>
      </c>
      <c r="P636">
        <v>0</v>
      </c>
      <c r="Q636">
        <v>0</v>
      </c>
      <c r="R636">
        <v>1275.942</v>
      </c>
      <c r="S636">
        <v>0</v>
      </c>
      <c r="T636">
        <v>1261.223</v>
      </c>
      <c r="U636">
        <v>1249.8720000000001</v>
      </c>
      <c r="V636">
        <v>1232.4390000000001</v>
      </c>
      <c r="W636">
        <v>1219.1089999999999</v>
      </c>
      <c r="X636">
        <v>1200.0640000000001</v>
      </c>
      <c r="Y636">
        <v>1182.2370000000001</v>
      </c>
    </row>
    <row r="637" spans="1:25" x14ac:dyDescent="0.3">
      <c r="A637">
        <v>16.999999999130765</v>
      </c>
      <c r="B637">
        <v>1159.2539999999999</v>
      </c>
      <c r="C637">
        <v>1147.7840000000001</v>
      </c>
      <c r="D637">
        <v>1127.5319999999999</v>
      </c>
      <c r="E637">
        <v>1136.9860000000001</v>
      </c>
      <c r="F637">
        <v>1159.7139999999999</v>
      </c>
      <c r="G637">
        <v>1181.403</v>
      </c>
      <c r="H637">
        <v>1192.5640000000001</v>
      </c>
      <c r="I637">
        <v>1186.0920000000001</v>
      </c>
      <c r="J637">
        <v>1177.7660000000001</v>
      </c>
      <c r="K637">
        <v>1163.434</v>
      </c>
      <c r="L637">
        <v>1151.7570000000001</v>
      </c>
      <c r="M637">
        <v>1121.8599999999999</v>
      </c>
      <c r="N637">
        <v>1274.0719999999999</v>
      </c>
      <c r="O637">
        <v>1201.095</v>
      </c>
      <c r="P637">
        <v>0</v>
      </c>
      <c r="Q637">
        <v>0</v>
      </c>
      <c r="R637">
        <v>1276.9459999999999</v>
      </c>
      <c r="S637">
        <v>0</v>
      </c>
      <c r="T637">
        <v>1261.761</v>
      </c>
      <c r="U637">
        <v>1248.085</v>
      </c>
      <c r="V637">
        <v>1230.5650000000001</v>
      </c>
      <c r="W637">
        <v>1219.8720000000001</v>
      </c>
      <c r="X637">
        <v>1202.1869999999999</v>
      </c>
      <c r="Y637">
        <v>1186.441</v>
      </c>
    </row>
    <row r="638" spans="1:25" x14ac:dyDescent="0.3">
      <c r="A638">
        <v>17.033333329778785</v>
      </c>
      <c r="B638">
        <v>1152.93</v>
      </c>
      <c r="C638">
        <v>1148.57</v>
      </c>
      <c r="D638">
        <v>1126.491</v>
      </c>
      <c r="E638">
        <v>1134.3869999999999</v>
      </c>
      <c r="F638">
        <v>1154.1379999999999</v>
      </c>
      <c r="G638">
        <v>1173.318</v>
      </c>
      <c r="H638">
        <v>1183.0719999999999</v>
      </c>
      <c r="I638">
        <v>1180.03</v>
      </c>
      <c r="J638">
        <v>1174.069</v>
      </c>
      <c r="K638">
        <v>1161.1559999999999</v>
      </c>
      <c r="L638">
        <v>1151.1659999999999</v>
      </c>
      <c r="M638">
        <v>1120.71</v>
      </c>
      <c r="N638">
        <v>1247.771</v>
      </c>
      <c r="O638">
        <v>1204.704</v>
      </c>
      <c r="P638">
        <v>0</v>
      </c>
      <c r="Q638">
        <v>0</v>
      </c>
      <c r="R638">
        <v>1273.6130000000001</v>
      </c>
      <c r="S638">
        <v>0</v>
      </c>
      <c r="T638">
        <v>1259.4480000000001</v>
      </c>
      <c r="U638">
        <v>1244.6559999999999</v>
      </c>
      <c r="V638">
        <v>1229.721</v>
      </c>
      <c r="W638">
        <v>1218.308</v>
      </c>
      <c r="X638">
        <v>1199.6369999999999</v>
      </c>
      <c r="Y638">
        <v>1183.3440000000001</v>
      </c>
    </row>
    <row r="639" spans="1:25" x14ac:dyDescent="0.3">
      <c r="A639">
        <v>17.066666670904183</v>
      </c>
      <c r="B639">
        <v>1158.376</v>
      </c>
      <c r="C639">
        <v>1153.3720000000001</v>
      </c>
      <c r="D639">
        <v>1135.261</v>
      </c>
      <c r="E639">
        <v>1143.3810000000001</v>
      </c>
      <c r="F639">
        <v>1165.454</v>
      </c>
      <c r="G639">
        <v>1186.7159999999999</v>
      </c>
      <c r="H639">
        <v>1193.636</v>
      </c>
      <c r="I639">
        <v>1191.367</v>
      </c>
      <c r="J639">
        <v>1183.0920000000001</v>
      </c>
      <c r="K639">
        <v>1166.4570000000001</v>
      </c>
      <c r="L639">
        <v>1157.1679999999999</v>
      </c>
      <c r="M639">
        <v>1124.6690000000001</v>
      </c>
      <c r="N639">
        <v>1239.856</v>
      </c>
      <c r="O639">
        <v>1188.828</v>
      </c>
      <c r="P639">
        <v>0</v>
      </c>
      <c r="Q639">
        <v>0</v>
      </c>
      <c r="R639">
        <v>1270.519</v>
      </c>
      <c r="S639">
        <v>0</v>
      </c>
      <c r="T639">
        <v>1261.2460000000001</v>
      </c>
      <c r="U639">
        <v>1243.7840000000001</v>
      </c>
      <c r="V639">
        <v>1226.29</v>
      </c>
      <c r="W639">
        <v>1216.8579999999999</v>
      </c>
      <c r="X639">
        <v>1197.5139999999999</v>
      </c>
      <c r="Y639">
        <v>1182.8019999999999</v>
      </c>
    </row>
    <row r="640" spans="1:25" x14ac:dyDescent="0.3">
      <c r="A640">
        <v>17.083333330989504</v>
      </c>
      <c r="B640">
        <v>1167.5550000000001</v>
      </c>
      <c r="C640">
        <v>1153.4480000000001</v>
      </c>
      <c r="D640">
        <v>1137.3140000000001</v>
      </c>
      <c r="E640">
        <v>1151.799</v>
      </c>
      <c r="F640">
        <v>1175.2639999999999</v>
      </c>
      <c r="G640">
        <v>1196.3440000000001</v>
      </c>
      <c r="H640">
        <v>1200.904</v>
      </c>
      <c r="I640">
        <v>1196.7139999999999</v>
      </c>
      <c r="J640">
        <v>1186.8320000000001</v>
      </c>
      <c r="K640">
        <v>1166.7070000000001</v>
      </c>
      <c r="L640">
        <v>1156.0940000000001</v>
      </c>
      <c r="M640">
        <v>1123.9090000000001</v>
      </c>
      <c r="N640">
        <v>1276.4269999999999</v>
      </c>
      <c r="O640">
        <v>1219.5229999999999</v>
      </c>
      <c r="P640">
        <v>0</v>
      </c>
      <c r="Q640">
        <v>0</v>
      </c>
      <c r="R640">
        <v>1273.4929999999999</v>
      </c>
      <c r="S640">
        <v>0</v>
      </c>
      <c r="T640">
        <v>1263.8610000000001</v>
      </c>
      <c r="U640">
        <v>1246.799</v>
      </c>
      <c r="V640">
        <v>1228.3800000000001</v>
      </c>
      <c r="W640">
        <v>1219.6990000000001</v>
      </c>
      <c r="X640">
        <v>1198</v>
      </c>
      <c r="Y640">
        <v>1182.355</v>
      </c>
    </row>
    <row r="641" spans="1:25" x14ac:dyDescent="0.3">
      <c r="A641">
        <v>17.116666672114903</v>
      </c>
      <c r="B641">
        <v>1165.644</v>
      </c>
      <c r="C641">
        <v>1153.0239999999999</v>
      </c>
      <c r="D641">
        <v>1134.1949999999999</v>
      </c>
      <c r="E641">
        <v>1145.4010000000001</v>
      </c>
      <c r="F641">
        <v>1166.068</v>
      </c>
      <c r="G641">
        <v>1183.4380000000001</v>
      </c>
      <c r="H641">
        <v>1189.6590000000001</v>
      </c>
      <c r="I641">
        <v>1188.6320000000001</v>
      </c>
      <c r="J641">
        <v>1180.26</v>
      </c>
      <c r="K641">
        <v>1163.3009999999999</v>
      </c>
      <c r="L641">
        <v>1152.6600000000001</v>
      </c>
      <c r="M641">
        <v>1123.0909999999999</v>
      </c>
      <c r="N641">
        <v>1287.5830000000001</v>
      </c>
      <c r="O641">
        <v>1221.579</v>
      </c>
      <c r="P641">
        <v>0</v>
      </c>
      <c r="Q641">
        <v>0</v>
      </c>
      <c r="R641">
        <v>1268.2249999999999</v>
      </c>
      <c r="S641">
        <v>0</v>
      </c>
      <c r="T641">
        <v>1254.2149999999999</v>
      </c>
      <c r="U641">
        <v>1241.6980000000001</v>
      </c>
      <c r="V641">
        <v>1229.2650000000001</v>
      </c>
      <c r="W641">
        <v>1223.961</v>
      </c>
      <c r="X641">
        <v>1202.422</v>
      </c>
      <c r="Y641">
        <v>1184.4269999999999</v>
      </c>
    </row>
    <row r="642" spans="1:25" x14ac:dyDescent="0.3">
      <c r="A642">
        <v>17.133333332200223</v>
      </c>
      <c r="B642">
        <v>1166.0319999999999</v>
      </c>
      <c r="C642">
        <v>1150.2670000000001</v>
      </c>
      <c r="D642">
        <v>1128.3889999999999</v>
      </c>
      <c r="E642">
        <v>1140.1759999999999</v>
      </c>
      <c r="F642">
        <v>1161.482</v>
      </c>
      <c r="G642">
        <v>1180.2819999999999</v>
      </c>
      <c r="H642">
        <v>1184.2349999999999</v>
      </c>
      <c r="I642">
        <v>1187.0450000000001</v>
      </c>
      <c r="J642">
        <v>1179.991</v>
      </c>
      <c r="K642">
        <v>1164.1279999999999</v>
      </c>
      <c r="L642">
        <v>1154.1959999999999</v>
      </c>
      <c r="M642">
        <v>1123.9469999999999</v>
      </c>
      <c r="N642">
        <v>1274.819</v>
      </c>
      <c r="O642">
        <v>1227.2760000000001</v>
      </c>
      <c r="P642">
        <v>0</v>
      </c>
      <c r="Q642">
        <v>0</v>
      </c>
      <c r="R642">
        <v>1260.9259999999999</v>
      </c>
      <c r="S642">
        <v>0</v>
      </c>
      <c r="T642">
        <v>1251.941</v>
      </c>
      <c r="U642">
        <v>1240.43</v>
      </c>
      <c r="V642">
        <v>1228.597</v>
      </c>
      <c r="W642">
        <v>1223.7460000000001</v>
      </c>
      <c r="X642">
        <v>1204.8399999999999</v>
      </c>
      <c r="Y642">
        <v>1186.018</v>
      </c>
    </row>
    <row r="643" spans="1:25" x14ac:dyDescent="0.3">
      <c r="A643">
        <v>17.166666673325622</v>
      </c>
      <c r="B643">
        <v>1168.441</v>
      </c>
      <c r="C643">
        <v>1147.463</v>
      </c>
      <c r="D643">
        <v>1124.5550000000001</v>
      </c>
      <c r="E643">
        <v>1134.9949999999999</v>
      </c>
      <c r="F643">
        <v>1153.7159999999999</v>
      </c>
      <c r="G643">
        <v>1169.829</v>
      </c>
      <c r="H643">
        <v>1176.17</v>
      </c>
      <c r="I643">
        <v>1182.394</v>
      </c>
      <c r="J643">
        <v>1174.7629999999999</v>
      </c>
      <c r="K643">
        <v>1161.999</v>
      </c>
      <c r="L643">
        <v>1152.566</v>
      </c>
      <c r="M643">
        <v>1123.0930000000001</v>
      </c>
      <c r="N643">
        <v>1249.8340000000001</v>
      </c>
      <c r="O643">
        <v>1218.759</v>
      </c>
      <c r="P643">
        <v>0</v>
      </c>
      <c r="Q643">
        <v>0</v>
      </c>
      <c r="R643">
        <v>1258.0899999999999</v>
      </c>
      <c r="S643">
        <v>0</v>
      </c>
      <c r="T643">
        <v>1244.4580000000001</v>
      </c>
      <c r="U643">
        <v>1235.4390000000001</v>
      </c>
      <c r="V643">
        <v>1224.8109999999999</v>
      </c>
      <c r="W643">
        <v>1220.229</v>
      </c>
      <c r="X643">
        <v>1203.223</v>
      </c>
      <c r="Y643">
        <v>1185.5139999999999</v>
      </c>
    </row>
    <row r="644" spans="1:25" x14ac:dyDescent="0.3">
      <c r="A644">
        <v>17.200000003973642</v>
      </c>
      <c r="B644">
        <v>1157.1099999999999</v>
      </c>
      <c r="C644">
        <v>1145.7080000000001</v>
      </c>
      <c r="D644">
        <v>1122.675</v>
      </c>
      <c r="E644">
        <v>1134.1410000000001</v>
      </c>
      <c r="F644">
        <v>1153.5820000000001</v>
      </c>
      <c r="G644">
        <v>1171.1969999999999</v>
      </c>
      <c r="H644">
        <v>1177.712</v>
      </c>
      <c r="I644">
        <v>1180.2239999999999</v>
      </c>
      <c r="J644">
        <v>1169.443</v>
      </c>
      <c r="K644">
        <v>1156.3620000000001</v>
      </c>
      <c r="L644">
        <v>1147.2529999999999</v>
      </c>
      <c r="M644">
        <v>1120.8240000000001</v>
      </c>
      <c r="N644">
        <v>1272.126</v>
      </c>
      <c r="O644">
        <v>1216.0740000000001</v>
      </c>
      <c r="P644">
        <v>0</v>
      </c>
      <c r="Q644">
        <v>0</v>
      </c>
      <c r="R644">
        <v>1261.7840000000001</v>
      </c>
      <c r="S644">
        <v>0</v>
      </c>
      <c r="T644">
        <v>1247.6320000000001</v>
      </c>
      <c r="U644">
        <v>1236.6610000000001</v>
      </c>
      <c r="V644">
        <v>1224.8699999999999</v>
      </c>
      <c r="W644">
        <v>1219.19</v>
      </c>
      <c r="X644">
        <v>1204.7429999999999</v>
      </c>
      <c r="Y644">
        <v>1183.925</v>
      </c>
    </row>
    <row r="645" spans="1:25" x14ac:dyDescent="0.3">
      <c r="A645">
        <v>17.216666664058963</v>
      </c>
      <c r="B645">
        <v>1169.098</v>
      </c>
      <c r="C645">
        <v>1147.694</v>
      </c>
      <c r="D645">
        <v>1123.3219999999999</v>
      </c>
      <c r="E645">
        <v>1134.066</v>
      </c>
      <c r="F645">
        <v>1153.354</v>
      </c>
      <c r="G645">
        <v>1171.0260000000001</v>
      </c>
      <c r="H645">
        <v>1180.71</v>
      </c>
      <c r="I645">
        <v>1185.1279999999999</v>
      </c>
      <c r="J645">
        <v>1174.1289999999999</v>
      </c>
      <c r="K645">
        <v>1160.4290000000001</v>
      </c>
      <c r="L645">
        <v>1151.992</v>
      </c>
      <c r="M645">
        <v>1122.981</v>
      </c>
      <c r="N645">
        <v>1239.9760000000001</v>
      </c>
      <c r="O645">
        <v>1208.7840000000001</v>
      </c>
      <c r="P645">
        <v>0</v>
      </c>
      <c r="Q645">
        <v>0</v>
      </c>
      <c r="R645">
        <v>1257.0340000000001</v>
      </c>
      <c r="S645">
        <v>0</v>
      </c>
      <c r="T645">
        <v>1248.0899999999999</v>
      </c>
      <c r="U645">
        <v>1239.2809999999999</v>
      </c>
      <c r="V645">
        <v>1225.1679999999999</v>
      </c>
      <c r="W645">
        <v>1219.0150000000001</v>
      </c>
      <c r="X645">
        <v>1206.8879999999999</v>
      </c>
      <c r="Y645">
        <v>1189.2750000000001</v>
      </c>
    </row>
    <row r="646" spans="1:25" x14ac:dyDescent="0.3">
      <c r="A646">
        <v>17.250000005184361</v>
      </c>
      <c r="B646">
        <v>1154.3699999999999</v>
      </c>
      <c r="C646">
        <v>1143.4970000000001</v>
      </c>
      <c r="D646">
        <v>1119.2570000000001</v>
      </c>
      <c r="E646">
        <v>1130.6310000000001</v>
      </c>
      <c r="F646">
        <v>1150.479</v>
      </c>
      <c r="G646">
        <v>1168.327</v>
      </c>
      <c r="H646">
        <v>1176.307</v>
      </c>
      <c r="I646">
        <v>1177.7909999999999</v>
      </c>
      <c r="J646">
        <v>1169.6959999999999</v>
      </c>
      <c r="K646">
        <v>1160.2560000000001</v>
      </c>
      <c r="L646">
        <v>1153.162</v>
      </c>
      <c r="M646">
        <v>1124.8409999999999</v>
      </c>
      <c r="N646">
        <v>1256.096</v>
      </c>
      <c r="O646">
        <v>1207.961</v>
      </c>
      <c r="P646">
        <v>0</v>
      </c>
      <c r="Q646">
        <v>0</v>
      </c>
      <c r="R646">
        <v>1261.7260000000001</v>
      </c>
      <c r="S646">
        <v>0</v>
      </c>
      <c r="T646">
        <v>1251.0070000000001</v>
      </c>
      <c r="U646">
        <v>1239.242</v>
      </c>
      <c r="V646">
        <v>1223.6690000000001</v>
      </c>
      <c r="W646">
        <v>1217.5840000000001</v>
      </c>
      <c r="X646">
        <v>1205.758</v>
      </c>
      <c r="Y646">
        <v>1194.338</v>
      </c>
    </row>
    <row r="647" spans="1:25" x14ac:dyDescent="0.3">
      <c r="A647">
        <v>17.283333335832381</v>
      </c>
      <c r="B647">
        <v>1154.1020000000001</v>
      </c>
      <c r="C647">
        <v>1141.799</v>
      </c>
      <c r="D647">
        <v>1119.22</v>
      </c>
      <c r="E647">
        <v>1131.5989999999999</v>
      </c>
      <c r="F647">
        <v>1151.5519999999999</v>
      </c>
      <c r="G647">
        <v>1168.019</v>
      </c>
      <c r="H647">
        <v>1175.4590000000001</v>
      </c>
      <c r="I647">
        <v>1177.6559999999999</v>
      </c>
      <c r="J647">
        <v>1169.6189999999999</v>
      </c>
      <c r="K647">
        <v>1157.17</v>
      </c>
      <c r="L647">
        <v>1148.4380000000001</v>
      </c>
      <c r="M647">
        <v>1121.5820000000001</v>
      </c>
      <c r="N647">
        <v>1271.586</v>
      </c>
      <c r="O647">
        <v>1217.663</v>
      </c>
      <c r="P647">
        <v>0</v>
      </c>
      <c r="Q647">
        <v>0</v>
      </c>
      <c r="R647">
        <v>1263.7429999999999</v>
      </c>
      <c r="S647">
        <v>0</v>
      </c>
      <c r="T647">
        <v>1252.8019999999999</v>
      </c>
      <c r="U647">
        <v>1239.461</v>
      </c>
      <c r="V647">
        <v>1224.163</v>
      </c>
      <c r="W647">
        <v>1217.742</v>
      </c>
      <c r="X647">
        <v>1206.479</v>
      </c>
      <c r="Y647">
        <v>1198.665</v>
      </c>
    </row>
    <row r="648" spans="1:25" x14ac:dyDescent="0.3">
      <c r="A648">
        <v>17.300000006395081</v>
      </c>
      <c r="B648">
        <v>1145.729</v>
      </c>
      <c r="C648">
        <v>1144.7950000000001</v>
      </c>
      <c r="D648">
        <v>1124.8800000000001</v>
      </c>
      <c r="E648">
        <v>1137.8889999999999</v>
      </c>
      <c r="F648">
        <v>1157.3040000000001</v>
      </c>
      <c r="G648">
        <v>1174.1869999999999</v>
      </c>
      <c r="H648">
        <v>1179.2570000000001</v>
      </c>
      <c r="I648">
        <v>1178.9860000000001</v>
      </c>
      <c r="J648">
        <v>1172.587</v>
      </c>
      <c r="K648">
        <v>1162.04</v>
      </c>
      <c r="L648">
        <v>1151.9549999999999</v>
      </c>
      <c r="M648">
        <v>1122.7719999999999</v>
      </c>
      <c r="N648">
        <v>1275.2429999999999</v>
      </c>
      <c r="O648">
        <v>1229.605</v>
      </c>
      <c r="P648">
        <v>0</v>
      </c>
      <c r="Q648">
        <v>0</v>
      </c>
      <c r="R648">
        <v>1267.1849999999999</v>
      </c>
      <c r="S648">
        <v>0</v>
      </c>
      <c r="T648">
        <v>1254.9780000000001</v>
      </c>
      <c r="U648">
        <v>1241.96</v>
      </c>
      <c r="V648">
        <v>1229.5060000000001</v>
      </c>
      <c r="W648">
        <v>1221.838</v>
      </c>
      <c r="X648">
        <v>1206.44</v>
      </c>
      <c r="Y648">
        <v>1199.4829999999999</v>
      </c>
    </row>
    <row r="649" spans="1:25" x14ac:dyDescent="0.3">
      <c r="A649">
        <v>17.333333337043101</v>
      </c>
      <c r="B649">
        <v>1157.7090000000001</v>
      </c>
      <c r="C649">
        <v>1152.1679999999999</v>
      </c>
      <c r="D649">
        <v>1137.643</v>
      </c>
      <c r="E649">
        <v>1150.0619999999999</v>
      </c>
      <c r="F649">
        <v>1167</v>
      </c>
      <c r="G649">
        <v>1185.829</v>
      </c>
      <c r="H649">
        <v>1188.7739999999999</v>
      </c>
      <c r="I649">
        <v>1186.2550000000001</v>
      </c>
      <c r="J649">
        <v>1175.153</v>
      </c>
      <c r="K649">
        <v>1161.3520000000001</v>
      </c>
      <c r="L649">
        <v>1151.19</v>
      </c>
      <c r="M649">
        <v>1122.415</v>
      </c>
      <c r="N649">
        <v>1296.4570000000001</v>
      </c>
      <c r="O649">
        <v>1233.2149999999999</v>
      </c>
      <c r="P649">
        <v>0</v>
      </c>
      <c r="Q649">
        <v>0</v>
      </c>
      <c r="R649">
        <v>1263.606</v>
      </c>
      <c r="S649">
        <v>0</v>
      </c>
      <c r="T649">
        <v>1249.799</v>
      </c>
      <c r="U649">
        <v>1240.673</v>
      </c>
      <c r="V649">
        <v>1229.075</v>
      </c>
      <c r="W649">
        <v>1220.7429999999999</v>
      </c>
      <c r="X649">
        <v>1205.527</v>
      </c>
      <c r="Y649">
        <v>1199.875</v>
      </c>
    </row>
    <row r="650" spans="1:25" x14ac:dyDescent="0.3">
      <c r="A650">
        <v>17.349999997128421</v>
      </c>
      <c r="B650">
        <v>1159.356</v>
      </c>
      <c r="C650">
        <v>1152.722</v>
      </c>
      <c r="D650">
        <v>1135.1489999999999</v>
      </c>
      <c r="E650">
        <v>1145.806</v>
      </c>
      <c r="F650">
        <v>1161.6369999999999</v>
      </c>
      <c r="G650">
        <v>1178.3119999999999</v>
      </c>
      <c r="H650">
        <v>1180.866</v>
      </c>
      <c r="I650">
        <v>1181.117</v>
      </c>
      <c r="J650">
        <v>1174.6690000000001</v>
      </c>
      <c r="K650">
        <v>1162.73</v>
      </c>
      <c r="L650">
        <v>1151.6479999999999</v>
      </c>
      <c r="M650">
        <v>1122.2809999999999</v>
      </c>
      <c r="N650">
        <v>1301.5070000000001</v>
      </c>
      <c r="O650">
        <v>1236.4659999999999</v>
      </c>
      <c r="P650">
        <v>0</v>
      </c>
      <c r="Q650">
        <v>0</v>
      </c>
      <c r="R650">
        <v>1264.921</v>
      </c>
      <c r="S650">
        <v>0</v>
      </c>
      <c r="T650">
        <v>1249.5989999999999</v>
      </c>
      <c r="U650">
        <v>1239.461</v>
      </c>
      <c r="V650">
        <v>1225.5820000000001</v>
      </c>
      <c r="W650">
        <v>1219.0350000000001</v>
      </c>
      <c r="X650">
        <v>1207.0830000000001</v>
      </c>
      <c r="Y650">
        <v>1202.6990000000001</v>
      </c>
    </row>
    <row r="651" spans="1:25" x14ac:dyDescent="0.3">
      <c r="A651">
        <v>17.38333333825382</v>
      </c>
      <c r="B651">
        <v>1156.328</v>
      </c>
      <c r="C651">
        <v>1148.6880000000001</v>
      </c>
      <c r="D651">
        <v>1129.5319999999999</v>
      </c>
      <c r="E651">
        <v>1140.5619999999999</v>
      </c>
      <c r="F651">
        <v>1157.8430000000001</v>
      </c>
      <c r="G651">
        <v>1173.7070000000001</v>
      </c>
      <c r="H651">
        <v>1177.5429999999999</v>
      </c>
      <c r="I651">
        <v>1178.9110000000001</v>
      </c>
      <c r="J651">
        <v>1174.845</v>
      </c>
      <c r="K651">
        <v>1163.173</v>
      </c>
      <c r="L651">
        <v>1152.4939999999999</v>
      </c>
      <c r="M651">
        <v>1124.0650000000001</v>
      </c>
      <c r="N651">
        <v>1298.922</v>
      </c>
      <c r="O651">
        <v>1247.577</v>
      </c>
      <c r="P651">
        <v>0</v>
      </c>
      <c r="Q651">
        <v>0</v>
      </c>
      <c r="R651">
        <v>1275.165</v>
      </c>
      <c r="S651">
        <v>0</v>
      </c>
      <c r="T651">
        <v>1257.875</v>
      </c>
      <c r="U651">
        <v>1244.6210000000001</v>
      </c>
      <c r="V651">
        <v>1229.962</v>
      </c>
      <c r="W651">
        <v>1222.7850000000001</v>
      </c>
      <c r="X651">
        <v>1209.963</v>
      </c>
      <c r="Y651">
        <v>1202.662</v>
      </c>
    </row>
    <row r="652" spans="1:25" x14ac:dyDescent="0.3">
      <c r="A652">
        <v>17.41666666890184</v>
      </c>
      <c r="B652">
        <v>1156.5219999999999</v>
      </c>
      <c r="C652">
        <v>1157.346</v>
      </c>
      <c r="D652">
        <v>1142.8720000000001</v>
      </c>
      <c r="E652">
        <v>1154.394</v>
      </c>
      <c r="F652">
        <v>1171.126</v>
      </c>
      <c r="G652">
        <v>1187.807</v>
      </c>
      <c r="H652">
        <v>1190.423</v>
      </c>
      <c r="I652">
        <v>1190.326</v>
      </c>
      <c r="J652">
        <v>1182.2650000000001</v>
      </c>
      <c r="K652">
        <v>1168.0429999999999</v>
      </c>
      <c r="L652">
        <v>1156.924</v>
      </c>
      <c r="M652">
        <v>1126.5350000000001</v>
      </c>
      <c r="N652">
        <v>1303.4469999999999</v>
      </c>
      <c r="O652">
        <v>1245.4559999999999</v>
      </c>
      <c r="P652">
        <v>0</v>
      </c>
      <c r="Q652">
        <v>0</v>
      </c>
      <c r="R652">
        <v>1278.644</v>
      </c>
      <c r="S652">
        <v>0</v>
      </c>
      <c r="T652">
        <v>1257.0989999999999</v>
      </c>
      <c r="U652">
        <v>1242.6389999999999</v>
      </c>
      <c r="V652">
        <v>1230.9490000000001</v>
      </c>
      <c r="W652">
        <v>1223.9100000000001</v>
      </c>
      <c r="X652">
        <v>1207.633</v>
      </c>
      <c r="Y652">
        <v>1195.278</v>
      </c>
    </row>
    <row r="653" spans="1:25" x14ac:dyDescent="0.3">
      <c r="A653">
        <v>17.433333339464539</v>
      </c>
      <c r="B653">
        <v>1165.1500000000001</v>
      </c>
      <c r="C653">
        <v>1159.5119999999999</v>
      </c>
      <c r="D653">
        <v>1146.4190000000001</v>
      </c>
      <c r="E653">
        <v>1156.866</v>
      </c>
      <c r="F653">
        <v>1173.0139999999999</v>
      </c>
      <c r="G653">
        <v>1189.6849999999999</v>
      </c>
      <c r="H653">
        <v>1191.643</v>
      </c>
      <c r="I653">
        <v>1188.3869999999999</v>
      </c>
      <c r="J653">
        <v>1180.461</v>
      </c>
      <c r="K653">
        <v>1165.42</v>
      </c>
      <c r="L653">
        <v>1153.664</v>
      </c>
      <c r="M653">
        <v>1125.528</v>
      </c>
      <c r="N653">
        <v>1305.7080000000001</v>
      </c>
      <c r="O653">
        <v>1232.8409999999999</v>
      </c>
      <c r="P653">
        <v>0</v>
      </c>
      <c r="Q653">
        <v>0</v>
      </c>
      <c r="R653">
        <v>1271.4680000000001</v>
      </c>
      <c r="S653">
        <v>0</v>
      </c>
      <c r="T653">
        <v>1252.4849999999999</v>
      </c>
      <c r="U653">
        <v>1240.674</v>
      </c>
      <c r="V653">
        <v>1230.396</v>
      </c>
      <c r="W653">
        <v>1223.4949999999999</v>
      </c>
      <c r="X653">
        <v>1208.788</v>
      </c>
      <c r="Y653">
        <v>1198.8820000000001</v>
      </c>
    </row>
    <row r="654" spans="1:25" x14ac:dyDescent="0.3">
      <c r="A654">
        <v>17.466666670112559</v>
      </c>
      <c r="B654">
        <v>1170.2739999999999</v>
      </c>
      <c r="C654">
        <v>1158.2629999999999</v>
      </c>
      <c r="D654">
        <v>1144.6990000000001</v>
      </c>
      <c r="E654">
        <v>1155.866</v>
      </c>
      <c r="F654">
        <v>1172.375</v>
      </c>
      <c r="G654">
        <v>1188.462</v>
      </c>
      <c r="H654">
        <v>1196.0150000000001</v>
      </c>
      <c r="I654">
        <v>1195.45</v>
      </c>
      <c r="J654">
        <v>1186.7570000000001</v>
      </c>
      <c r="K654">
        <v>1171.855</v>
      </c>
      <c r="L654">
        <v>1158.5889999999999</v>
      </c>
      <c r="M654">
        <v>1126.759</v>
      </c>
      <c r="N654">
        <v>1285.403</v>
      </c>
      <c r="O654">
        <v>1221.877</v>
      </c>
      <c r="P654">
        <v>0</v>
      </c>
      <c r="Q654">
        <v>0</v>
      </c>
      <c r="R654">
        <v>1260.049</v>
      </c>
      <c r="S654">
        <v>0</v>
      </c>
      <c r="T654">
        <v>1249.9749999999999</v>
      </c>
      <c r="U654">
        <v>1239.7380000000001</v>
      </c>
      <c r="V654">
        <v>1225.8979999999999</v>
      </c>
      <c r="W654">
        <v>1219.0350000000001</v>
      </c>
      <c r="X654">
        <v>1203.9459999999999</v>
      </c>
      <c r="Y654">
        <v>1194.183</v>
      </c>
    </row>
    <row r="655" spans="1:25" x14ac:dyDescent="0.3">
      <c r="A655">
        <v>17.48333333019788</v>
      </c>
      <c r="B655">
        <v>1169.3530000000001</v>
      </c>
      <c r="C655">
        <v>1156.617</v>
      </c>
      <c r="D655">
        <v>1142.547</v>
      </c>
      <c r="E655">
        <v>1151.9960000000001</v>
      </c>
      <c r="F655">
        <v>1166.924</v>
      </c>
      <c r="G655">
        <v>1181.663</v>
      </c>
      <c r="H655">
        <v>1192.864</v>
      </c>
      <c r="I655">
        <v>1195.5119999999999</v>
      </c>
      <c r="J655">
        <v>1186.3530000000001</v>
      </c>
      <c r="K655">
        <v>1170.336</v>
      </c>
      <c r="L655">
        <v>1156.924</v>
      </c>
      <c r="M655">
        <v>1126.4770000000001</v>
      </c>
      <c r="N655">
        <v>1285.2650000000001</v>
      </c>
      <c r="O655">
        <v>1218.1369999999999</v>
      </c>
      <c r="P655">
        <v>0</v>
      </c>
      <c r="Q655">
        <v>0</v>
      </c>
      <c r="R655">
        <v>1271.83</v>
      </c>
      <c r="S655">
        <v>0</v>
      </c>
      <c r="T655">
        <v>1254.5219999999999</v>
      </c>
      <c r="U655">
        <v>1241.527</v>
      </c>
      <c r="V655">
        <v>1228.4839999999999</v>
      </c>
      <c r="W655">
        <v>1219.6849999999999</v>
      </c>
      <c r="X655">
        <v>1207.009</v>
      </c>
      <c r="Y655">
        <v>1196.3879999999999</v>
      </c>
    </row>
    <row r="656" spans="1:25" x14ac:dyDescent="0.3">
      <c r="A656">
        <v>17.516666671323279</v>
      </c>
      <c r="B656">
        <v>1168.3699999999999</v>
      </c>
      <c r="C656">
        <v>1153.1659999999999</v>
      </c>
      <c r="D656">
        <v>1135.5889999999999</v>
      </c>
      <c r="E656">
        <v>1146.8969999999999</v>
      </c>
      <c r="F656">
        <v>1163.539</v>
      </c>
      <c r="G656">
        <v>1180.424</v>
      </c>
      <c r="H656">
        <v>1194.9469999999999</v>
      </c>
      <c r="I656">
        <v>1201.4749999999999</v>
      </c>
      <c r="J656">
        <v>1189.28</v>
      </c>
      <c r="K656">
        <v>1170.645</v>
      </c>
      <c r="L656">
        <v>1156.829</v>
      </c>
      <c r="M656">
        <v>1126.212</v>
      </c>
      <c r="N656">
        <v>1280.875</v>
      </c>
      <c r="O656">
        <v>1219.47</v>
      </c>
      <c r="P656">
        <v>0</v>
      </c>
      <c r="Q656">
        <v>0</v>
      </c>
      <c r="R656">
        <v>1276.9159999999999</v>
      </c>
      <c r="S656">
        <v>0</v>
      </c>
      <c r="T656">
        <v>1259.135</v>
      </c>
      <c r="U656">
        <v>1246.329</v>
      </c>
      <c r="V656">
        <v>1231.442</v>
      </c>
      <c r="W656">
        <v>1222.6479999999999</v>
      </c>
      <c r="X656">
        <v>1210.807</v>
      </c>
      <c r="Y656">
        <v>1201.4559999999999</v>
      </c>
    </row>
    <row r="657" spans="1:25" x14ac:dyDescent="0.3">
      <c r="A657">
        <v>17.550000001971299</v>
      </c>
      <c r="B657">
        <v>1174.788</v>
      </c>
      <c r="C657">
        <v>1154.47</v>
      </c>
      <c r="D657">
        <v>1139.857</v>
      </c>
      <c r="E657">
        <v>1151.5550000000001</v>
      </c>
      <c r="F657">
        <v>1170.104</v>
      </c>
      <c r="G657">
        <v>1187.748</v>
      </c>
      <c r="H657">
        <v>1197.577</v>
      </c>
      <c r="I657">
        <v>1197.2650000000001</v>
      </c>
      <c r="J657">
        <v>1183.7760000000001</v>
      </c>
      <c r="K657">
        <v>1167.136</v>
      </c>
      <c r="L657">
        <v>1154.067</v>
      </c>
      <c r="M657">
        <v>1124.2940000000001</v>
      </c>
      <c r="N657">
        <v>1300.2270000000001</v>
      </c>
      <c r="O657">
        <v>1218.412</v>
      </c>
      <c r="P657">
        <v>0</v>
      </c>
      <c r="Q657">
        <v>0</v>
      </c>
      <c r="R657">
        <v>1271.328</v>
      </c>
      <c r="S657">
        <v>0</v>
      </c>
      <c r="T657">
        <v>1255.82</v>
      </c>
      <c r="U657">
        <v>1242.817</v>
      </c>
      <c r="V657">
        <v>1228.05</v>
      </c>
      <c r="W657">
        <v>1221.038</v>
      </c>
      <c r="X657">
        <v>1211.0029999999999</v>
      </c>
      <c r="Y657">
        <v>1205.3720000000001</v>
      </c>
    </row>
    <row r="658" spans="1:25" x14ac:dyDescent="0.3">
      <c r="A658">
        <v>17.566666672533998</v>
      </c>
      <c r="B658">
        <v>1172.5709999999999</v>
      </c>
      <c r="C658">
        <v>1159.3779999999999</v>
      </c>
      <c r="D658">
        <v>1144.645</v>
      </c>
      <c r="E658">
        <v>1154.47</v>
      </c>
      <c r="F658">
        <v>1169.43</v>
      </c>
      <c r="G658">
        <v>1184.6479999999999</v>
      </c>
      <c r="H658">
        <v>1191.0809999999999</v>
      </c>
      <c r="I658">
        <v>1191.4490000000001</v>
      </c>
      <c r="J658">
        <v>1181.0429999999999</v>
      </c>
      <c r="K658">
        <v>1166.616</v>
      </c>
      <c r="L658">
        <v>1152.2840000000001</v>
      </c>
      <c r="M658">
        <v>1123.44</v>
      </c>
      <c r="N658">
        <v>1295.806</v>
      </c>
      <c r="O658">
        <v>1214.962</v>
      </c>
      <c r="P658">
        <v>0</v>
      </c>
      <c r="Q658">
        <v>0</v>
      </c>
      <c r="R658">
        <v>1256.818</v>
      </c>
      <c r="S658">
        <v>0</v>
      </c>
      <c r="T658">
        <v>1246.1300000000001</v>
      </c>
      <c r="U658">
        <v>1237.123</v>
      </c>
      <c r="V658">
        <v>1224.2840000000001</v>
      </c>
      <c r="W658">
        <v>1218.8040000000001</v>
      </c>
      <c r="X658">
        <v>1212.473</v>
      </c>
      <c r="Y658">
        <v>1206.58</v>
      </c>
    </row>
    <row r="659" spans="1:25" x14ac:dyDescent="0.3">
      <c r="A659">
        <v>17.600000003182018</v>
      </c>
      <c r="B659">
        <v>1175.3889999999999</v>
      </c>
      <c r="C659">
        <v>1159.171</v>
      </c>
      <c r="D659">
        <v>1145.8889999999999</v>
      </c>
      <c r="E659">
        <v>1155.777</v>
      </c>
      <c r="F659">
        <v>1171.2840000000001</v>
      </c>
      <c r="G659">
        <v>1186.182</v>
      </c>
      <c r="H659">
        <v>1191.7629999999999</v>
      </c>
      <c r="I659">
        <v>1190.6010000000001</v>
      </c>
      <c r="J659">
        <v>1180.33</v>
      </c>
      <c r="K659">
        <v>1166.3109999999999</v>
      </c>
      <c r="L659">
        <v>1153.6300000000001</v>
      </c>
      <c r="M659">
        <v>1123.672</v>
      </c>
      <c r="N659">
        <v>1284.9849999999999</v>
      </c>
      <c r="O659">
        <v>1209.3599999999999</v>
      </c>
      <c r="P659">
        <v>0</v>
      </c>
      <c r="Q659">
        <v>0</v>
      </c>
      <c r="R659">
        <v>1261.7339999999999</v>
      </c>
      <c r="S659">
        <v>0</v>
      </c>
      <c r="T659">
        <v>1243.614</v>
      </c>
      <c r="U659">
        <v>1235.606</v>
      </c>
      <c r="V659">
        <v>1225.3330000000001</v>
      </c>
      <c r="W659">
        <v>1220.6890000000001</v>
      </c>
      <c r="X659">
        <v>1214.633</v>
      </c>
      <c r="Y659">
        <v>1209.635</v>
      </c>
    </row>
    <row r="660" spans="1:25" x14ac:dyDescent="0.3">
      <c r="A660">
        <v>17.616666663267338</v>
      </c>
      <c r="B660">
        <v>1161.471</v>
      </c>
      <c r="C660">
        <v>1160.2059999999999</v>
      </c>
      <c r="D660">
        <v>1147.9110000000001</v>
      </c>
      <c r="E660">
        <v>1158.058</v>
      </c>
      <c r="F660">
        <v>1174.9259999999999</v>
      </c>
      <c r="G660">
        <v>1191.492</v>
      </c>
      <c r="H660">
        <v>1201.673</v>
      </c>
      <c r="I660">
        <v>1200.7180000000001</v>
      </c>
      <c r="J660">
        <v>1188.4690000000001</v>
      </c>
      <c r="K660">
        <v>1172.0160000000001</v>
      </c>
      <c r="L660">
        <v>1155.297</v>
      </c>
      <c r="M660">
        <v>1125.645</v>
      </c>
      <c r="N660">
        <v>1293.3209999999999</v>
      </c>
      <c r="O660">
        <v>1233.7719999999999</v>
      </c>
      <c r="P660">
        <v>0</v>
      </c>
      <c r="Q660">
        <v>0</v>
      </c>
      <c r="R660">
        <v>1267.0509999999999</v>
      </c>
      <c r="S660">
        <v>0</v>
      </c>
      <c r="T660">
        <v>1252.8889999999999</v>
      </c>
      <c r="U660">
        <v>1239.011</v>
      </c>
      <c r="V660">
        <v>1228.7639999999999</v>
      </c>
      <c r="W660">
        <v>1223.7360000000001</v>
      </c>
      <c r="X660">
        <v>1215.0239999999999</v>
      </c>
      <c r="Y660">
        <v>1208.7719999999999</v>
      </c>
    </row>
    <row r="661" spans="1:25" x14ac:dyDescent="0.3">
      <c r="A661">
        <v>17.650000004392737</v>
      </c>
      <c r="B661">
        <v>1167.1579999999999</v>
      </c>
      <c r="C661">
        <v>1159.0360000000001</v>
      </c>
      <c r="D661">
        <v>1143.4649999999999</v>
      </c>
      <c r="E661">
        <v>1153.6289999999999</v>
      </c>
      <c r="F661">
        <v>1169.413</v>
      </c>
      <c r="G661">
        <v>1187.1110000000001</v>
      </c>
      <c r="H661">
        <v>1195.846</v>
      </c>
      <c r="I661">
        <v>1193.9939999999999</v>
      </c>
      <c r="J661">
        <v>1183.3710000000001</v>
      </c>
      <c r="K661">
        <v>1167.4090000000001</v>
      </c>
      <c r="L661">
        <v>1151.596</v>
      </c>
      <c r="M661">
        <v>1124.5630000000001</v>
      </c>
      <c r="N661">
        <v>1299.3130000000001</v>
      </c>
      <c r="O661">
        <v>1232.3119999999999</v>
      </c>
      <c r="P661">
        <v>0</v>
      </c>
      <c r="Q661">
        <v>0</v>
      </c>
      <c r="R661">
        <v>1263.17</v>
      </c>
      <c r="S661">
        <v>0</v>
      </c>
      <c r="T661">
        <v>1250.6759999999999</v>
      </c>
      <c r="U661">
        <v>1240.32</v>
      </c>
      <c r="V661">
        <v>1229.374</v>
      </c>
      <c r="W661">
        <v>1224.2080000000001</v>
      </c>
      <c r="X661">
        <v>1210.3789999999999</v>
      </c>
      <c r="Y661">
        <v>1201.867</v>
      </c>
    </row>
    <row r="662" spans="1:25" x14ac:dyDescent="0.3">
      <c r="A662">
        <v>17.683333335040757</v>
      </c>
      <c r="B662">
        <v>1163.5419999999999</v>
      </c>
      <c r="C662">
        <v>1156.5630000000001</v>
      </c>
      <c r="D662">
        <v>1142.588</v>
      </c>
      <c r="E662">
        <v>1155.278</v>
      </c>
      <c r="F662">
        <v>1173.673</v>
      </c>
      <c r="G662">
        <v>1190.93</v>
      </c>
      <c r="H662">
        <v>1196.2940000000001</v>
      </c>
      <c r="I662">
        <v>1197.0930000000001</v>
      </c>
      <c r="J662">
        <v>1185.9880000000001</v>
      </c>
      <c r="K662">
        <v>1169.761</v>
      </c>
      <c r="L662">
        <v>1155.854</v>
      </c>
      <c r="M662">
        <v>1126.67</v>
      </c>
      <c r="N662">
        <v>1261.8130000000001</v>
      </c>
      <c r="O662">
        <v>1222.454</v>
      </c>
      <c r="P662">
        <v>0</v>
      </c>
      <c r="Q662">
        <v>0</v>
      </c>
      <c r="R662">
        <v>1257.3009999999999</v>
      </c>
      <c r="S662">
        <v>0</v>
      </c>
      <c r="T662">
        <v>1245.1020000000001</v>
      </c>
      <c r="U662">
        <v>1239.4480000000001</v>
      </c>
      <c r="V662">
        <v>1229.4929999999999</v>
      </c>
      <c r="W662">
        <v>1226.0229999999999</v>
      </c>
      <c r="X662">
        <v>1213.9659999999999</v>
      </c>
      <c r="Y662">
        <v>1204.2840000000001</v>
      </c>
    </row>
    <row r="663" spans="1:25" x14ac:dyDescent="0.3">
      <c r="A663">
        <v>17.700000005603457</v>
      </c>
      <c r="B663">
        <v>1171.4570000000001</v>
      </c>
      <c r="C663">
        <v>1157.3499999999999</v>
      </c>
      <c r="D663">
        <v>1142.665</v>
      </c>
      <c r="E663">
        <v>1152.211</v>
      </c>
      <c r="F663">
        <v>1168.0070000000001</v>
      </c>
      <c r="G663">
        <v>1184.4000000000001</v>
      </c>
      <c r="H663">
        <v>1189.6120000000001</v>
      </c>
      <c r="I663">
        <v>1191.9380000000001</v>
      </c>
      <c r="J663">
        <v>1185.3879999999999</v>
      </c>
      <c r="K663">
        <v>1174.5219999999999</v>
      </c>
      <c r="L663">
        <v>1158.845</v>
      </c>
      <c r="M663">
        <v>1129.7650000000001</v>
      </c>
      <c r="N663">
        <v>1265.8869999999999</v>
      </c>
      <c r="O663">
        <v>1221.2380000000001</v>
      </c>
      <c r="P663">
        <v>0</v>
      </c>
      <c r="Q663">
        <v>0</v>
      </c>
      <c r="R663">
        <v>1266.69</v>
      </c>
      <c r="S663">
        <v>0</v>
      </c>
      <c r="T663">
        <v>1245.9159999999999</v>
      </c>
      <c r="U663">
        <v>1238.297</v>
      </c>
      <c r="V663">
        <v>1230.4010000000001</v>
      </c>
      <c r="W663">
        <v>1225.057</v>
      </c>
      <c r="X663">
        <v>1212.183</v>
      </c>
      <c r="Y663">
        <v>1204.518</v>
      </c>
    </row>
    <row r="664" spans="1:25" x14ac:dyDescent="0.3">
      <c r="A664">
        <v>17.733333336251476</v>
      </c>
      <c r="B664">
        <v>1174.078</v>
      </c>
      <c r="C664">
        <v>1159.7449999999999</v>
      </c>
      <c r="D664">
        <v>1144.4190000000001</v>
      </c>
      <c r="E664">
        <v>1154.1079999999999</v>
      </c>
      <c r="F664">
        <v>1169.336</v>
      </c>
      <c r="G664">
        <v>1185.096</v>
      </c>
      <c r="H664">
        <v>1190.8130000000001</v>
      </c>
      <c r="I664">
        <v>1194.598</v>
      </c>
      <c r="J664">
        <v>1184.7860000000001</v>
      </c>
      <c r="K664">
        <v>1172.5550000000001</v>
      </c>
      <c r="L664">
        <v>1158.576</v>
      </c>
      <c r="M664">
        <v>1129.46</v>
      </c>
      <c r="N664">
        <v>1269.241</v>
      </c>
      <c r="O664">
        <v>1213.0440000000001</v>
      </c>
      <c r="P664">
        <v>0</v>
      </c>
      <c r="Q664">
        <v>0</v>
      </c>
      <c r="R664">
        <v>1265.107</v>
      </c>
      <c r="S664">
        <v>0</v>
      </c>
      <c r="T664">
        <v>1248.1959999999999</v>
      </c>
      <c r="U664">
        <v>1237.106</v>
      </c>
      <c r="V664">
        <v>1227.107</v>
      </c>
      <c r="W664">
        <v>1222.9860000000001</v>
      </c>
      <c r="X664">
        <v>1208.4770000000001</v>
      </c>
      <c r="Y664">
        <v>1197.6189999999999</v>
      </c>
    </row>
    <row r="665" spans="1:25" x14ac:dyDescent="0.3">
      <c r="A665">
        <v>17.766666666899496</v>
      </c>
      <c r="B665">
        <v>1172.788</v>
      </c>
      <c r="C665">
        <v>1158.251</v>
      </c>
      <c r="D665">
        <v>1143.028</v>
      </c>
      <c r="E665">
        <v>1152.135</v>
      </c>
      <c r="F665">
        <v>1165.194</v>
      </c>
      <c r="G665">
        <v>1179.614</v>
      </c>
      <c r="H665">
        <v>1186.299</v>
      </c>
      <c r="I665">
        <v>1189.1669999999999</v>
      </c>
      <c r="J665">
        <v>1180.1369999999999</v>
      </c>
      <c r="K665">
        <v>1167.8340000000001</v>
      </c>
      <c r="L665">
        <v>1154.8</v>
      </c>
      <c r="M665">
        <v>1128.171</v>
      </c>
      <c r="N665">
        <v>1286.058</v>
      </c>
      <c r="O665">
        <v>1221.258</v>
      </c>
      <c r="P665">
        <v>0</v>
      </c>
      <c r="Q665">
        <v>0</v>
      </c>
      <c r="R665">
        <v>1259.8979999999999</v>
      </c>
      <c r="S665">
        <v>0</v>
      </c>
      <c r="T665">
        <v>1243.952</v>
      </c>
      <c r="U665">
        <v>1238.0999999999999</v>
      </c>
      <c r="V665">
        <v>1228.173</v>
      </c>
      <c r="W665">
        <v>1222.5139999999999</v>
      </c>
      <c r="X665">
        <v>1212.183</v>
      </c>
      <c r="Y665">
        <v>1200.914</v>
      </c>
    </row>
    <row r="666" spans="1:25" x14ac:dyDescent="0.3">
      <c r="A666">
        <v>17.783333337462196</v>
      </c>
      <c r="B666">
        <v>1169.627</v>
      </c>
      <c r="C666">
        <v>1155.72</v>
      </c>
      <c r="D666">
        <v>1140.395</v>
      </c>
      <c r="E666">
        <v>1152.729</v>
      </c>
      <c r="F666">
        <v>1166.9480000000001</v>
      </c>
      <c r="G666">
        <v>1181.9390000000001</v>
      </c>
      <c r="H666">
        <v>1186.338</v>
      </c>
      <c r="I666">
        <v>1190.4069999999999</v>
      </c>
      <c r="J666">
        <v>1180.7380000000001</v>
      </c>
      <c r="K666">
        <v>1166.9090000000001</v>
      </c>
      <c r="L666">
        <v>1155.145</v>
      </c>
      <c r="M666">
        <v>1128.703</v>
      </c>
      <c r="N666">
        <v>1296.239</v>
      </c>
      <c r="O666">
        <v>1221.7090000000001</v>
      </c>
      <c r="P666">
        <v>0</v>
      </c>
      <c r="Q666">
        <v>0</v>
      </c>
      <c r="R666">
        <v>1271.4929999999999</v>
      </c>
      <c r="S666">
        <v>0</v>
      </c>
      <c r="T666">
        <v>1251.3520000000001</v>
      </c>
      <c r="U666">
        <v>1239.23</v>
      </c>
      <c r="V666">
        <v>1229.001</v>
      </c>
      <c r="W666">
        <v>1222.297</v>
      </c>
      <c r="X666">
        <v>1210.7919999999999</v>
      </c>
      <c r="Y666">
        <v>1197.4059999999999</v>
      </c>
    </row>
    <row r="667" spans="1:25" x14ac:dyDescent="0.3">
      <c r="A667">
        <v>17.816666668110216</v>
      </c>
      <c r="B667">
        <v>1168.432</v>
      </c>
      <c r="C667">
        <v>1153.075</v>
      </c>
      <c r="D667">
        <v>1137</v>
      </c>
      <c r="E667">
        <v>1149.7629999999999</v>
      </c>
      <c r="F667">
        <v>1167.777</v>
      </c>
      <c r="G667">
        <v>1183.645</v>
      </c>
      <c r="H667">
        <v>1189.846</v>
      </c>
      <c r="I667">
        <v>1190.117</v>
      </c>
      <c r="J667">
        <v>1181.2809999999999</v>
      </c>
      <c r="K667">
        <v>1168.298</v>
      </c>
      <c r="L667">
        <v>1157.7729999999999</v>
      </c>
      <c r="M667">
        <v>1130.127</v>
      </c>
      <c r="N667">
        <v>1282.8420000000001</v>
      </c>
      <c r="O667">
        <v>1207.579</v>
      </c>
      <c r="P667">
        <v>0</v>
      </c>
      <c r="Q667">
        <v>0</v>
      </c>
      <c r="R667">
        <v>1276.357</v>
      </c>
      <c r="S667">
        <v>0</v>
      </c>
      <c r="T667">
        <v>1256.0250000000001</v>
      </c>
      <c r="U667">
        <v>1243.3969999999999</v>
      </c>
      <c r="V667">
        <v>1230.875</v>
      </c>
      <c r="W667">
        <v>1223.58</v>
      </c>
      <c r="X667">
        <v>1210.8510000000001</v>
      </c>
      <c r="Y667">
        <v>1200.934</v>
      </c>
    </row>
    <row r="668" spans="1:25" x14ac:dyDescent="0.3">
      <c r="A668">
        <v>17.833333338672915</v>
      </c>
      <c r="B668">
        <v>1172.325</v>
      </c>
      <c r="C668">
        <v>1155.605</v>
      </c>
      <c r="D668">
        <v>1136.885</v>
      </c>
      <c r="E668">
        <v>1147.8920000000001</v>
      </c>
      <c r="F668">
        <v>1165.9449999999999</v>
      </c>
      <c r="G668">
        <v>1183.857</v>
      </c>
      <c r="H668">
        <v>1191.7049999999999</v>
      </c>
      <c r="I668">
        <v>1195.769</v>
      </c>
      <c r="J668">
        <v>1185.6980000000001</v>
      </c>
      <c r="K668">
        <v>1170.32</v>
      </c>
      <c r="L668">
        <v>1158.251</v>
      </c>
      <c r="M668">
        <v>1131.777</v>
      </c>
      <c r="N668">
        <v>1281.7280000000001</v>
      </c>
      <c r="O668">
        <v>1195.73</v>
      </c>
      <c r="P668">
        <v>0</v>
      </c>
      <c r="Q668">
        <v>0</v>
      </c>
      <c r="R668">
        <v>1282.578</v>
      </c>
      <c r="S668">
        <v>0</v>
      </c>
      <c r="T668">
        <v>1258.8789999999999</v>
      </c>
      <c r="U668">
        <v>1245.3209999999999</v>
      </c>
      <c r="V668">
        <v>1231.5640000000001</v>
      </c>
      <c r="W668">
        <v>1223.973</v>
      </c>
      <c r="X668">
        <v>1211.0070000000001</v>
      </c>
      <c r="Y668">
        <v>1203.2909999999999</v>
      </c>
    </row>
    <row r="669" spans="1:25" x14ac:dyDescent="0.3">
      <c r="A669">
        <v>17.866666669320935</v>
      </c>
      <c r="B669">
        <v>1179.9459999999999</v>
      </c>
      <c r="C669">
        <v>1161.7629999999999</v>
      </c>
      <c r="D669">
        <v>1147.857</v>
      </c>
      <c r="E669">
        <v>1155.5119999999999</v>
      </c>
      <c r="F669">
        <v>1171.731</v>
      </c>
      <c r="G669">
        <v>1189.596</v>
      </c>
      <c r="H669">
        <v>1198.6949999999999</v>
      </c>
      <c r="I669">
        <v>1200.527</v>
      </c>
      <c r="J669">
        <v>1191.5150000000001</v>
      </c>
      <c r="K669">
        <v>1173.0219999999999</v>
      </c>
      <c r="L669">
        <v>1161.7629999999999</v>
      </c>
      <c r="M669">
        <v>1133.1279999999999</v>
      </c>
      <c r="N669">
        <v>1281.8330000000001</v>
      </c>
      <c r="O669">
        <v>1204.0540000000001</v>
      </c>
      <c r="P669">
        <v>0</v>
      </c>
      <c r="Q669">
        <v>0</v>
      </c>
      <c r="R669">
        <v>1265.8699999999999</v>
      </c>
      <c r="S669">
        <v>0</v>
      </c>
      <c r="T669">
        <v>1253.1120000000001</v>
      </c>
      <c r="U669">
        <v>1241.991</v>
      </c>
      <c r="V669">
        <v>1228.6489999999999</v>
      </c>
      <c r="W669">
        <v>1220.575</v>
      </c>
      <c r="X669">
        <v>1208.933</v>
      </c>
      <c r="Y669">
        <v>1204.21</v>
      </c>
    </row>
    <row r="670" spans="1:25" x14ac:dyDescent="0.3">
      <c r="A670">
        <v>17.899999999968955</v>
      </c>
      <c r="B670">
        <v>1182.9280000000001</v>
      </c>
      <c r="C670">
        <v>1165.5409999999999</v>
      </c>
      <c r="D670">
        <v>1154.3979999999999</v>
      </c>
      <c r="E670">
        <v>1161.492</v>
      </c>
      <c r="F670">
        <v>1174.4839999999999</v>
      </c>
      <c r="G670">
        <v>1191.4929999999999</v>
      </c>
      <c r="H670">
        <v>1199.0830000000001</v>
      </c>
      <c r="I670">
        <v>1196.6469999999999</v>
      </c>
      <c r="J670">
        <v>1185.1559999999999</v>
      </c>
      <c r="K670">
        <v>1168.683</v>
      </c>
      <c r="L670">
        <v>1159.479</v>
      </c>
      <c r="M670">
        <v>1132.405</v>
      </c>
      <c r="N670">
        <v>1267.5150000000001</v>
      </c>
      <c r="O670">
        <v>1190.5239999999999</v>
      </c>
      <c r="P670">
        <v>0</v>
      </c>
      <c r="Q670">
        <v>0</v>
      </c>
      <c r="R670">
        <v>1257.502</v>
      </c>
      <c r="S670">
        <v>0</v>
      </c>
      <c r="T670">
        <v>1257.902</v>
      </c>
      <c r="U670">
        <v>1246.6510000000001</v>
      </c>
      <c r="V670">
        <v>1232.098</v>
      </c>
      <c r="W670">
        <v>1221.866</v>
      </c>
      <c r="X670">
        <v>1210.42</v>
      </c>
      <c r="Y670">
        <v>1201.674</v>
      </c>
    </row>
    <row r="671" spans="1:25" x14ac:dyDescent="0.3">
      <c r="A671">
        <v>17.916666670531654</v>
      </c>
      <c r="B671">
        <v>1183.761</v>
      </c>
      <c r="C671">
        <v>1167.2760000000001</v>
      </c>
      <c r="D671">
        <v>1154.2639999999999</v>
      </c>
      <c r="E671">
        <v>1160.5909999999999</v>
      </c>
      <c r="F671">
        <v>1172.114</v>
      </c>
      <c r="G671">
        <v>1188.2570000000001</v>
      </c>
      <c r="H671">
        <v>1197.329</v>
      </c>
      <c r="I671">
        <v>1201.2460000000001</v>
      </c>
      <c r="J671">
        <v>1191.7840000000001</v>
      </c>
      <c r="K671">
        <v>1176.45</v>
      </c>
      <c r="L671">
        <v>1166.0619999999999</v>
      </c>
      <c r="M671">
        <v>1135.7840000000001</v>
      </c>
      <c r="N671">
        <v>1264.231</v>
      </c>
      <c r="O671">
        <v>1194.133</v>
      </c>
      <c r="P671">
        <v>0</v>
      </c>
      <c r="Q671">
        <v>0</v>
      </c>
      <c r="R671">
        <v>1258.6400000000001</v>
      </c>
      <c r="S671">
        <v>0</v>
      </c>
      <c r="T671">
        <v>1260.8969999999999</v>
      </c>
      <c r="U671">
        <v>1245.4010000000001</v>
      </c>
      <c r="V671">
        <v>1229.239</v>
      </c>
      <c r="W671">
        <v>1219.9649999999999</v>
      </c>
      <c r="X671">
        <v>1206.8969999999999</v>
      </c>
      <c r="Y671">
        <v>1203.4670000000001</v>
      </c>
    </row>
    <row r="672" spans="1:25" x14ac:dyDescent="0.3">
      <c r="A672">
        <v>17.950000001179674</v>
      </c>
      <c r="B672">
        <v>1183.9190000000001</v>
      </c>
      <c r="C672">
        <v>1165.4670000000001</v>
      </c>
      <c r="D672">
        <v>1156.298</v>
      </c>
      <c r="E672">
        <v>1163.9100000000001</v>
      </c>
      <c r="F672">
        <v>1175.508</v>
      </c>
      <c r="G672">
        <v>1190.933</v>
      </c>
      <c r="H672">
        <v>1195.3240000000001</v>
      </c>
      <c r="I672">
        <v>1196.396</v>
      </c>
      <c r="J672">
        <v>1189.2670000000001</v>
      </c>
      <c r="K672">
        <v>1174.0050000000001</v>
      </c>
      <c r="L672">
        <v>1165.2539999999999</v>
      </c>
      <c r="M672">
        <v>1136.165</v>
      </c>
      <c r="N672">
        <v>1253.711</v>
      </c>
      <c r="O672">
        <v>1177.9169999999999</v>
      </c>
      <c r="P672">
        <v>0</v>
      </c>
      <c r="Q672">
        <v>0</v>
      </c>
      <c r="R672">
        <v>1260.6590000000001</v>
      </c>
      <c r="S672">
        <v>0</v>
      </c>
      <c r="T672">
        <v>1258.3030000000001</v>
      </c>
      <c r="U672">
        <v>1246.8320000000001</v>
      </c>
      <c r="V672">
        <v>1227.9000000000001</v>
      </c>
      <c r="W672">
        <v>1216.2429999999999</v>
      </c>
      <c r="X672">
        <v>1203.9570000000001</v>
      </c>
      <c r="Y672">
        <v>1201.462</v>
      </c>
    </row>
    <row r="673" spans="1:25" x14ac:dyDescent="0.3">
      <c r="A673">
        <v>17.966666671742374</v>
      </c>
      <c r="B673">
        <v>1172.8869999999999</v>
      </c>
      <c r="C673">
        <v>1161.4559999999999</v>
      </c>
      <c r="D673">
        <v>1152.4639999999999</v>
      </c>
      <c r="E673">
        <v>1160.7850000000001</v>
      </c>
      <c r="F673">
        <v>1175.47</v>
      </c>
      <c r="G673">
        <v>1192.5609999999999</v>
      </c>
      <c r="H673">
        <v>1197.857</v>
      </c>
      <c r="I673">
        <v>1199.319</v>
      </c>
      <c r="J673">
        <v>1188.046</v>
      </c>
      <c r="K673">
        <v>1173.8309999999999</v>
      </c>
      <c r="L673">
        <v>1163.5650000000001</v>
      </c>
      <c r="M673">
        <v>1136.7349999999999</v>
      </c>
      <c r="N673">
        <v>1253.0119999999999</v>
      </c>
      <c r="O673">
        <v>1184.306</v>
      </c>
      <c r="P673">
        <v>0</v>
      </c>
      <c r="Q673">
        <v>0</v>
      </c>
      <c r="R673">
        <v>1259.681</v>
      </c>
      <c r="S673">
        <v>0</v>
      </c>
      <c r="T673">
        <v>1260.8989999999999</v>
      </c>
      <c r="U673">
        <v>1247.903</v>
      </c>
      <c r="V673">
        <v>1229.7339999999999</v>
      </c>
      <c r="W673">
        <v>1214.95</v>
      </c>
      <c r="X673">
        <v>1204.931</v>
      </c>
      <c r="Y673">
        <v>1203.3530000000001</v>
      </c>
    </row>
    <row r="674" spans="1:25" x14ac:dyDescent="0.3">
      <c r="A674">
        <v>18.000000002390394</v>
      </c>
      <c r="B674">
        <v>1170.3430000000001</v>
      </c>
      <c r="C674">
        <v>1163.585</v>
      </c>
      <c r="D674">
        <v>1153.039</v>
      </c>
      <c r="E674">
        <v>1159.0219999999999</v>
      </c>
      <c r="F674">
        <v>1172.8879999999999</v>
      </c>
      <c r="G674">
        <v>1187.5039999999999</v>
      </c>
      <c r="H674">
        <v>1195.3440000000001</v>
      </c>
      <c r="I674">
        <v>1199.4559999999999</v>
      </c>
      <c r="J674">
        <v>1191.7670000000001</v>
      </c>
      <c r="K674">
        <v>1178.4190000000001</v>
      </c>
      <c r="L674">
        <v>1166.816</v>
      </c>
      <c r="M674">
        <v>1139.0440000000001</v>
      </c>
      <c r="N674">
        <v>1252.155</v>
      </c>
      <c r="O674">
        <v>1182.2719999999999</v>
      </c>
      <c r="P674">
        <v>0</v>
      </c>
      <c r="Q674">
        <v>0</v>
      </c>
      <c r="R674">
        <v>1273.165</v>
      </c>
      <c r="S674">
        <v>0</v>
      </c>
      <c r="T674">
        <v>1254.6099999999999</v>
      </c>
      <c r="U674">
        <v>1242.23</v>
      </c>
      <c r="V674">
        <v>1227.0329999999999</v>
      </c>
      <c r="W674">
        <v>1216.989</v>
      </c>
      <c r="X674">
        <v>1208.972</v>
      </c>
      <c r="Y674">
        <v>1207.5229999999999</v>
      </c>
    </row>
    <row r="675" spans="1:25" x14ac:dyDescent="0.3">
      <c r="A675">
        <v>18.033333333038414</v>
      </c>
      <c r="B675">
        <v>1167.183</v>
      </c>
      <c r="C675">
        <v>1166.913</v>
      </c>
      <c r="D675">
        <v>1156.99</v>
      </c>
      <c r="E675">
        <v>1162.2239999999999</v>
      </c>
      <c r="F675">
        <v>1175.683</v>
      </c>
      <c r="G675">
        <v>1190.702</v>
      </c>
      <c r="H675">
        <v>1194.3309999999999</v>
      </c>
      <c r="I675">
        <v>1196.4359999999999</v>
      </c>
      <c r="J675">
        <v>1190.3140000000001</v>
      </c>
      <c r="K675">
        <v>1175.548</v>
      </c>
      <c r="L675">
        <v>1164.1990000000001</v>
      </c>
      <c r="M675">
        <v>1137.175</v>
      </c>
      <c r="N675">
        <v>1270.432</v>
      </c>
      <c r="O675">
        <v>1184.559</v>
      </c>
      <c r="P675">
        <v>0</v>
      </c>
      <c r="Q675">
        <v>0</v>
      </c>
      <c r="R675">
        <v>1271.6179999999999</v>
      </c>
      <c r="S675">
        <v>0</v>
      </c>
      <c r="T675">
        <v>1243.3209999999999</v>
      </c>
      <c r="U675">
        <v>1231.115</v>
      </c>
      <c r="V675">
        <v>1220.4970000000001</v>
      </c>
      <c r="W675">
        <v>1215.578</v>
      </c>
      <c r="X675">
        <v>1212.403</v>
      </c>
      <c r="Y675">
        <v>1205.088</v>
      </c>
    </row>
    <row r="676" spans="1:25" x14ac:dyDescent="0.3">
      <c r="A676">
        <v>18.050000003601113</v>
      </c>
      <c r="B676">
        <v>1172.8679999999999</v>
      </c>
      <c r="C676">
        <v>1163.8340000000001</v>
      </c>
      <c r="D676">
        <v>1153.71</v>
      </c>
      <c r="E676">
        <v>1160.364</v>
      </c>
      <c r="F676">
        <v>1173.6969999999999</v>
      </c>
      <c r="G676">
        <v>1189.326</v>
      </c>
      <c r="H676">
        <v>1197.02</v>
      </c>
      <c r="I676">
        <v>1200.2550000000001</v>
      </c>
      <c r="J676">
        <v>1191.5350000000001</v>
      </c>
      <c r="K676">
        <v>1178.9010000000001</v>
      </c>
      <c r="L676">
        <v>1167.067</v>
      </c>
      <c r="M676">
        <v>1138.319</v>
      </c>
      <c r="N676">
        <v>1248.558</v>
      </c>
      <c r="O676">
        <v>1169.9000000000001</v>
      </c>
      <c r="P676">
        <v>0</v>
      </c>
      <c r="Q676">
        <v>0</v>
      </c>
      <c r="R676">
        <v>1254.1110000000001</v>
      </c>
      <c r="S676">
        <v>0</v>
      </c>
      <c r="T676">
        <v>1243.0029999999999</v>
      </c>
      <c r="U676">
        <v>1232.4159999999999</v>
      </c>
      <c r="V676">
        <v>1222.4390000000001</v>
      </c>
      <c r="W676">
        <v>1218.8109999999999</v>
      </c>
      <c r="X676">
        <v>1216.146</v>
      </c>
      <c r="Y676">
        <v>1208.933</v>
      </c>
    </row>
    <row r="677" spans="1:25" x14ac:dyDescent="0.3">
      <c r="A677">
        <v>18.083333334249133</v>
      </c>
      <c r="B677">
        <v>1174.97</v>
      </c>
      <c r="C677">
        <v>1171.789</v>
      </c>
      <c r="D677">
        <v>1161.9749999999999</v>
      </c>
      <c r="E677">
        <v>1169.0719999999999</v>
      </c>
      <c r="F677">
        <v>1184.7139999999999</v>
      </c>
      <c r="G677">
        <v>1200.1769999999999</v>
      </c>
      <c r="H677">
        <v>1202.3789999999999</v>
      </c>
      <c r="I677">
        <v>1204.5619999999999</v>
      </c>
      <c r="J677">
        <v>1194.2729999999999</v>
      </c>
      <c r="K677">
        <v>1180.8969999999999</v>
      </c>
      <c r="L677">
        <v>1168.9559999999999</v>
      </c>
      <c r="M677">
        <v>1140.4179999999999</v>
      </c>
      <c r="N677">
        <v>1250.5429999999999</v>
      </c>
      <c r="O677">
        <v>1179.521</v>
      </c>
      <c r="P677">
        <v>0</v>
      </c>
      <c r="Q677">
        <v>0</v>
      </c>
      <c r="R677">
        <v>1265.5519999999999</v>
      </c>
      <c r="S677">
        <v>0</v>
      </c>
      <c r="T677">
        <v>1250.6420000000001</v>
      </c>
      <c r="U677">
        <v>1236.3399999999999</v>
      </c>
      <c r="V677">
        <v>1224.135</v>
      </c>
      <c r="W677">
        <v>1219.3019999999999</v>
      </c>
      <c r="X677">
        <v>1216.8320000000001</v>
      </c>
      <c r="Y677">
        <v>1209.2280000000001</v>
      </c>
    </row>
    <row r="678" spans="1:25" x14ac:dyDescent="0.3">
      <c r="A678">
        <v>18.100000004811832</v>
      </c>
      <c r="B678">
        <v>1176.9159999999999</v>
      </c>
      <c r="C678">
        <v>1173.4079999999999</v>
      </c>
      <c r="D678">
        <v>1166.0650000000001</v>
      </c>
      <c r="E678">
        <v>1172.271</v>
      </c>
      <c r="F678">
        <v>1185.489</v>
      </c>
      <c r="G678">
        <v>1200.8399999999999</v>
      </c>
      <c r="H678">
        <v>1200.645</v>
      </c>
      <c r="I678">
        <v>1200.703</v>
      </c>
      <c r="J678">
        <v>1191.0119999999999</v>
      </c>
      <c r="K678">
        <v>1179.0360000000001</v>
      </c>
      <c r="L678">
        <v>1167.8579999999999</v>
      </c>
      <c r="M678">
        <v>1139.941</v>
      </c>
      <c r="N678">
        <v>1261.8579999999999</v>
      </c>
      <c r="O678">
        <v>1192.3489999999999</v>
      </c>
      <c r="P678">
        <v>0</v>
      </c>
      <c r="Q678">
        <v>0</v>
      </c>
      <c r="R678">
        <v>1257.7260000000001</v>
      </c>
      <c r="S678">
        <v>0</v>
      </c>
      <c r="T678">
        <v>1256.3679999999999</v>
      </c>
      <c r="U678">
        <v>1243.54</v>
      </c>
      <c r="V678">
        <v>1223.327</v>
      </c>
      <c r="W678">
        <v>1217.2639999999999</v>
      </c>
      <c r="X678">
        <v>1210.443</v>
      </c>
      <c r="Y678">
        <v>1209.443</v>
      </c>
    </row>
    <row r="679" spans="1:25" x14ac:dyDescent="0.3">
      <c r="A679">
        <v>18.133333335459852</v>
      </c>
      <c r="B679">
        <v>1177.9970000000001</v>
      </c>
      <c r="C679">
        <v>1174.22</v>
      </c>
      <c r="D679">
        <v>1168.0329999999999</v>
      </c>
      <c r="E679">
        <v>1173.8340000000001</v>
      </c>
      <c r="F679">
        <v>1185.588</v>
      </c>
      <c r="G679">
        <v>1199.4970000000001</v>
      </c>
      <c r="H679">
        <v>1200.2180000000001</v>
      </c>
      <c r="I679">
        <v>1197.1590000000001</v>
      </c>
      <c r="J679">
        <v>1187.3130000000001</v>
      </c>
      <c r="K679">
        <v>1178.614</v>
      </c>
      <c r="L679">
        <v>1171.444</v>
      </c>
      <c r="M679">
        <v>1144.2929999999999</v>
      </c>
      <c r="N679">
        <v>1260.403</v>
      </c>
      <c r="O679">
        <v>1184.231</v>
      </c>
      <c r="P679">
        <v>0</v>
      </c>
      <c r="Q679">
        <v>0</v>
      </c>
      <c r="R679">
        <v>1252.396</v>
      </c>
      <c r="S679">
        <v>0</v>
      </c>
      <c r="T679">
        <v>1253.7739999999999</v>
      </c>
      <c r="U679">
        <v>1239.316</v>
      </c>
      <c r="V679">
        <v>1221.6559999999999</v>
      </c>
      <c r="W679">
        <v>1212.895</v>
      </c>
      <c r="X679">
        <v>1204.7190000000001</v>
      </c>
      <c r="Y679">
        <v>1204.252</v>
      </c>
    </row>
    <row r="680" spans="1:25" x14ac:dyDescent="0.3">
      <c r="A680">
        <v>18.166666666107872</v>
      </c>
      <c r="B680">
        <v>1178.71</v>
      </c>
      <c r="C680">
        <v>1171.9829999999999</v>
      </c>
      <c r="D680">
        <v>1165.5840000000001</v>
      </c>
      <c r="E680">
        <v>1172.0219999999999</v>
      </c>
      <c r="F680">
        <v>1182.1189999999999</v>
      </c>
      <c r="G680">
        <v>1194.43</v>
      </c>
      <c r="H680">
        <v>1195.229</v>
      </c>
      <c r="I680">
        <v>1194.761</v>
      </c>
      <c r="J680">
        <v>1186.0719999999999</v>
      </c>
      <c r="K680">
        <v>1180.239</v>
      </c>
      <c r="L680">
        <v>1175.588</v>
      </c>
      <c r="M680">
        <v>1146.2760000000001</v>
      </c>
      <c r="N680">
        <v>1255.79</v>
      </c>
      <c r="O680">
        <v>1173.2940000000001</v>
      </c>
      <c r="P680">
        <v>0</v>
      </c>
      <c r="Q680">
        <v>0</v>
      </c>
      <c r="R680">
        <v>1243.2429999999999</v>
      </c>
      <c r="S680">
        <v>0</v>
      </c>
      <c r="T680">
        <v>1241.3389999999999</v>
      </c>
      <c r="U680">
        <v>1233.2650000000001</v>
      </c>
      <c r="V680">
        <v>1219.3810000000001</v>
      </c>
      <c r="W680">
        <v>1216.7159999999999</v>
      </c>
      <c r="X680">
        <v>1207.4469999999999</v>
      </c>
      <c r="Y680">
        <v>1205.05</v>
      </c>
    </row>
    <row r="681" spans="1:25" x14ac:dyDescent="0.3">
      <c r="A681">
        <v>18.183333336670572</v>
      </c>
      <c r="B681">
        <v>1178.5170000000001</v>
      </c>
      <c r="C681">
        <v>1171.752</v>
      </c>
      <c r="D681">
        <v>1169.8820000000001</v>
      </c>
      <c r="E681">
        <v>1181.615</v>
      </c>
      <c r="F681">
        <v>1190.277</v>
      </c>
      <c r="G681">
        <v>1200.0419999999999</v>
      </c>
      <c r="H681">
        <v>1200.2370000000001</v>
      </c>
      <c r="I681">
        <v>1202.4000000000001</v>
      </c>
      <c r="J681">
        <v>1192.06</v>
      </c>
      <c r="K681">
        <v>1182.3900000000001</v>
      </c>
      <c r="L681">
        <v>1172.5809999999999</v>
      </c>
      <c r="M681">
        <v>1142.461</v>
      </c>
      <c r="N681">
        <v>1245.8219999999999</v>
      </c>
      <c r="O681">
        <v>1162.4169999999999</v>
      </c>
      <c r="P681">
        <v>0</v>
      </c>
      <c r="Q681">
        <v>0</v>
      </c>
      <c r="R681">
        <v>1236.8150000000001</v>
      </c>
      <c r="S681">
        <v>0</v>
      </c>
      <c r="T681">
        <v>1242.6479999999999</v>
      </c>
      <c r="U681">
        <v>1240.029</v>
      </c>
      <c r="V681">
        <v>1225.654</v>
      </c>
      <c r="W681">
        <v>1217.598</v>
      </c>
      <c r="X681">
        <v>1209.6410000000001</v>
      </c>
      <c r="Y681">
        <v>1204.212</v>
      </c>
    </row>
    <row r="682" spans="1:25" x14ac:dyDescent="0.3">
      <c r="A682">
        <v>18.216666667318592</v>
      </c>
      <c r="B682">
        <v>1178.443</v>
      </c>
      <c r="C682">
        <v>1173.278</v>
      </c>
      <c r="D682">
        <v>1167.7660000000001</v>
      </c>
      <c r="E682">
        <v>1176.9010000000001</v>
      </c>
      <c r="F682">
        <v>1187.335</v>
      </c>
      <c r="G682">
        <v>1199.2660000000001</v>
      </c>
      <c r="H682">
        <v>1200.864</v>
      </c>
      <c r="I682">
        <v>1202.442</v>
      </c>
      <c r="J682">
        <v>1192.896</v>
      </c>
      <c r="K682">
        <v>1182.0060000000001</v>
      </c>
      <c r="L682">
        <v>1171.3510000000001</v>
      </c>
      <c r="M682">
        <v>1140.442</v>
      </c>
      <c r="N682">
        <v>1238.5640000000001</v>
      </c>
      <c r="O682">
        <v>1158.8920000000001</v>
      </c>
      <c r="P682">
        <v>0</v>
      </c>
      <c r="Q682">
        <v>0</v>
      </c>
      <c r="R682">
        <v>1230.883</v>
      </c>
      <c r="S682">
        <v>0</v>
      </c>
      <c r="T682">
        <v>1246.441</v>
      </c>
      <c r="U682">
        <v>1241.3219999999999</v>
      </c>
      <c r="V682">
        <v>1227.1369999999999</v>
      </c>
      <c r="W682">
        <v>1218.268</v>
      </c>
      <c r="X682">
        <v>1210.8389999999999</v>
      </c>
      <c r="Y682">
        <v>1200.5719999999999</v>
      </c>
    </row>
    <row r="683" spans="1:25" x14ac:dyDescent="0.3">
      <c r="A683">
        <v>18.233333337881291</v>
      </c>
      <c r="B683">
        <v>1187.0050000000001</v>
      </c>
      <c r="C683">
        <v>1180.4159999999999</v>
      </c>
      <c r="D683">
        <v>1174.704</v>
      </c>
      <c r="E683">
        <v>1181.404</v>
      </c>
      <c r="F683">
        <v>1195.6020000000001</v>
      </c>
      <c r="G683">
        <v>1206.4559999999999</v>
      </c>
      <c r="H683">
        <v>1206.144</v>
      </c>
      <c r="I683">
        <v>1205.501</v>
      </c>
      <c r="J683">
        <v>1197.2</v>
      </c>
      <c r="K683">
        <v>1187.0820000000001</v>
      </c>
      <c r="L683">
        <v>1175.7639999999999</v>
      </c>
      <c r="M683">
        <v>1144.009</v>
      </c>
      <c r="N683">
        <v>1252.6780000000001</v>
      </c>
      <c r="O683">
        <v>1161.94</v>
      </c>
      <c r="P683">
        <v>0</v>
      </c>
      <c r="Q683">
        <v>0</v>
      </c>
      <c r="R683">
        <v>1237.096</v>
      </c>
      <c r="S683">
        <v>0</v>
      </c>
      <c r="T683">
        <v>1252.3789999999999</v>
      </c>
      <c r="U683">
        <v>1243.5039999999999</v>
      </c>
      <c r="V683">
        <v>1227.452</v>
      </c>
      <c r="W683">
        <v>1216.915</v>
      </c>
      <c r="X683">
        <v>1209.4280000000001</v>
      </c>
      <c r="Y683">
        <v>1201.175</v>
      </c>
    </row>
    <row r="684" spans="1:25" x14ac:dyDescent="0.3">
      <c r="A684">
        <v>18.266666668529311</v>
      </c>
      <c r="B684">
        <v>1180.046</v>
      </c>
      <c r="C684">
        <v>1181.9449999999999</v>
      </c>
      <c r="D684">
        <v>1176.9760000000001</v>
      </c>
      <c r="E684">
        <v>1183.5530000000001</v>
      </c>
      <c r="F684">
        <v>1195.8530000000001</v>
      </c>
      <c r="G684">
        <v>1204.5050000000001</v>
      </c>
      <c r="H684">
        <v>1203.9590000000001</v>
      </c>
      <c r="I684">
        <v>1201.855</v>
      </c>
      <c r="J684">
        <v>1194.645</v>
      </c>
      <c r="K684">
        <v>1184.7929999999999</v>
      </c>
      <c r="L684">
        <v>1173.1400000000001</v>
      </c>
      <c r="M684">
        <v>1144.617</v>
      </c>
      <c r="N684">
        <v>1246.3979999999999</v>
      </c>
      <c r="O684">
        <v>1149.348</v>
      </c>
      <c r="P684">
        <v>0</v>
      </c>
      <c r="Q684">
        <v>0</v>
      </c>
      <c r="R684">
        <v>1235.6320000000001</v>
      </c>
      <c r="S684">
        <v>0</v>
      </c>
      <c r="T684">
        <v>1249.116</v>
      </c>
      <c r="U684">
        <v>1240.665</v>
      </c>
      <c r="V684">
        <v>1223.1110000000001</v>
      </c>
      <c r="W684">
        <v>1212.836</v>
      </c>
      <c r="X684">
        <v>1202.2059999999999</v>
      </c>
      <c r="Y684">
        <v>1200.491</v>
      </c>
    </row>
    <row r="685" spans="1:25" x14ac:dyDescent="0.3">
      <c r="A685">
        <v>18.299999999177331</v>
      </c>
      <c r="B685">
        <v>1176.1690000000001</v>
      </c>
      <c r="C685">
        <v>1178.829</v>
      </c>
      <c r="D685">
        <v>1178.154</v>
      </c>
      <c r="E685">
        <v>1185.7070000000001</v>
      </c>
      <c r="F685">
        <v>1189.059</v>
      </c>
      <c r="G685">
        <v>1192.431</v>
      </c>
      <c r="H685">
        <v>1191.6369999999999</v>
      </c>
      <c r="I685">
        <v>1189.8340000000001</v>
      </c>
      <c r="J685">
        <v>1186.114</v>
      </c>
      <c r="K685">
        <v>1179.7</v>
      </c>
      <c r="L685">
        <v>1167.4770000000001</v>
      </c>
      <c r="M685">
        <v>1140.537</v>
      </c>
      <c r="N685">
        <v>1242.056</v>
      </c>
      <c r="O685">
        <v>1138.4580000000001</v>
      </c>
      <c r="P685">
        <v>0</v>
      </c>
      <c r="Q685">
        <v>0</v>
      </c>
      <c r="R685">
        <v>1219.1300000000001</v>
      </c>
      <c r="S685">
        <v>0</v>
      </c>
      <c r="T685">
        <v>1237.1959999999999</v>
      </c>
      <c r="U685">
        <v>1231.6320000000001</v>
      </c>
      <c r="V685">
        <v>1214.191</v>
      </c>
      <c r="W685">
        <v>1204.4690000000001</v>
      </c>
      <c r="X685">
        <v>1198.759</v>
      </c>
      <c r="Y685">
        <v>1201.2339999999999</v>
      </c>
    </row>
    <row r="686" spans="1:25" x14ac:dyDescent="0.3">
      <c r="A686">
        <v>18.31666666974003</v>
      </c>
      <c r="B686">
        <v>1173.181</v>
      </c>
      <c r="C686">
        <v>1178.154</v>
      </c>
      <c r="D686">
        <v>1176.6890000000001</v>
      </c>
      <c r="E686">
        <v>1181.54</v>
      </c>
      <c r="F686">
        <v>1179.8150000000001</v>
      </c>
      <c r="G686">
        <v>1182.586</v>
      </c>
      <c r="H686">
        <v>1183.5360000000001</v>
      </c>
      <c r="I686">
        <v>1184.3109999999999</v>
      </c>
      <c r="J686">
        <v>1180.9780000000001</v>
      </c>
      <c r="K686">
        <v>1178.693</v>
      </c>
      <c r="L686">
        <v>1171.1569999999999</v>
      </c>
      <c r="M686">
        <v>1138.4190000000001</v>
      </c>
      <c r="N686">
        <v>1242.5909999999999</v>
      </c>
      <c r="O686">
        <v>1134.481</v>
      </c>
      <c r="P686">
        <v>0</v>
      </c>
      <c r="Q686">
        <v>0</v>
      </c>
      <c r="R686">
        <v>1219.325</v>
      </c>
      <c r="S686">
        <v>0</v>
      </c>
      <c r="T686">
        <v>1221.932</v>
      </c>
      <c r="U686">
        <v>1220.56</v>
      </c>
      <c r="V686">
        <v>1208.3889999999999</v>
      </c>
      <c r="W686">
        <v>1200.0060000000001</v>
      </c>
      <c r="X686">
        <v>1196.674</v>
      </c>
      <c r="Y686">
        <v>1191.83</v>
      </c>
    </row>
    <row r="687" spans="1:25" x14ac:dyDescent="0.3">
      <c r="A687">
        <v>18.35000000038805</v>
      </c>
      <c r="B687">
        <v>1167.3420000000001</v>
      </c>
      <c r="C687">
        <v>1177.46</v>
      </c>
      <c r="D687">
        <v>1178.193</v>
      </c>
      <c r="E687">
        <v>1179.816</v>
      </c>
      <c r="F687">
        <v>1180.8040000000001</v>
      </c>
      <c r="G687">
        <v>1183.866</v>
      </c>
      <c r="H687">
        <v>1183.847</v>
      </c>
      <c r="I687">
        <v>1183.2850000000001</v>
      </c>
      <c r="J687">
        <v>1179.5450000000001</v>
      </c>
      <c r="K687">
        <v>1177.576</v>
      </c>
      <c r="L687">
        <v>1171.4860000000001</v>
      </c>
      <c r="M687">
        <v>1139.316</v>
      </c>
      <c r="N687">
        <v>1249.972</v>
      </c>
      <c r="O687">
        <v>1138.8009999999999</v>
      </c>
      <c r="P687">
        <v>0</v>
      </c>
      <c r="Q687">
        <v>0</v>
      </c>
      <c r="R687">
        <v>1215.6220000000001</v>
      </c>
      <c r="S687">
        <v>0</v>
      </c>
      <c r="T687">
        <v>1215.6020000000001</v>
      </c>
      <c r="U687">
        <v>1212.0150000000001</v>
      </c>
      <c r="V687">
        <v>1200.0060000000001</v>
      </c>
      <c r="W687">
        <v>1196.7909999999999</v>
      </c>
      <c r="X687">
        <v>1196.655</v>
      </c>
      <c r="Y687">
        <v>1191.54</v>
      </c>
    </row>
    <row r="688" spans="1:25" x14ac:dyDescent="0.3">
      <c r="A688">
        <v>18.36666667095075</v>
      </c>
      <c r="B688">
        <v>1168.364</v>
      </c>
      <c r="C688">
        <v>1174.2619999999999</v>
      </c>
      <c r="D688">
        <v>1172.1410000000001</v>
      </c>
      <c r="E688">
        <v>1176.8440000000001</v>
      </c>
      <c r="F688">
        <v>1180.979</v>
      </c>
      <c r="G688">
        <v>1185.3589999999999</v>
      </c>
      <c r="H688">
        <v>1182.258</v>
      </c>
      <c r="I688">
        <v>1180.979</v>
      </c>
      <c r="J688">
        <v>1176.8440000000001</v>
      </c>
      <c r="K688">
        <v>1176.0350000000001</v>
      </c>
      <c r="L688">
        <v>1167.7470000000001</v>
      </c>
      <c r="M688">
        <v>1137.008</v>
      </c>
      <c r="N688">
        <v>1254.4359999999999</v>
      </c>
      <c r="O688">
        <v>1143.037</v>
      </c>
      <c r="P688">
        <v>0</v>
      </c>
      <c r="Q688">
        <v>0</v>
      </c>
      <c r="R688">
        <v>1217.817</v>
      </c>
      <c r="S688">
        <v>0</v>
      </c>
      <c r="T688">
        <v>1213.9369999999999</v>
      </c>
      <c r="U688">
        <v>1212.4469999999999</v>
      </c>
      <c r="V688">
        <v>1204.1579999999999</v>
      </c>
      <c r="W688">
        <v>1203.5540000000001</v>
      </c>
      <c r="X688">
        <v>1202.384</v>
      </c>
      <c r="Y688">
        <v>1179.5450000000001</v>
      </c>
    </row>
    <row r="689" spans="1:25" x14ac:dyDescent="0.3">
      <c r="A689">
        <v>18.400000001598769</v>
      </c>
      <c r="B689">
        <v>1168.768</v>
      </c>
      <c r="C689">
        <v>1175.2249999999999</v>
      </c>
      <c r="D689">
        <v>1173.028</v>
      </c>
      <c r="E689">
        <v>1175.9190000000001</v>
      </c>
      <c r="F689">
        <v>1179.913</v>
      </c>
      <c r="G689">
        <v>1184.874</v>
      </c>
      <c r="H689">
        <v>1182.7809999999999</v>
      </c>
      <c r="I689">
        <v>1181.9090000000001</v>
      </c>
      <c r="J689">
        <v>1177.48</v>
      </c>
      <c r="K689">
        <v>1176.0930000000001</v>
      </c>
      <c r="L689">
        <v>1167.5160000000001</v>
      </c>
      <c r="M689">
        <v>1138.134</v>
      </c>
      <c r="N689">
        <v>1242.3150000000001</v>
      </c>
      <c r="O689">
        <v>1128.4649999999999</v>
      </c>
      <c r="P689">
        <v>0</v>
      </c>
      <c r="Q689">
        <v>0</v>
      </c>
      <c r="R689">
        <v>1208.077</v>
      </c>
      <c r="S689">
        <v>0</v>
      </c>
      <c r="T689">
        <v>1204.2159999999999</v>
      </c>
      <c r="U689">
        <v>1205.366</v>
      </c>
      <c r="V689">
        <v>1203.6120000000001</v>
      </c>
      <c r="W689">
        <v>1202.8910000000001</v>
      </c>
      <c r="X689">
        <v>1202.9490000000001</v>
      </c>
      <c r="Y689">
        <v>1183.828</v>
      </c>
    </row>
    <row r="690" spans="1:25" x14ac:dyDescent="0.3">
      <c r="A690">
        <v>18.433333332246789</v>
      </c>
      <c r="B690">
        <v>1166.5329999999999</v>
      </c>
      <c r="C690">
        <v>1175.1099999999999</v>
      </c>
      <c r="D690">
        <v>1169.7329999999999</v>
      </c>
      <c r="E690">
        <v>1172.1610000000001</v>
      </c>
      <c r="F690">
        <v>1174.6279999999999</v>
      </c>
      <c r="G690">
        <v>1183.46</v>
      </c>
      <c r="H690">
        <v>1181.4449999999999</v>
      </c>
      <c r="I690">
        <v>1177.866</v>
      </c>
      <c r="J690">
        <v>1174.2429999999999</v>
      </c>
      <c r="K690">
        <v>1173.183</v>
      </c>
      <c r="L690">
        <v>1167.0340000000001</v>
      </c>
      <c r="M690">
        <v>1138.9169999999999</v>
      </c>
      <c r="N690">
        <v>1245.549</v>
      </c>
      <c r="O690">
        <v>1132.5840000000001</v>
      </c>
      <c r="P690">
        <v>0</v>
      </c>
      <c r="Q690">
        <v>0</v>
      </c>
      <c r="R690">
        <v>1208.2139999999999</v>
      </c>
      <c r="S690">
        <v>0</v>
      </c>
      <c r="T690">
        <v>1203.028</v>
      </c>
      <c r="U690">
        <v>1208.606</v>
      </c>
      <c r="V690">
        <v>1207.1400000000001</v>
      </c>
      <c r="W690">
        <v>1201.3130000000001</v>
      </c>
      <c r="X690">
        <v>1199.93</v>
      </c>
      <c r="Y690">
        <v>1181.4449999999999</v>
      </c>
    </row>
    <row r="691" spans="1:25" x14ac:dyDescent="0.3">
      <c r="A691">
        <v>18.450000002809489</v>
      </c>
      <c r="B691">
        <v>1169.866</v>
      </c>
      <c r="C691">
        <v>1172.2950000000001</v>
      </c>
      <c r="D691">
        <v>1168.749</v>
      </c>
      <c r="E691">
        <v>1172.4880000000001</v>
      </c>
      <c r="F691">
        <v>1177.306</v>
      </c>
      <c r="G691">
        <v>1183.769</v>
      </c>
      <c r="H691">
        <v>1184.4860000000001</v>
      </c>
      <c r="I691">
        <v>1178.251</v>
      </c>
      <c r="J691">
        <v>1172.835</v>
      </c>
      <c r="K691">
        <v>1175.1859999999999</v>
      </c>
      <c r="L691">
        <v>1172.623</v>
      </c>
      <c r="M691">
        <v>1141.434</v>
      </c>
      <c r="N691">
        <v>1248.5239999999999</v>
      </c>
      <c r="O691">
        <v>1154.578</v>
      </c>
      <c r="P691">
        <v>0</v>
      </c>
      <c r="Q691">
        <v>0</v>
      </c>
      <c r="R691">
        <v>1210.0160000000001</v>
      </c>
      <c r="S691">
        <v>0</v>
      </c>
      <c r="T691">
        <v>1195.4459999999999</v>
      </c>
      <c r="U691">
        <v>1201.877</v>
      </c>
      <c r="V691">
        <v>1201.9749999999999</v>
      </c>
      <c r="W691">
        <v>1203.124</v>
      </c>
      <c r="X691">
        <v>1204.1769999999999</v>
      </c>
      <c r="Y691">
        <v>1181.386</v>
      </c>
    </row>
    <row r="692" spans="1:25" x14ac:dyDescent="0.3">
      <c r="A692">
        <v>18.483333333457509</v>
      </c>
      <c r="B692">
        <v>1164.8779999999999</v>
      </c>
      <c r="C692">
        <v>1167.23</v>
      </c>
      <c r="D692">
        <v>1166.864</v>
      </c>
      <c r="E692">
        <v>1174.3420000000001</v>
      </c>
      <c r="F692">
        <v>1179.413</v>
      </c>
      <c r="G692">
        <v>1184.568</v>
      </c>
      <c r="H692">
        <v>1180.692</v>
      </c>
      <c r="I692">
        <v>1175.903</v>
      </c>
      <c r="J692">
        <v>1170.5640000000001</v>
      </c>
      <c r="K692">
        <v>1173.3009999999999</v>
      </c>
      <c r="L692">
        <v>1168.463</v>
      </c>
      <c r="M692">
        <v>1136.6489999999999</v>
      </c>
      <c r="N692">
        <v>1247.3969999999999</v>
      </c>
      <c r="O692">
        <v>1135.8520000000001</v>
      </c>
      <c r="P692">
        <v>0</v>
      </c>
      <c r="Q692">
        <v>0</v>
      </c>
      <c r="R692">
        <v>1198.9390000000001</v>
      </c>
      <c r="S692">
        <v>0</v>
      </c>
      <c r="T692">
        <v>1200.1859999999999</v>
      </c>
      <c r="U692">
        <v>1205.973</v>
      </c>
      <c r="V692">
        <v>1203.2059999999999</v>
      </c>
      <c r="W692">
        <v>1204.5309999999999</v>
      </c>
      <c r="X692">
        <v>1205.057</v>
      </c>
      <c r="Y692">
        <v>1175.2090000000001</v>
      </c>
    </row>
    <row r="693" spans="1:25" x14ac:dyDescent="0.3">
      <c r="A693">
        <v>18.516666664105529</v>
      </c>
      <c r="B693">
        <v>1160.5630000000001</v>
      </c>
      <c r="C693">
        <v>1165.1279999999999</v>
      </c>
      <c r="D693">
        <v>1162.826</v>
      </c>
      <c r="E693">
        <v>1172.818</v>
      </c>
      <c r="F693">
        <v>1172.105</v>
      </c>
      <c r="G693">
        <v>1171.932</v>
      </c>
      <c r="H693">
        <v>1169.9459999999999</v>
      </c>
      <c r="I693">
        <v>1166.5730000000001</v>
      </c>
      <c r="J693">
        <v>1162.73</v>
      </c>
      <c r="K693">
        <v>1167.19</v>
      </c>
      <c r="L693">
        <v>1163.9570000000001</v>
      </c>
      <c r="M693">
        <v>1131.713</v>
      </c>
      <c r="N693">
        <v>1232.877</v>
      </c>
      <c r="O693">
        <v>1118.9549999999999</v>
      </c>
      <c r="P693">
        <v>0</v>
      </c>
      <c r="Q693">
        <v>0</v>
      </c>
      <c r="R693">
        <v>1181.059</v>
      </c>
      <c r="S693">
        <v>0</v>
      </c>
      <c r="T693">
        <v>1196.248</v>
      </c>
      <c r="U693">
        <v>1201.568</v>
      </c>
      <c r="V693">
        <v>1196.1120000000001</v>
      </c>
      <c r="W693">
        <v>1194.4749999999999</v>
      </c>
      <c r="X693">
        <v>1191.4649999999999</v>
      </c>
      <c r="Y693">
        <v>1170.0809999999999</v>
      </c>
    </row>
    <row r="694" spans="1:25" x14ac:dyDescent="0.3">
      <c r="A694">
        <v>18.533333334668228</v>
      </c>
      <c r="B694">
        <v>1150.9580000000001</v>
      </c>
      <c r="C694">
        <v>1162.904</v>
      </c>
      <c r="D694">
        <v>1161.5419999999999</v>
      </c>
      <c r="E694">
        <v>1167.538</v>
      </c>
      <c r="F694">
        <v>1164.5909999999999</v>
      </c>
      <c r="G694">
        <v>1163.076</v>
      </c>
      <c r="H694">
        <v>1160.8140000000001</v>
      </c>
      <c r="I694">
        <v>1159.759</v>
      </c>
      <c r="J694">
        <v>1155.56</v>
      </c>
      <c r="K694">
        <v>1163.249</v>
      </c>
      <c r="L694">
        <v>1160.4680000000001</v>
      </c>
      <c r="M694">
        <v>1127.8789999999999</v>
      </c>
      <c r="N694">
        <v>1216.998</v>
      </c>
      <c r="O694">
        <v>1111.4179999999999</v>
      </c>
      <c r="P694">
        <v>0</v>
      </c>
      <c r="Q694">
        <v>0</v>
      </c>
      <c r="R694">
        <v>1177.9269999999999</v>
      </c>
      <c r="S694">
        <v>0</v>
      </c>
      <c r="T694">
        <v>1190.2840000000001</v>
      </c>
      <c r="U694">
        <v>1195.9380000000001</v>
      </c>
      <c r="V694">
        <v>1189.412</v>
      </c>
      <c r="W694">
        <v>1188.249</v>
      </c>
      <c r="X694">
        <v>1187.5129999999999</v>
      </c>
      <c r="Y694">
        <v>1163.7660000000001</v>
      </c>
    </row>
    <row r="695" spans="1:25" x14ac:dyDescent="0.3">
      <c r="A695">
        <v>18.566666665316248</v>
      </c>
      <c r="B695">
        <v>1152.991</v>
      </c>
      <c r="C695">
        <v>1163.057</v>
      </c>
      <c r="D695">
        <v>1164.2460000000001</v>
      </c>
      <c r="E695">
        <v>1170.5640000000001</v>
      </c>
      <c r="F695">
        <v>1161.7529999999999</v>
      </c>
      <c r="G695">
        <v>1159.126</v>
      </c>
      <c r="H695">
        <v>1158.877</v>
      </c>
      <c r="I695">
        <v>1161.9259999999999</v>
      </c>
      <c r="J695">
        <v>1158.2439999999999</v>
      </c>
      <c r="K695">
        <v>1162.405</v>
      </c>
      <c r="L695">
        <v>1155.4829999999999</v>
      </c>
      <c r="M695">
        <v>1123.684</v>
      </c>
      <c r="N695">
        <v>1207.4929999999999</v>
      </c>
      <c r="O695">
        <v>1103.019</v>
      </c>
      <c r="P695">
        <v>0</v>
      </c>
      <c r="Q695">
        <v>0</v>
      </c>
      <c r="R695">
        <v>1176.231</v>
      </c>
      <c r="S695">
        <v>0</v>
      </c>
      <c r="T695">
        <v>1197.1849999999999</v>
      </c>
      <c r="U695">
        <v>1206.5</v>
      </c>
      <c r="V695">
        <v>1196.99</v>
      </c>
      <c r="W695">
        <v>1186.5830000000001</v>
      </c>
      <c r="X695">
        <v>1185.827</v>
      </c>
      <c r="Y695">
        <v>1160.066</v>
      </c>
    </row>
    <row r="696" spans="1:25" x14ac:dyDescent="0.3">
      <c r="A696">
        <v>18.583333335878947</v>
      </c>
      <c r="B696">
        <v>1155.925</v>
      </c>
      <c r="C696">
        <v>1164.0170000000001</v>
      </c>
      <c r="D696">
        <v>1165.4580000000001</v>
      </c>
      <c r="E696">
        <v>1169.1199999999999</v>
      </c>
      <c r="F696">
        <v>1159.664</v>
      </c>
      <c r="G696">
        <v>1160.45</v>
      </c>
      <c r="H696">
        <v>1161.6199999999999</v>
      </c>
      <c r="I696">
        <v>1161.0640000000001</v>
      </c>
      <c r="J696">
        <v>1158.3989999999999</v>
      </c>
      <c r="K696">
        <v>1162.809</v>
      </c>
      <c r="L696">
        <v>1151.6110000000001</v>
      </c>
      <c r="M696">
        <v>1122.2260000000001</v>
      </c>
      <c r="N696">
        <v>1205.9549999999999</v>
      </c>
      <c r="O696">
        <v>1093.941</v>
      </c>
      <c r="P696">
        <v>0</v>
      </c>
      <c r="Q696">
        <v>0</v>
      </c>
      <c r="R696">
        <v>1162.713</v>
      </c>
      <c r="S696">
        <v>0</v>
      </c>
      <c r="T696">
        <v>1191.3510000000001</v>
      </c>
      <c r="U696">
        <v>1204.883</v>
      </c>
      <c r="V696">
        <v>1194.809</v>
      </c>
      <c r="W696">
        <v>1187.921</v>
      </c>
      <c r="X696">
        <v>1182.8630000000001</v>
      </c>
      <c r="Y696">
        <v>1159.127</v>
      </c>
    </row>
    <row r="697" spans="1:25" x14ac:dyDescent="0.3">
      <c r="A697">
        <v>18.616666666526967</v>
      </c>
      <c r="B697">
        <v>1149.355</v>
      </c>
      <c r="C697">
        <v>1161.8869999999999</v>
      </c>
      <c r="D697">
        <v>1163.057</v>
      </c>
      <c r="E697">
        <v>1169.7550000000001</v>
      </c>
      <c r="F697">
        <v>1164.4179999999999</v>
      </c>
      <c r="G697">
        <v>1164.6479999999999</v>
      </c>
      <c r="H697">
        <v>1163.095</v>
      </c>
      <c r="I697">
        <v>1162.539</v>
      </c>
      <c r="J697">
        <v>1159.625</v>
      </c>
      <c r="K697">
        <v>1162.232</v>
      </c>
      <c r="L697">
        <v>1152.0129999999999</v>
      </c>
      <c r="M697">
        <v>1122.47</v>
      </c>
      <c r="N697">
        <v>1182.7460000000001</v>
      </c>
      <c r="O697">
        <v>1095.422</v>
      </c>
      <c r="P697">
        <v>0</v>
      </c>
      <c r="Q697">
        <v>0</v>
      </c>
      <c r="R697">
        <v>1156.116</v>
      </c>
      <c r="S697">
        <v>0</v>
      </c>
      <c r="T697">
        <v>1189.3150000000001</v>
      </c>
      <c r="U697">
        <v>1200.77</v>
      </c>
      <c r="V697">
        <v>1195.548</v>
      </c>
      <c r="W697">
        <v>1190.652</v>
      </c>
      <c r="X697">
        <v>1177.6379999999999</v>
      </c>
      <c r="Y697">
        <v>1158.5889999999999</v>
      </c>
    </row>
    <row r="698" spans="1:25" x14ac:dyDescent="0.3">
      <c r="A698">
        <v>18.649999997174987</v>
      </c>
      <c r="B698">
        <v>1141.627</v>
      </c>
      <c r="C698">
        <v>1160.2180000000001</v>
      </c>
      <c r="D698">
        <v>1164.9159999999999</v>
      </c>
      <c r="E698">
        <v>1173.9169999999999</v>
      </c>
      <c r="F698">
        <v>1168.79</v>
      </c>
      <c r="G698">
        <v>1165.4749999999999</v>
      </c>
      <c r="H698">
        <v>1161.963</v>
      </c>
      <c r="I698">
        <v>1160.9659999999999</v>
      </c>
      <c r="J698">
        <v>1157.3800000000001</v>
      </c>
      <c r="K698">
        <v>1161.2149999999999</v>
      </c>
      <c r="L698">
        <v>1153.296</v>
      </c>
      <c r="M698">
        <v>1123.759</v>
      </c>
      <c r="N698">
        <v>1161.33</v>
      </c>
      <c r="O698">
        <v>1093.827</v>
      </c>
      <c r="P698">
        <v>0</v>
      </c>
      <c r="Q698">
        <v>0</v>
      </c>
      <c r="R698">
        <v>1149.7159999999999</v>
      </c>
      <c r="S698">
        <v>0</v>
      </c>
      <c r="T698">
        <v>1176.557</v>
      </c>
      <c r="U698">
        <v>1187.8409999999999</v>
      </c>
      <c r="V698">
        <v>1193.6369999999999</v>
      </c>
      <c r="W698">
        <v>1191.174</v>
      </c>
      <c r="X698">
        <v>1181.7950000000001</v>
      </c>
      <c r="Y698">
        <v>1162.289</v>
      </c>
    </row>
    <row r="699" spans="1:25" x14ac:dyDescent="0.3">
      <c r="A699">
        <v>18.666666667737687</v>
      </c>
      <c r="B699">
        <v>1127.3489999999999</v>
      </c>
      <c r="C699">
        <v>1144.663</v>
      </c>
      <c r="D699">
        <v>1154.8520000000001</v>
      </c>
      <c r="E699">
        <v>1166.711</v>
      </c>
      <c r="F699">
        <v>1159.1849999999999</v>
      </c>
      <c r="G699">
        <v>1156.865</v>
      </c>
      <c r="H699">
        <v>1156.673</v>
      </c>
      <c r="I699">
        <v>1160.623</v>
      </c>
      <c r="J699">
        <v>1157.21</v>
      </c>
      <c r="K699">
        <v>1157.153</v>
      </c>
      <c r="L699">
        <v>1147.3530000000001</v>
      </c>
      <c r="M699">
        <v>1117.559</v>
      </c>
      <c r="N699">
        <v>1173.1099999999999</v>
      </c>
      <c r="O699">
        <v>1088.7180000000001</v>
      </c>
      <c r="P699">
        <v>0</v>
      </c>
      <c r="Q699">
        <v>0</v>
      </c>
      <c r="R699">
        <v>1145.941</v>
      </c>
      <c r="S699">
        <v>0</v>
      </c>
      <c r="T699">
        <v>1167.655</v>
      </c>
      <c r="U699">
        <v>1179.6849999999999</v>
      </c>
      <c r="V699">
        <v>1189.2190000000001</v>
      </c>
      <c r="W699">
        <v>1190.537</v>
      </c>
      <c r="X699">
        <v>1180.596</v>
      </c>
      <c r="Y699">
        <v>1161.6780000000001</v>
      </c>
    </row>
    <row r="700" spans="1:25" x14ac:dyDescent="0.3">
      <c r="A700">
        <v>18.699999998385707</v>
      </c>
      <c r="B700">
        <v>1105.691</v>
      </c>
      <c r="C700">
        <v>1131.4880000000001</v>
      </c>
      <c r="D700">
        <v>1140.924</v>
      </c>
      <c r="E700">
        <v>1156.329</v>
      </c>
      <c r="F700">
        <v>1153.568</v>
      </c>
      <c r="G700">
        <v>1151.5930000000001</v>
      </c>
      <c r="H700">
        <v>1152.2059999999999</v>
      </c>
      <c r="I700">
        <v>1160.489</v>
      </c>
      <c r="J700">
        <v>1160.163</v>
      </c>
      <c r="K700">
        <v>1162.1959999999999</v>
      </c>
      <c r="L700">
        <v>1158.3800000000001</v>
      </c>
      <c r="M700">
        <v>1125.2049999999999</v>
      </c>
      <c r="N700">
        <v>1164.7460000000001</v>
      </c>
      <c r="O700">
        <v>1086.3969999999999</v>
      </c>
      <c r="P700">
        <v>0</v>
      </c>
      <c r="Q700">
        <v>0</v>
      </c>
      <c r="R700">
        <v>1135.664</v>
      </c>
      <c r="S700">
        <v>0</v>
      </c>
      <c r="T700">
        <v>1160.547</v>
      </c>
      <c r="U700">
        <v>1179.6079999999999</v>
      </c>
      <c r="V700">
        <v>1192.3589999999999</v>
      </c>
      <c r="W700">
        <v>1193.29</v>
      </c>
      <c r="X700">
        <v>1178.4490000000001</v>
      </c>
      <c r="Y700">
        <v>1159.3389999999999</v>
      </c>
    </row>
    <row r="701" spans="1:25" x14ac:dyDescent="0.3">
      <c r="A701">
        <v>18.716666668948406</v>
      </c>
      <c r="B701">
        <v>1099.9169999999999</v>
      </c>
      <c r="C701">
        <v>1128.4880000000001</v>
      </c>
      <c r="D701">
        <v>1139.1880000000001</v>
      </c>
      <c r="E701">
        <v>1157.421</v>
      </c>
      <c r="F701">
        <v>1151.6310000000001</v>
      </c>
      <c r="G701">
        <v>1151.7260000000001</v>
      </c>
      <c r="H701">
        <v>1153.625</v>
      </c>
      <c r="I701">
        <v>1160.086</v>
      </c>
      <c r="J701">
        <v>1164.3230000000001</v>
      </c>
      <c r="K701">
        <v>1169.1579999999999</v>
      </c>
      <c r="L701">
        <v>1165.0150000000001</v>
      </c>
      <c r="M701">
        <v>1132.2840000000001</v>
      </c>
      <c r="N701">
        <v>1150.558</v>
      </c>
      <c r="O701">
        <v>1086.9949999999999</v>
      </c>
      <c r="P701">
        <v>0</v>
      </c>
      <c r="Q701">
        <v>0</v>
      </c>
      <c r="R701">
        <v>1133.8219999999999</v>
      </c>
      <c r="S701">
        <v>0</v>
      </c>
      <c r="T701">
        <v>1152.0329999999999</v>
      </c>
      <c r="U701">
        <v>1170.893</v>
      </c>
      <c r="V701">
        <v>1186.662</v>
      </c>
      <c r="W701">
        <v>1186.4870000000001</v>
      </c>
      <c r="X701">
        <v>1176.6559999999999</v>
      </c>
      <c r="Y701">
        <v>1159.779</v>
      </c>
    </row>
    <row r="702" spans="1:25" x14ac:dyDescent="0.3">
      <c r="A702">
        <v>18.749999999596426</v>
      </c>
      <c r="B702">
        <v>1098.1489999999999</v>
      </c>
      <c r="C702">
        <v>1133.9359999999999</v>
      </c>
      <c r="D702">
        <v>1146.0360000000001</v>
      </c>
      <c r="E702">
        <v>1161.0830000000001</v>
      </c>
      <c r="F702">
        <v>1150.96</v>
      </c>
      <c r="G702">
        <v>1152.57</v>
      </c>
      <c r="H702">
        <v>1158.5519999999999</v>
      </c>
      <c r="I702">
        <v>1165.2840000000001</v>
      </c>
      <c r="J702">
        <v>1167.79</v>
      </c>
      <c r="K702">
        <v>1170.0450000000001</v>
      </c>
      <c r="L702">
        <v>1165.5160000000001</v>
      </c>
      <c r="M702">
        <v>1132.4549999999999</v>
      </c>
      <c r="N702">
        <v>1164.9760000000001</v>
      </c>
      <c r="O702">
        <v>1085.722</v>
      </c>
      <c r="P702">
        <v>0</v>
      </c>
      <c r="Q702">
        <v>0</v>
      </c>
      <c r="R702">
        <v>1138.2909999999999</v>
      </c>
      <c r="S702">
        <v>0</v>
      </c>
      <c r="T702">
        <v>1156.577</v>
      </c>
      <c r="U702">
        <v>1174.5360000000001</v>
      </c>
      <c r="V702">
        <v>1191.3320000000001</v>
      </c>
      <c r="W702">
        <v>1191.1569999999999</v>
      </c>
      <c r="X702">
        <v>1184.181</v>
      </c>
      <c r="Y702">
        <v>1170.2190000000001</v>
      </c>
    </row>
    <row r="703" spans="1:25" x14ac:dyDescent="0.3">
      <c r="A703">
        <v>18.783333330244446</v>
      </c>
      <c r="B703">
        <v>1097.7380000000001</v>
      </c>
      <c r="C703">
        <v>1134.5840000000001</v>
      </c>
      <c r="D703">
        <v>1146.115</v>
      </c>
      <c r="E703">
        <v>1155.5060000000001</v>
      </c>
      <c r="F703">
        <v>1151.307</v>
      </c>
      <c r="G703">
        <v>1152.6110000000001</v>
      </c>
      <c r="H703">
        <v>1155.9469999999999</v>
      </c>
      <c r="I703">
        <v>1161.354</v>
      </c>
      <c r="J703">
        <v>1165.923</v>
      </c>
      <c r="K703">
        <v>1170.549</v>
      </c>
      <c r="L703">
        <v>1167.6769999999999</v>
      </c>
      <c r="M703">
        <v>1132.6099999999999</v>
      </c>
      <c r="N703">
        <v>1177.43</v>
      </c>
      <c r="O703">
        <v>1081.625</v>
      </c>
      <c r="P703">
        <v>0</v>
      </c>
      <c r="Q703">
        <v>0</v>
      </c>
      <c r="R703">
        <v>1138.904</v>
      </c>
      <c r="S703">
        <v>0</v>
      </c>
      <c r="T703">
        <v>1165.191</v>
      </c>
      <c r="U703">
        <v>1180.056</v>
      </c>
      <c r="V703">
        <v>1187.4010000000001</v>
      </c>
      <c r="W703">
        <v>1189.3969999999999</v>
      </c>
      <c r="X703">
        <v>1183.68</v>
      </c>
      <c r="Y703">
        <v>1164.23</v>
      </c>
    </row>
    <row r="704" spans="1:25" x14ac:dyDescent="0.3">
      <c r="A704">
        <v>18.800000000807145</v>
      </c>
      <c r="B704">
        <v>1085.799</v>
      </c>
      <c r="C704">
        <v>1132.5899999999999</v>
      </c>
      <c r="D704">
        <v>1146.5730000000001</v>
      </c>
      <c r="E704">
        <v>1151.8630000000001</v>
      </c>
      <c r="F704">
        <v>1154.01</v>
      </c>
      <c r="G704">
        <v>1157.251</v>
      </c>
      <c r="H704">
        <v>1160.951</v>
      </c>
      <c r="I704">
        <v>1166.173</v>
      </c>
      <c r="J704">
        <v>1166.751</v>
      </c>
      <c r="K704">
        <v>1167.7919999999999</v>
      </c>
      <c r="L704">
        <v>1161.105</v>
      </c>
      <c r="M704">
        <v>1127.4269999999999</v>
      </c>
      <c r="N704">
        <v>1192.865</v>
      </c>
      <c r="O704">
        <v>1075.154</v>
      </c>
      <c r="P704">
        <v>0</v>
      </c>
      <c r="Q704">
        <v>0</v>
      </c>
      <c r="R704">
        <v>1141.422</v>
      </c>
      <c r="S704">
        <v>0</v>
      </c>
      <c r="T704">
        <v>1175.8679999999999</v>
      </c>
      <c r="U704">
        <v>1190.52</v>
      </c>
      <c r="V704">
        <v>1192.652</v>
      </c>
      <c r="W704">
        <v>1187.885</v>
      </c>
      <c r="X704">
        <v>1182.633</v>
      </c>
      <c r="Y704">
        <v>1159.3789999999999</v>
      </c>
    </row>
    <row r="705" spans="1:25" x14ac:dyDescent="0.3">
      <c r="A705">
        <v>18.833333331455165</v>
      </c>
      <c r="B705">
        <v>1104.5640000000001</v>
      </c>
      <c r="C705">
        <v>1139.6479999999999</v>
      </c>
      <c r="D705">
        <v>1150.962</v>
      </c>
      <c r="E705">
        <v>1156.2149999999999</v>
      </c>
      <c r="F705">
        <v>1158.4390000000001</v>
      </c>
      <c r="G705">
        <v>1160.0309999999999</v>
      </c>
      <c r="H705">
        <v>1161.3920000000001</v>
      </c>
      <c r="I705">
        <v>1167.4069999999999</v>
      </c>
      <c r="J705">
        <v>1167.2909999999999</v>
      </c>
      <c r="K705">
        <v>1165.499</v>
      </c>
      <c r="L705">
        <v>1152.5530000000001</v>
      </c>
      <c r="M705">
        <v>1123.0229999999999</v>
      </c>
      <c r="N705">
        <v>1182.1289999999999</v>
      </c>
      <c r="O705">
        <v>1073.047</v>
      </c>
      <c r="P705">
        <v>0</v>
      </c>
      <c r="Q705">
        <v>0</v>
      </c>
      <c r="R705">
        <v>1142.8530000000001</v>
      </c>
      <c r="S705">
        <v>0</v>
      </c>
      <c r="T705">
        <v>1175.617</v>
      </c>
      <c r="U705">
        <v>1191.0239999999999</v>
      </c>
      <c r="V705">
        <v>1192.4770000000001</v>
      </c>
      <c r="W705">
        <v>1184.5319999999999</v>
      </c>
      <c r="X705">
        <v>1186.722</v>
      </c>
      <c r="Y705">
        <v>1166</v>
      </c>
    </row>
    <row r="706" spans="1:25" x14ac:dyDescent="0.3">
      <c r="A706">
        <v>18.850000002017865</v>
      </c>
      <c r="B706">
        <v>1113.105</v>
      </c>
      <c r="C706">
        <v>1146.8040000000001</v>
      </c>
      <c r="D706">
        <v>1153.6869999999999</v>
      </c>
      <c r="E706">
        <v>1157.2909999999999</v>
      </c>
      <c r="F706">
        <v>1155.259</v>
      </c>
      <c r="G706">
        <v>1155.182</v>
      </c>
      <c r="H706">
        <v>1158.231</v>
      </c>
      <c r="I706">
        <v>1167.5050000000001</v>
      </c>
      <c r="J706">
        <v>1165.27</v>
      </c>
      <c r="K706">
        <v>1157.56</v>
      </c>
      <c r="L706">
        <v>1147.0139999999999</v>
      </c>
      <c r="M706">
        <v>1119.2829999999999</v>
      </c>
      <c r="N706">
        <v>1171.9770000000001</v>
      </c>
      <c r="O706">
        <v>1074.4469999999999</v>
      </c>
      <c r="P706">
        <v>0</v>
      </c>
      <c r="Q706">
        <v>0</v>
      </c>
      <c r="R706">
        <v>1136.2370000000001</v>
      </c>
      <c r="S706">
        <v>0</v>
      </c>
      <c r="T706">
        <v>1171.4760000000001</v>
      </c>
      <c r="U706">
        <v>1193.08</v>
      </c>
      <c r="V706">
        <v>1188.778</v>
      </c>
      <c r="W706">
        <v>1177.374</v>
      </c>
      <c r="X706">
        <v>1182.306</v>
      </c>
      <c r="Y706">
        <v>1168.835</v>
      </c>
    </row>
    <row r="707" spans="1:25" x14ac:dyDescent="0.3">
      <c r="A707">
        <v>18.883333332665885</v>
      </c>
      <c r="B707">
        <v>1117.4110000000001</v>
      </c>
      <c r="C707">
        <v>1146.268</v>
      </c>
      <c r="D707">
        <v>1155.3530000000001</v>
      </c>
      <c r="E707">
        <v>1154.318</v>
      </c>
      <c r="F707">
        <v>1151.154</v>
      </c>
      <c r="G707">
        <v>1152.1320000000001</v>
      </c>
      <c r="H707">
        <v>1154.509</v>
      </c>
      <c r="I707">
        <v>1161.354</v>
      </c>
      <c r="J707">
        <v>1161.374</v>
      </c>
      <c r="K707">
        <v>1157.347</v>
      </c>
      <c r="L707">
        <v>1149.32</v>
      </c>
      <c r="M707">
        <v>1118.318</v>
      </c>
      <c r="N707">
        <v>1149.3969999999999</v>
      </c>
      <c r="O707">
        <v>1079.9079999999999</v>
      </c>
      <c r="P707">
        <v>0</v>
      </c>
      <c r="Q707">
        <v>0</v>
      </c>
      <c r="R707">
        <v>1132.4770000000001</v>
      </c>
      <c r="S707">
        <v>0</v>
      </c>
      <c r="T707">
        <v>1165.326</v>
      </c>
      <c r="U707">
        <v>1186.1610000000001</v>
      </c>
      <c r="V707">
        <v>1189.9970000000001</v>
      </c>
      <c r="W707">
        <v>1185.095</v>
      </c>
      <c r="X707">
        <v>1180.444</v>
      </c>
      <c r="Y707">
        <v>1170.588</v>
      </c>
    </row>
    <row r="708" spans="1:25" x14ac:dyDescent="0.3">
      <c r="A708">
        <v>18.916666663313904</v>
      </c>
      <c r="B708">
        <v>1111.838</v>
      </c>
      <c r="C708">
        <v>1137.741</v>
      </c>
      <c r="D708">
        <v>1148.252</v>
      </c>
      <c r="E708">
        <v>1152.1320000000001</v>
      </c>
      <c r="F708">
        <v>1148.9960000000001</v>
      </c>
      <c r="G708">
        <v>1151.212</v>
      </c>
      <c r="H708">
        <v>1152.3240000000001</v>
      </c>
      <c r="I708">
        <v>1160.415</v>
      </c>
      <c r="J708">
        <v>1161.489</v>
      </c>
      <c r="K708">
        <v>1160.549</v>
      </c>
      <c r="L708">
        <v>1153.3969999999999</v>
      </c>
      <c r="M708">
        <v>1119.414</v>
      </c>
      <c r="N708">
        <v>1154.682</v>
      </c>
      <c r="O708">
        <v>1076.366</v>
      </c>
      <c r="P708">
        <v>0</v>
      </c>
      <c r="Q708">
        <v>0</v>
      </c>
      <c r="R708">
        <v>1132.42</v>
      </c>
      <c r="S708">
        <v>0</v>
      </c>
      <c r="T708">
        <v>1163.713</v>
      </c>
      <c r="U708">
        <v>1180.328</v>
      </c>
      <c r="V708">
        <v>1186.1020000000001</v>
      </c>
      <c r="W708">
        <v>1182.1489999999999</v>
      </c>
      <c r="X708">
        <v>1185.25</v>
      </c>
      <c r="Y708">
        <v>1172.0329999999999</v>
      </c>
    </row>
    <row r="709" spans="1:25" x14ac:dyDescent="0.3">
      <c r="A709">
        <v>18.933333333876604</v>
      </c>
      <c r="B709">
        <v>1094.114</v>
      </c>
      <c r="C709">
        <v>1127.942</v>
      </c>
      <c r="D709">
        <v>1142.912</v>
      </c>
      <c r="E709">
        <v>1149.2840000000001</v>
      </c>
      <c r="F709">
        <v>1148.3869999999999</v>
      </c>
      <c r="G709">
        <v>1147.491</v>
      </c>
      <c r="H709">
        <v>1149.0360000000001</v>
      </c>
      <c r="I709">
        <v>1158.633</v>
      </c>
      <c r="J709">
        <v>1159.3810000000001</v>
      </c>
      <c r="K709">
        <v>1159.9559999999999</v>
      </c>
      <c r="L709">
        <v>1150.8489999999999</v>
      </c>
      <c r="M709">
        <v>1118.357</v>
      </c>
      <c r="N709">
        <v>1165.038</v>
      </c>
      <c r="O709">
        <v>1077.8209999999999</v>
      </c>
      <c r="P709">
        <v>0</v>
      </c>
      <c r="Q709">
        <v>0</v>
      </c>
      <c r="R709">
        <v>1131.9659999999999</v>
      </c>
      <c r="S709">
        <v>0</v>
      </c>
      <c r="T709">
        <v>1156.7929999999999</v>
      </c>
      <c r="U709">
        <v>1174.9069999999999</v>
      </c>
      <c r="V709">
        <v>1187.461</v>
      </c>
      <c r="W709">
        <v>1181.027</v>
      </c>
      <c r="X709">
        <v>1179.5740000000001</v>
      </c>
      <c r="Y709">
        <v>1170.454</v>
      </c>
    </row>
    <row r="710" spans="1:25" x14ac:dyDescent="0.3">
      <c r="A710">
        <v>18.966666664524624</v>
      </c>
      <c r="B710">
        <v>1094.5820000000001</v>
      </c>
      <c r="C710">
        <v>1126.556</v>
      </c>
      <c r="D710">
        <v>1141.386</v>
      </c>
      <c r="E710">
        <v>1143.809</v>
      </c>
      <c r="F710">
        <v>1143.771</v>
      </c>
      <c r="G710">
        <v>1156.1980000000001</v>
      </c>
      <c r="H710">
        <v>1154.1279999999999</v>
      </c>
      <c r="I710">
        <v>1157.0609999999999</v>
      </c>
      <c r="J710">
        <v>1159.3050000000001</v>
      </c>
      <c r="K710">
        <v>1159.7840000000001</v>
      </c>
      <c r="L710">
        <v>1151.52</v>
      </c>
      <c r="M710">
        <v>1118.471</v>
      </c>
      <c r="N710">
        <v>1151.424</v>
      </c>
      <c r="O710">
        <v>1073.5530000000001</v>
      </c>
      <c r="P710">
        <v>0</v>
      </c>
      <c r="Q710">
        <v>0</v>
      </c>
      <c r="R710">
        <v>1132.7070000000001</v>
      </c>
      <c r="S710">
        <v>0</v>
      </c>
      <c r="T710">
        <v>1151.597</v>
      </c>
      <c r="U710">
        <v>1167.0619999999999</v>
      </c>
      <c r="V710">
        <v>1184.6510000000001</v>
      </c>
      <c r="W710">
        <v>1188.701</v>
      </c>
      <c r="X710">
        <v>1183.0999999999999</v>
      </c>
      <c r="Y710">
        <v>1169.433</v>
      </c>
    </row>
    <row r="711" spans="1:25" x14ac:dyDescent="0.3">
      <c r="A711">
        <v>18.983333335087323</v>
      </c>
      <c r="B711">
        <v>1098.566</v>
      </c>
      <c r="C711">
        <v>1134.8499999999999</v>
      </c>
      <c r="D711">
        <v>1143.941</v>
      </c>
      <c r="E711">
        <v>1150.008</v>
      </c>
      <c r="F711">
        <v>1155.6220000000001</v>
      </c>
      <c r="G711">
        <v>1161.9110000000001</v>
      </c>
      <c r="H711">
        <v>1158.8820000000001</v>
      </c>
      <c r="I711">
        <v>1162.1600000000001</v>
      </c>
      <c r="J711">
        <v>1165.48</v>
      </c>
      <c r="K711">
        <v>1163.4259999999999</v>
      </c>
      <c r="L711">
        <v>1153.6469999999999</v>
      </c>
      <c r="M711">
        <v>1121.02</v>
      </c>
      <c r="N711">
        <v>1152.0940000000001</v>
      </c>
      <c r="O711">
        <v>1075.9749999999999</v>
      </c>
      <c r="P711">
        <v>0</v>
      </c>
      <c r="Q711">
        <v>0</v>
      </c>
      <c r="R711">
        <v>1134.1859999999999</v>
      </c>
      <c r="S711">
        <v>0</v>
      </c>
      <c r="T711">
        <v>1157.2329999999999</v>
      </c>
      <c r="U711">
        <v>1171.07</v>
      </c>
      <c r="V711">
        <v>1184.4949999999999</v>
      </c>
      <c r="W711">
        <v>1188.874</v>
      </c>
      <c r="X711">
        <v>1184.921</v>
      </c>
      <c r="Y711">
        <v>1169.239</v>
      </c>
    </row>
    <row r="712" spans="1:25" x14ac:dyDescent="0.3">
      <c r="A712">
        <v>19.016666665735343</v>
      </c>
      <c r="B712">
        <v>1098.0029999999999</v>
      </c>
      <c r="C712">
        <v>1142.3969999999999</v>
      </c>
      <c r="D712">
        <v>1151.309</v>
      </c>
      <c r="E712">
        <v>1154.837</v>
      </c>
      <c r="F712">
        <v>1155.201</v>
      </c>
      <c r="G712">
        <v>1159.3050000000001</v>
      </c>
      <c r="H712">
        <v>1159.0360000000001</v>
      </c>
      <c r="I712">
        <v>1162.4110000000001</v>
      </c>
      <c r="J712">
        <v>1163.0820000000001</v>
      </c>
      <c r="K712">
        <v>1161.701</v>
      </c>
      <c r="L712">
        <v>1156.3130000000001</v>
      </c>
      <c r="M712">
        <v>1123.519</v>
      </c>
      <c r="N712">
        <v>1158.691</v>
      </c>
      <c r="O712">
        <v>1071.7629999999999</v>
      </c>
      <c r="P712">
        <v>0</v>
      </c>
      <c r="Q712">
        <v>0</v>
      </c>
      <c r="R712">
        <v>1132.6690000000001</v>
      </c>
      <c r="S712">
        <v>0</v>
      </c>
      <c r="T712">
        <v>1155.259</v>
      </c>
      <c r="U712">
        <v>1170.03</v>
      </c>
      <c r="V712">
        <v>1185.174</v>
      </c>
      <c r="W712">
        <v>1187.17</v>
      </c>
      <c r="X712">
        <v>1179.922</v>
      </c>
      <c r="Y712">
        <v>1171.6110000000001</v>
      </c>
    </row>
    <row r="713" spans="1:25" x14ac:dyDescent="0.3">
      <c r="A713">
        <v>19.049999996383363</v>
      </c>
      <c r="B713">
        <v>1099.6790000000001</v>
      </c>
      <c r="C713">
        <v>1145.1079999999999</v>
      </c>
      <c r="D713">
        <v>1147.3779999999999</v>
      </c>
      <c r="E713">
        <v>1152.078</v>
      </c>
      <c r="F713">
        <v>1148.6569999999999</v>
      </c>
      <c r="G713">
        <v>1151.0050000000001</v>
      </c>
      <c r="H713">
        <v>1152.078</v>
      </c>
      <c r="I713">
        <v>1157.6579999999999</v>
      </c>
      <c r="J713">
        <v>1159.92</v>
      </c>
      <c r="K713">
        <v>1159.268</v>
      </c>
      <c r="L713">
        <v>1153.6510000000001</v>
      </c>
      <c r="M713">
        <v>1121.42</v>
      </c>
      <c r="N713">
        <v>1166.6790000000001</v>
      </c>
      <c r="O713">
        <v>1066.2149999999999</v>
      </c>
      <c r="P713">
        <v>0</v>
      </c>
      <c r="Q713">
        <v>0</v>
      </c>
      <c r="R713">
        <v>1134.607</v>
      </c>
      <c r="S713">
        <v>0</v>
      </c>
      <c r="T713">
        <v>1156.086</v>
      </c>
      <c r="U713">
        <v>1171.729</v>
      </c>
      <c r="V713">
        <v>1182.386</v>
      </c>
      <c r="W713">
        <v>1181.5139999999999</v>
      </c>
      <c r="X713">
        <v>1171.902</v>
      </c>
      <c r="Y713">
        <v>1167.778</v>
      </c>
    </row>
    <row r="714" spans="1:25" x14ac:dyDescent="0.3">
      <c r="A714">
        <v>19.066666666946062</v>
      </c>
      <c r="B714">
        <v>1102.875</v>
      </c>
      <c r="C714">
        <v>1139.9000000000001</v>
      </c>
      <c r="D714">
        <v>1142.5129999999999</v>
      </c>
      <c r="E714">
        <v>1147.931</v>
      </c>
      <c r="F714">
        <v>1143.6010000000001</v>
      </c>
      <c r="G714">
        <v>1146.539</v>
      </c>
      <c r="H714">
        <v>1150.125</v>
      </c>
      <c r="I714">
        <v>1155.663</v>
      </c>
      <c r="J714">
        <v>1158.098</v>
      </c>
      <c r="K714">
        <v>1161.569</v>
      </c>
      <c r="L714">
        <v>1157.6189999999999</v>
      </c>
      <c r="M714">
        <v>1120.645</v>
      </c>
      <c r="N714">
        <v>1155.376</v>
      </c>
      <c r="O714">
        <v>1060.6469999999999</v>
      </c>
      <c r="P714">
        <v>0</v>
      </c>
      <c r="Q714">
        <v>0</v>
      </c>
      <c r="R714">
        <v>1129.69</v>
      </c>
      <c r="S714">
        <v>0</v>
      </c>
      <c r="T714">
        <v>1154.4939999999999</v>
      </c>
      <c r="U714">
        <v>1167.0250000000001</v>
      </c>
      <c r="V714">
        <v>1178.4159999999999</v>
      </c>
      <c r="W714">
        <v>1181.087</v>
      </c>
      <c r="X714">
        <v>1175.6020000000001</v>
      </c>
      <c r="Y714">
        <v>1167.777</v>
      </c>
    </row>
    <row r="715" spans="1:25" x14ac:dyDescent="0.3">
      <c r="A715">
        <v>19.099999997594082</v>
      </c>
      <c r="B715">
        <v>1103.1389999999999</v>
      </c>
      <c r="C715">
        <v>1138.0309999999999</v>
      </c>
      <c r="D715">
        <v>1142.3989999999999</v>
      </c>
      <c r="E715">
        <v>1150.8130000000001</v>
      </c>
      <c r="F715">
        <v>1144.7840000000001</v>
      </c>
      <c r="G715">
        <v>1144.059</v>
      </c>
      <c r="H715">
        <v>1147.3779999999999</v>
      </c>
      <c r="I715">
        <v>1153.4590000000001</v>
      </c>
      <c r="J715">
        <v>1155.702</v>
      </c>
      <c r="K715">
        <v>1158.962</v>
      </c>
      <c r="L715">
        <v>1152.04</v>
      </c>
      <c r="M715">
        <v>1117.982</v>
      </c>
      <c r="N715">
        <v>1157.4469999999999</v>
      </c>
      <c r="O715">
        <v>1059.701</v>
      </c>
      <c r="P715">
        <v>0</v>
      </c>
      <c r="Q715">
        <v>0</v>
      </c>
      <c r="R715">
        <v>1127.318</v>
      </c>
      <c r="S715">
        <v>0</v>
      </c>
      <c r="T715">
        <v>1146.711</v>
      </c>
      <c r="U715">
        <v>1161.972</v>
      </c>
      <c r="V715">
        <v>1178.1079999999999</v>
      </c>
      <c r="W715">
        <v>1182.463</v>
      </c>
      <c r="X715">
        <v>1175.6030000000001</v>
      </c>
      <c r="Y715">
        <v>1165.9459999999999</v>
      </c>
    </row>
    <row r="716" spans="1:25" x14ac:dyDescent="0.3">
      <c r="A716">
        <v>19.116666668156782</v>
      </c>
      <c r="B716">
        <v>1091.29</v>
      </c>
      <c r="C716">
        <v>1128.4000000000001</v>
      </c>
      <c r="D716">
        <v>1138.1079999999999</v>
      </c>
      <c r="E716">
        <v>1148.3710000000001</v>
      </c>
      <c r="F716">
        <v>1146.807</v>
      </c>
      <c r="G716">
        <v>1146.864</v>
      </c>
      <c r="H716">
        <v>1148.4860000000001</v>
      </c>
      <c r="I716">
        <v>1153.44</v>
      </c>
      <c r="J716">
        <v>1155.971</v>
      </c>
      <c r="K716">
        <v>1159.403</v>
      </c>
      <c r="L716">
        <v>1155.741</v>
      </c>
      <c r="M716">
        <v>1124.566</v>
      </c>
      <c r="N716">
        <v>1128.3430000000001</v>
      </c>
      <c r="O716">
        <v>1067.441</v>
      </c>
      <c r="P716">
        <v>0</v>
      </c>
      <c r="Q716">
        <v>0</v>
      </c>
      <c r="R716">
        <v>1127.5840000000001</v>
      </c>
      <c r="S716">
        <v>0</v>
      </c>
      <c r="T716">
        <v>1144.021</v>
      </c>
      <c r="U716">
        <v>1160.8800000000001</v>
      </c>
      <c r="V716">
        <v>1174.1769999999999</v>
      </c>
      <c r="W716">
        <v>1182.6959999999999</v>
      </c>
      <c r="X716">
        <v>1180.6420000000001</v>
      </c>
      <c r="Y716">
        <v>1165.06</v>
      </c>
    </row>
    <row r="717" spans="1:25" x14ac:dyDescent="0.3">
      <c r="A717">
        <v>19.149999998804802</v>
      </c>
      <c r="B717">
        <v>1089.53</v>
      </c>
      <c r="C717">
        <v>1129.9380000000001</v>
      </c>
      <c r="D717">
        <v>1140.874</v>
      </c>
      <c r="E717">
        <v>1150.7180000000001</v>
      </c>
      <c r="F717">
        <v>1153.153</v>
      </c>
      <c r="G717">
        <v>1152.731</v>
      </c>
      <c r="H717">
        <v>1154.3800000000001</v>
      </c>
      <c r="I717">
        <v>1158.425</v>
      </c>
      <c r="J717">
        <v>1161.0329999999999</v>
      </c>
      <c r="K717">
        <v>1163.4100000000001</v>
      </c>
      <c r="L717">
        <v>1157.7539999999999</v>
      </c>
      <c r="M717">
        <v>1126.028</v>
      </c>
      <c r="N717">
        <v>1137.6500000000001</v>
      </c>
      <c r="O717">
        <v>1062.559</v>
      </c>
      <c r="P717">
        <v>0</v>
      </c>
      <c r="Q717">
        <v>0</v>
      </c>
      <c r="R717">
        <v>1130.45</v>
      </c>
      <c r="S717">
        <v>0</v>
      </c>
      <c r="T717">
        <v>1153.5170000000001</v>
      </c>
      <c r="U717">
        <v>1168.356</v>
      </c>
      <c r="V717">
        <v>1179.499</v>
      </c>
      <c r="W717">
        <v>1182.289</v>
      </c>
      <c r="X717">
        <v>1179.441</v>
      </c>
      <c r="Y717">
        <v>1164.1199999999999</v>
      </c>
    </row>
    <row r="718" spans="1:25" x14ac:dyDescent="0.3">
      <c r="A718">
        <v>19.183333339930201</v>
      </c>
      <c r="B718">
        <v>1083.5</v>
      </c>
      <c r="C718">
        <v>1130.146</v>
      </c>
      <c r="D718">
        <v>1142.1320000000001</v>
      </c>
      <c r="E718">
        <v>1146.329</v>
      </c>
      <c r="F718">
        <v>1145.165</v>
      </c>
      <c r="G718">
        <v>1145.604</v>
      </c>
      <c r="H718">
        <v>1148.999</v>
      </c>
      <c r="I718">
        <v>1154.5129999999999</v>
      </c>
      <c r="J718">
        <v>1160.3989999999999</v>
      </c>
      <c r="K718">
        <v>1159.5940000000001</v>
      </c>
      <c r="L718">
        <v>1153.9179999999999</v>
      </c>
      <c r="M718">
        <v>1122.4590000000001</v>
      </c>
      <c r="N718">
        <v>1134.8720000000001</v>
      </c>
      <c r="O718">
        <v>1060.6469999999999</v>
      </c>
      <c r="P718">
        <v>0</v>
      </c>
      <c r="Q718">
        <v>0</v>
      </c>
      <c r="R718">
        <v>1130.7909999999999</v>
      </c>
      <c r="S718">
        <v>0</v>
      </c>
      <c r="T718">
        <v>1162.048</v>
      </c>
      <c r="U718">
        <v>1175.6790000000001</v>
      </c>
      <c r="V718">
        <v>1182.7339999999999</v>
      </c>
      <c r="W718">
        <v>1178.6859999999999</v>
      </c>
      <c r="X718">
        <v>1176.99</v>
      </c>
      <c r="Y718">
        <v>1164.3679999999999</v>
      </c>
    </row>
    <row r="719" spans="1:25" x14ac:dyDescent="0.3">
      <c r="A719">
        <v>19.200000000015521</v>
      </c>
      <c r="B719">
        <v>1100.1500000000001</v>
      </c>
      <c r="C719">
        <v>1135.8230000000001</v>
      </c>
      <c r="D719">
        <v>1143.24</v>
      </c>
      <c r="E719">
        <v>1147.3989999999999</v>
      </c>
      <c r="F719">
        <v>1142.82</v>
      </c>
      <c r="G719">
        <v>1142.057</v>
      </c>
      <c r="H719">
        <v>1145.415</v>
      </c>
      <c r="I719">
        <v>1152.271</v>
      </c>
      <c r="J719">
        <v>1159.921</v>
      </c>
      <c r="K719">
        <v>1160.1130000000001</v>
      </c>
      <c r="L719">
        <v>1152.501</v>
      </c>
      <c r="M719">
        <v>1120.174</v>
      </c>
      <c r="N719">
        <v>1153.326</v>
      </c>
      <c r="O719">
        <v>1059.0709999999999</v>
      </c>
      <c r="P719">
        <v>0</v>
      </c>
      <c r="Q719">
        <v>0</v>
      </c>
      <c r="R719">
        <v>1129.9000000000001</v>
      </c>
      <c r="S719">
        <v>0</v>
      </c>
      <c r="T719">
        <v>1160.7460000000001</v>
      </c>
      <c r="U719">
        <v>1174.3900000000001</v>
      </c>
      <c r="V719">
        <v>1178.2439999999999</v>
      </c>
      <c r="W719">
        <v>1176.086</v>
      </c>
      <c r="X719">
        <v>1174.5820000000001</v>
      </c>
      <c r="Y719">
        <v>1171.556</v>
      </c>
    </row>
    <row r="720" spans="1:25" x14ac:dyDescent="0.3">
      <c r="A720">
        <v>19.233333330663541</v>
      </c>
      <c r="B720">
        <v>1103.2349999999999</v>
      </c>
      <c r="C720">
        <v>1137.67</v>
      </c>
      <c r="D720">
        <v>1144.634</v>
      </c>
      <c r="E720">
        <v>1148.182</v>
      </c>
      <c r="F720">
        <v>1147.877</v>
      </c>
      <c r="G720">
        <v>1147.82</v>
      </c>
      <c r="H720">
        <v>1152.0039999999999</v>
      </c>
      <c r="I720">
        <v>1159.347</v>
      </c>
      <c r="J720">
        <v>1157.9480000000001</v>
      </c>
      <c r="K720">
        <v>1152.502</v>
      </c>
      <c r="L720">
        <v>1143.8320000000001</v>
      </c>
      <c r="M720">
        <v>1116.454</v>
      </c>
      <c r="N720">
        <v>1179.404</v>
      </c>
      <c r="O720">
        <v>1062.654</v>
      </c>
      <c r="P720">
        <v>0</v>
      </c>
      <c r="Q720">
        <v>0</v>
      </c>
      <c r="R720">
        <v>1129.712</v>
      </c>
      <c r="S720">
        <v>0</v>
      </c>
      <c r="T720">
        <v>1162.53</v>
      </c>
      <c r="U720">
        <v>1179.0740000000001</v>
      </c>
      <c r="V720">
        <v>1182.6010000000001</v>
      </c>
      <c r="W720">
        <v>1177.9559999999999</v>
      </c>
      <c r="X720">
        <v>1179.9459999999999</v>
      </c>
      <c r="Y720">
        <v>1167.221</v>
      </c>
    </row>
    <row r="721" spans="1:25" x14ac:dyDescent="0.3">
      <c r="A721">
        <v>19.26666667178894</v>
      </c>
      <c r="B721">
        <v>1098.0440000000001</v>
      </c>
      <c r="C721">
        <v>1135.0830000000001</v>
      </c>
      <c r="D721">
        <v>1142.42</v>
      </c>
      <c r="E721">
        <v>1147.0170000000001</v>
      </c>
      <c r="F721">
        <v>1148.124</v>
      </c>
      <c r="G721">
        <v>1151.0250000000001</v>
      </c>
      <c r="H721">
        <v>1152.405</v>
      </c>
      <c r="I721">
        <v>1158.4639999999999</v>
      </c>
      <c r="J721">
        <v>1157.6590000000001</v>
      </c>
      <c r="K721">
        <v>1156.202</v>
      </c>
      <c r="L721">
        <v>1143.412</v>
      </c>
      <c r="M721">
        <v>1113.9770000000001</v>
      </c>
      <c r="N721">
        <v>1145.0519999999999</v>
      </c>
      <c r="O721">
        <v>1062.56</v>
      </c>
      <c r="P721">
        <v>0</v>
      </c>
      <c r="Q721">
        <v>0</v>
      </c>
      <c r="R721">
        <v>1130.0519999999999</v>
      </c>
      <c r="S721">
        <v>0</v>
      </c>
      <c r="T721">
        <v>1161.896</v>
      </c>
      <c r="U721">
        <v>1177.7049999999999</v>
      </c>
      <c r="V721">
        <v>1185.3520000000001</v>
      </c>
      <c r="W721">
        <v>1178.5139999999999</v>
      </c>
      <c r="X721">
        <v>1173.9849999999999</v>
      </c>
      <c r="Y721">
        <v>1162.28</v>
      </c>
    </row>
    <row r="722" spans="1:25" x14ac:dyDescent="0.3">
      <c r="A722">
        <v>19.28333333187426</v>
      </c>
      <c r="B722">
        <v>1098.252</v>
      </c>
      <c r="C722">
        <v>1129.806</v>
      </c>
      <c r="D722">
        <v>1140.703</v>
      </c>
      <c r="E722">
        <v>1144.633</v>
      </c>
      <c r="F722">
        <v>1144.519</v>
      </c>
      <c r="G722">
        <v>1148.239</v>
      </c>
      <c r="H722">
        <v>1155.57</v>
      </c>
      <c r="I722">
        <v>1162.53</v>
      </c>
      <c r="J722">
        <v>1157.9280000000001</v>
      </c>
      <c r="K722">
        <v>1153.652</v>
      </c>
      <c r="L722">
        <v>1144.538</v>
      </c>
      <c r="M722">
        <v>1115.0550000000001</v>
      </c>
      <c r="N722">
        <v>1153.173</v>
      </c>
      <c r="O722">
        <v>1061.7439999999999</v>
      </c>
      <c r="P722">
        <v>0</v>
      </c>
      <c r="Q722">
        <v>0</v>
      </c>
      <c r="R722">
        <v>1129.578</v>
      </c>
      <c r="S722">
        <v>0</v>
      </c>
      <c r="T722">
        <v>1157.7550000000001</v>
      </c>
      <c r="U722">
        <v>1174.8330000000001</v>
      </c>
      <c r="V722">
        <v>1187.9100000000001</v>
      </c>
      <c r="W722">
        <v>1180.4690000000001</v>
      </c>
      <c r="X722">
        <v>1176.26</v>
      </c>
      <c r="Y722">
        <v>1165.2159999999999</v>
      </c>
    </row>
    <row r="723" spans="1:25" x14ac:dyDescent="0.3">
      <c r="A723">
        <v>19.316666672999659</v>
      </c>
      <c r="B723">
        <v>1098.1410000000001</v>
      </c>
      <c r="C723">
        <v>1125.6130000000001</v>
      </c>
      <c r="D723">
        <v>1132.3330000000001</v>
      </c>
      <c r="E723">
        <v>1138.5309999999999</v>
      </c>
      <c r="F723">
        <v>1139.2170000000001</v>
      </c>
      <c r="G723">
        <v>1141.068</v>
      </c>
      <c r="H723">
        <v>1148.9090000000001</v>
      </c>
      <c r="I723">
        <v>1156.3579999999999</v>
      </c>
      <c r="J723">
        <v>1155.5909999999999</v>
      </c>
      <c r="K723">
        <v>1154.306</v>
      </c>
      <c r="L723">
        <v>1151.5450000000001</v>
      </c>
      <c r="M723">
        <v>1120.2529999999999</v>
      </c>
      <c r="N723">
        <v>1146.5050000000001</v>
      </c>
      <c r="O723">
        <v>1062.711</v>
      </c>
      <c r="P723">
        <v>0</v>
      </c>
      <c r="Q723">
        <v>0</v>
      </c>
      <c r="R723">
        <v>1146.81</v>
      </c>
      <c r="S723">
        <v>0</v>
      </c>
      <c r="T723">
        <v>1156.646</v>
      </c>
      <c r="U723">
        <v>1172.5039999999999</v>
      </c>
      <c r="V723">
        <v>1182.777</v>
      </c>
      <c r="W723">
        <v>1177.7460000000001</v>
      </c>
      <c r="X723">
        <v>1171.598</v>
      </c>
      <c r="Y723">
        <v>1169.3040000000001</v>
      </c>
    </row>
    <row r="724" spans="1:25" x14ac:dyDescent="0.3">
      <c r="A724">
        <v>19.33333333308498</v>
      </c>
      <c r="B724">
        <v>1089.347</v>
      </c>
      <c r="C724">
        <v>1123.07</v>
      </c>
      <c r="D724">
        <v>1130.8910000000001</v>
      </c>
      <c r="E724">
        <v>1133.605</v>
      </c>
      <c r="F724">
        <v>1132.96</v>
      </c>
      <c r="G724">
        <v>1136.0920000000001</v>
      </c>
      <c r="H724">
        <v>1146.124</v>
      </c>
      <c r="I724">
        <v>1150.779</v>
      </c>
      <c r="J724">
        <v>1151.8140000000001</v>
      </c>
      <c r="K724">
        <v>1152.7919999999999</v>
      </c>
      <c r="L724">
        <v>1148.6610000000001</v>
      </c>
      <c r="M724">
        <v>1117.193</v>
      </c>
      <c r="N724">
        <v>1143.93</v>
      </c>
      <c r="O724">
        <v>1055.4169999999999</v>
      </c>
      <c r="P724">
        <v>0</v>
      </c>
      <c r="Q724">
        <v>0</v>
      </c>
      <c r="R724">
        <v>1133.586</v>
      </c>
      <c r="S724">
        <v>0</v>
      </c>
      <c r="T724">
        <v>1156.972</v>
      </c>
      <c r="U724">
        <v>1169.4970000000001</v>
      </c>
      <c r="V724">
        <v>1173.5830000000001</v>
      </c>
      <c r="W724">
        <v>1168.9770000000001</v>
      </c>
      <c r="X724">
        <v>1170.056</v>
      </c>
      <c r="Y724">
        <v>1174.354</v>
      </c>
    </row>
    <row r="725" spans="1:25" x14ac:dyDescent="0.3">
      <c r="A725">
        <v>19.366666663733</v>
      </c>
      <c r="B725">
        <v>1083.204</v>
      </c>
      <c r="C725">
        <v>1121.5920000000001</v>
      </c>
      <c r="D725">
        <v>1128.8389999999999</v>
      </c>
      <c r="E725">
        <v>1131.0029999999999</v>
      </c>
      <c r="F725">
        <v>1132.597</v>
      </c>
      <c r="G725">
        <v>1135.2929999999999</v>
      </c>
      <c r="H725">
        <v>1142.096</v>
      </c>
      <c r="I725">
        <v>1146.0840000000001</v>
      </c>
      <c r="J725">
        <v>1147.5329999999999</v>
      </c>
      <c r="K725">
        <v>1149.7850000000001</v>
      </c>
      <c r="L725">
        <v>1147.877</v>
      </c>
      <c r="M725">
        <v>1116.8499999999999</v>
      </c>
      <c r="N725">
        <v>1133.6600000000001</v>
      </c>
      <c r="O725">
        <v>1054.32</v>
      </c>
      <c r="P725">
        <v>0</v>
      </c>
      <c r="Q725">
        <v>0</v>
      </c>
      <c r="R725">
        <v>1124.1310000000001</v>
      </c>
      <c r="S725">
        <v>0</v>
      </c>
      <c r="T725">
        <v>1157.2</v>
      </c>
      <c r="U725">
        <v>1175.875</v>
      </c>
      <c r="V725">
        <v>1173.9280000000001</v>
      </c>
      <c r="W725">
        <v>1165.0239999999999</v>
      </c>
      <c r="X725">
        <v>1169.1479999999999</v>
      </c>
      <c r="Y725">
        <v>1166.566</v>
      </c>
    </row>
    <row r="726" spans="1:25" x14ac:dyDescent="0.3">
      <c r="A726">
        <v>19.400000004858398</v>
      </c>
      <c r="B726">
        <v>1071.4349999999999</v>
      </c>
      <c r="C726">
        <v>1121.2170000000001</v>
      </c>
      <c r="D726">
        <v>1127.4369999999999</v>
      </c>
      <c r="E726">
        <v>1134.7260000000001</v>
      </c>
      <c r="F726">
        <v>1132.904</v>
      </c>
      <c r="G726">
        <v>1134.7829999999999</v>
      </c>
      <c r="H726">
        <v>1140.287</v>
      </c>
      <c r="I726">
        <v>1144.77</v>
      </c>
      <c r="J726">
        <v>1145.5329999999999</v>
      </c>
      <c r="K726">
        <v>1147.174</v>
      </c>
      <c r="L726">
        <v>1144.999</v>
      </c>
      <c r="M726">
        <v>1112.6400000000001</v>
      </c>
      <c r="N726">
        <v>1137.463</v>
      </c>
      <c r="O726">
        <v>1054.4159999999999</v>
      </c>
      <c r="P726">
        <v>0</v>
      </c>
      <c r="Q726">
        <v>0</v>
      </c>
      <c r="R726">
        <v>1123.5830000000001</v>
      </c>
      <c r="S726">
        <v>0</v>
      </c>
      <c r="T726">
        <v>1164.201</v>
      </c>
      <c r="U726">
        <v>1182.5070000000001</v>
      </c>
      <c r="V726">
        <v>1181.79</v>
      </c>
      <c r="W726">
        <v>1172.9480000000001</v>
      </c>
      <c r="X726">
        <v>1168.1679999999999</v>
      </c>
      <c r="Y726">
        <v>1159.7529999999999</v>
      </c>
    </row>
    <row r="727" spans="1:25" x14ac:dyDescent="0.3">
      <c r="A727">
        <v>19.416666664943719</v>
      </c>
      <c r="B727">
        <v>1071.3789999999999</v>
      </c>
      <c r="C727">
        <v>1118.4970000000001</v>
      </c>
      <c r="D727">
        <v>1129.107</v>
      </c>
      <c r="E727">
        <v>1136.8720000000001</v>
      </c>
      <c r="F727">
        <v>1133.701</v>
      </c>
      <c r="G727">
        <v>1135.087</v>
      </c>
      <c r="H727">
        <v>1141.088</v>
      </c>
      <c r="I727">
        <v>1149.463</v>
      </c>
      <c r="J727">
        <v>1146.6199999999999</v>
      </c>
      <c r="K727">
        <v>1143.2249999999999</v>
      </c>
      <c r="L727">
        <v>1137.2539999999999</v>
      </c>
      <c r="M727">
        <v>1107.7139999999999</v>
      </c>
      <c r="N727">
        <v>1139.5809999999999</v>
      </c>
      <c r="O727">
        <v>1053.0260000000001</v>
      </c>
      <c r="P727">
        <v>0</v>
      </c>
      <c r="Q727">
        <v>0</v>
      </c>
      <c r="R727">
        <v>1127.2470000000001</v>
      </c>
      <c r="S727">
        <v>0</v>
      </c>
      <c r="T727">
        <v>1162.0350000000001</v>
      </c>
      <c r="U727">
        <v>1174.548</v>
      </c>
      <c r="V727">
        <v>1172.6590000000001</v>
      </c>
      <c r="W727">
        <v>1170.674</v>
      </c>
      <c r="X727">
        <v>1173.1020000000001</v>
      </c>
      <c r="Y727">
        <v>1160.865</v>
      </c>
    </row>
    <row r="728" spans="1:25" x14ac:dyDescent="0.3">
      <c r="A728">
        <v>19.450000006069118</v>
      </c>
      <c r="B728">
        <v>1073.95</v>
      </c>
      <c r="C728">
        <v>1115.643</v>
      </c>
      <c r="D728">
        <v>1123.184</v>
      </c>
      <c r="E728">
        <v>1131.8389999999999</v>
      </c>
      <c r="F728">
        <v>1128.5930000000001</v>
      </c>
      <c r="G728">
        <v>1131.6310000000001</v>
      </c>
      <c r="H728">
        <v>1136.7750000000001</v>
      </c>
      <c r="I728">
        <v>1144.3109999999999</v>
      </c>
      <c r="J728">
        <v>1140.5530000000001</v>
      </c>
      <c r="K728">
        <v>1138.664</v>
      </c>
      <c r="L728">
        <v>1131.934</v>
      </c>
      <c r="M728">
        <v>1105.0419999999999</v>
      </c>
      <c r="N728">
        <v>1142.0219999999999</v>
      </c>
      <c r="O728">
        <v>1048.163</v>
      </c>
      <c r="P728">
        <v>0</v>
      </c>
      <c r="Q728">
        <v>0</v>
      </c>
      <c r="R728">
        <v>1126.942</v>
      </c>
      <c r="S728">
        <v>0</v>
      </c>
      <c r="T728">
        <v>1160.02</v>
      </c>
      <c r="U728">
        <v>1172.33</v>
      </c>
      <c r="V728">
        <v>1174.277</v>
      </c>
      <c r="W728">
        <v>1173.1969999999999</v>
      </c>
      <c r="X728">
        <v>1172.7349999999999</v>
      </c>
      <c r="Y728">
        <v>1165.0450000000001</v>
      </c>
    </row>
    <row r="729" spans="1:25" x14ac:dyDescent="0.3">
      <c r="A729">
        <v>19.466666666154438</v>
      </c>
      <c r="B729">
        <v>1067.297</v>
      </c>
      <c r="C729">
        <v>1108.8610000000001</v>
      </c>
      <c r="D729">
        <v>1112.375</v>
      </c>
      <c r="E729">
        <v>1125.614</v>
      </c>
      <c r="F729">
        <v>1125.633</v>
      </c>
      <c r="G729">
        <v>1132.5999999999999</v>
      </c>
      <c r="H729">
        <v>1138.0740000000001</v>
      </c>
      <c r="I729">
        <v>1142.9000000000001</v>
      </c>
      <c r="J729">
        <v>1139.18</v>
      </c>
      <c r="K729">
        <v>1136.9480000000001</v>
      </c>
      <c r="L729">
        <v>1129.316</v>
      </c>
      <c r="M729">
        <v>1104.6110000000001</v>
      </c>
      <c r="N729">
        <v>1124.229</v>
      </c>
      <c r="O729">
        <v>1047.0550000000001</v>
      </c>
      <c r="P729">
        <v>0</v>
      </c>
      <c r="Q729">
        <v>0</v>
      </c>
      <c r="R729">
        <v>1117.9870000000001</v>
      </c>
      <c r="S729">
        <v>0</v>
      </c>
      <c r="T729">
        <v>1149.3679999999999</v>
      </c>
      <c r="U729">
        <v>1164.048</v>
      </c>
      <c r="V729">
        <v>1177.4580000000001</v>
      </c>
      <c r="W729">
        <v>1169.729</v>
      </c>
      <c r="X729">
        <v>1167.6089999999999</v>
      </c>
      <c r="Y729">
        <v>1167.127</v>
      </c>
    </row>
    <row r="730" spans="1:25" x14ac:dyDescent="0.3">
      <c r="A730">
        <v>19.499999996802458</v>
      </c>
      <c r="B730">
        <v>1062.9359999999999</v>
      </c>
      <c r="C730">
        <v>1100.4559999999999</v>
      </c>
      <c r="D730">
        <v>1106.4739999999999</v>
      </c>
      <c r="E730">
        <v>1122.201</v>
      </c>
      <c r="F730">
        <v>1121.4639999999999</v>
      </c>
      <c r="G730">
        <v>1126.8869999999999</v>
      </c>
      <c r="H730">
        <v>1133.835</v>
      </c>
      <c r="I730">
        <v>1140.7270000000001</v>
      </c>
      <c r="J730">
        <v>1140.059</v>
      </c>
      <c r="K730">
        <v>1139.6199999999999</v>
      </c>
      <c r="L730">
        <v>1129.7349999999999</v>
      </c>
      <c r="M730">
        <v>1104.913</v>
      </c>
      <c r="N730">
        <v>1103.258</v>
      </c>
      <c r="O730">
        <v>1040.29</v>
      </c>
      <c r="P730">
        <v>0</v>
      </c>
      <c r="Q730">
        <v>0</v>
      </c>
      <c r="R730">
        <v>1112.7360000000001</v>
      </c>
      <c r="S730">
        <v>0</v>
      </c>
      <c r="T730">
        <v>1141.165</v>
      </c>
      <c r="U730">
        <v>1154.615</v>
      </c>
      <c r="V730">
        <v>1172.9880000000001</v>
      </c>
      <c r="W730">
        <v>1173.2</v>
      </c>
      <c r="X730">
        <v>1169.788</v>
      </c>
      <c r="Y730">
        <v>1170.636</v>
      </c>
    </row>
    <row r="731" spans="1:25" x14ac:dyDescent="0.3">
      <c r="A731">
        <v>19.533333337927857</v>
      </c>
      <c r="B731">
        <v>1064.067</v>
      </c>
      <c r="C731">
        <v>1096.0170000000001</v>
      </c>
      <c r="D731">
        <v>1101.809</v>
      </c>
      <c r="E731">
        <v>1121.1980000000001</v>
      </c>
      <c r="F731">
        <v>1124.741</v>
      </c>
      <c r="G731">
        <v>1130.5119999999999</v>
      </c>
      <c r="H731">
        <v>1138.5509999999999</v>
      </c>
      <c r="I731">
        <v>1146.5630000000001</v>
      </c>
      <c r="J731">
        <v>1145.7619999999999</v>
      </c>
      <c r="K731">
        <v>1142.309</v>
      </c>
      <c r="L731">
        <v>1135.5989999999999</v>
      </c>
      <c r="M731">
        <v>1107.5260000000001</v>
      </c>
      <c r="N731">
        <v>1101.922</v>
      </c>
      <c r="O731">
        <v>1045.4649999999999</v>
      </c>
      <c r="P731">
        <v>0</v>
      </c>
      <c r="Q731">
        <v>0</v>
      </c>
      <c r="R731">
        <v>1112.7909999999999</v>
      </c>
      <c r="S731">
        <v>0</v>
      </c>
      <c r="T731">
        <v>1135.4090000000001</v>
      </c>
      <c r="U731">
        <v>1148.49</v>
      </c>
      <c r="V731">
        <v>1169.19</v>
      </c>
      <c r="W731">
        <v>1170.674</v>
      </c>
      <c r="X731">
        <v>1171.8489999999999</v>
      </c>
      <c r="Y731">
        <v>1165.547</v>
      </c>
    </row>
    <row r="732" spans="1:25" x14ac:dyDescent="0.3">
      <c r="A732">
        <v>19.549999998013178</v>
      </c>
      <c r="B732">
        <v>1057.2750000000001</v>
      </c>
      <c r="C732">
        <v>1089.442</v>
      </c>
      <c r="D732">
        <v>1097.4659999999999</v>
      </c>
      <c r="E732">
        <v>1120.6890000000001</v>
      </c>
      <c r="F732">
        <v>1126.6790000000001</v>
      </c>
      <c r="G732">
        <v>1134.67</v>
      </c>
      <c r="H732">
        <v>1144.752</v>
      </c>
      <c r="I732">
        <v>1147.7660000000001</v>
      </c>
      <c r="J732">
        <v>1146.7929999999999</v>
      </c>
      <c r="K732">
        <v>1144.4280000000001</v>
      </c>
      <c r="L732">
        <v>1139.239</v>
      </c>
      <c r="M732">
        <v>1108.204</v>
      </c>
      <c r="N732">
        <v>1105.402</v>
      </c>
      <c r="O732">
        <v>1048.96</v>
      </c>
      <c r="P732">
        <v>0</v>
      </c>
      <c r="Q732">
        <v>0</v>
      </c>
      <c r="R732">
        <v>1114.7190000000001</v>
      </c>
      <c r="S732">
        <v>0</v>
      </c>
      <c r="T732">
        <v>1132.905</v>
      </c>
      <c r="U732">
        <v>1147.69</v>
      </c>
      <c r="V732">
        <v>1165.201</v>
      </c>
      <c r="W732">
        <v>1174.183</v>
      </c>
      <c r="X732">
        <v>1179.6980000000001</v>
      </c>
      <c r="Y732">
        <v>1168.998</v>
      </c>
    </row>
    <row r="733" spans="1:25" x14ac:dyDescent="0.3">
      <c r="A733">
        <v>19.583333339138576</v>
      </c>
      <c r="B733">
        <v>1058.165</v>
      </c>
      <c r="C733">
        <v>1096.9390000000001</v>
      </c>
      <c r="D733">
        <v>1107.2070000000001</v>
      </c>
      <c r="E733">
        <v>1123.223</v>
      </c>
      <c r="F733">
        <v>1129.222</v>
      </c>
      <c r="G733">
        <v>1135.049</v>
      </c>
      <c r="H733">
        <v>1143.0150000000001</v>
      </c>
      <c r="I733">
        <v>1147.251</v>
      </c>
      <c r="J733">
        <v>1148.567</v>
      </c>
      <c r="K733">
        <v>1145.991</v>
      </c>
      <c r="L733">
        <v>1138.2650000000001</v>
      </c>
      <c r="M733">
        <v>1110.203</v>
      </c>
      <c r="N733">
        <v>1108.56</v>
      </c>
      <c r="O733">
        <v>1051.3630000000001</v>
      </c>
      <c r="P733">
        <v>0</v>
      </c>
      <c r="Q733">
        <v>0</v>
      </c>
      <c r="R733">
        <v>1117.4960000000001</v>
      </c>
      <c r="S733">
        <v>0</v>
      </c>
      <c r="T733">
        <v>1131.7840000000001</v>
      </c>
      <c r="U733">
        <v>1145.896</v>
      </c>
      <c r="V733">
        <v>1166.241</v>
      </c>
      <c r="W733">
        <v>1175.2809999999999</v>
      </c>
      <c r="X733">
        <v>1175.473</v>
      </c>
      <c r="Y733">
        <v>1167.4559999999999</v>
      </c>
    </row>
    <row r="734" spans="1:25" x14ac:dyDescent="0.3">
      <c r="A734">
        <v>19.599999999223897</v>
      </c>
      <c r="B734">
        <v>1059.558</v>
      </c>
      <c r="C734">
        <v>1093.1110000000001</v>
      </c>
      <c r="D734">
        <v>1104.1410000000001</v>
      </c>
      <c r="E734">
        <v>1123.204</v>
      </c>
      <c r="F734">
        <v>1134.7449999999999</v>
      </c>
      <c r="G734">
        <v>1138.1320000000001</v>
      </c>
      <c r="H734">
        <v>1141.8520000000001</v>
      </c>
      <c r="I734">
        <v>1148.433</v>
      </c>
      <c r="J734">
        <v>1150.819</v>
      </c>
      <c r="K734">
        <v>1145.4760000000001</v>
      </c>
      <c r="L734">
        <v>1138.4559999999999</v>
      </c>
      <c r="M734">
        <v>1111.431</v>
      </c>
      <c r="N734">
        <v>1107.1880000000001</v>
      </c>
      <c r="O734">
        <v>1043.913</v>
      </c>
      <c r="P734">
        <v>0</v>
      </c>
      <c r="Q734">
        <v>0</v>
      </c>
      <c r="R734">
        <v>1109.3720000000001</v>
      </c>
      <c r="S734">
        <v>0</v>
      </c>
      <c r="T734">
        <v>1131.8030000000001</v>
      </c>
      <c r="U734">
        <v>1147.079</v>
      </c>
      <c r="V734">
        <v>1166.106</v>
      </c>
      <c r="W734">
        <v>1172.0229999999999</v>
      </c>
      <c r="X734">
        <v>1172.5630000000001</v>
      </c>
      <c r="Y734">
        <v>1167.7829999999999</v>
      </c>
    </row>
    <row r="735" spans="1:25" x14ac:dyDescent="0.3">
      <c r="A735">
        <v>19.633333329871917</v>
      </c>
      <c r="B735">
        <v>1060.079</v>
      </c>
      <c r="C735">
        <v>1092.1389999999999</v>
      </c>
      <c r="D735">
        <v>1108.94</v>
      </c>
      <c r="E735">
        <v>1124.307</v>
      </c>
      <c r="F735">
        <v>1130.249</v>
      </c>
      <c r="G735">
        <v>1137.1990000000001</v>
      </c>
      <c r="H735">
        <v>1145.421</v>
      </c>
      <c r="I735">
        <v>1149.1990000000001</v>
      </c>
      <c r="J735">
        <v>1147.348</v>
      </c>
      <c r="K735">
        <v>1141.93</v>
      </c>
      <c r="L735">
        <v>1133.6469999999999</v>
      </c>
      <c r="M735">
        <v>1108.375</v>
      </c>
      <c r="N735">
        <v>1080.0309999999999</v>
      </c>
      <c r="O735">
        <v>1043.3240000000001</v>
      </c>
      <c r="P735">
        <v>0</v>
      </c>
      <c r="Q735">
        <v>0</v>
      </c>
      <c r="R735">
        <v>1107.566</v>
      </c>
      <c r="S735">
        <v>0</v>
      </c>
      <c r="T735">
        <v>1131.8620000000001</v>
      </c>
      <c r="U735">
        <v>1152.01</v>
      </c>
      <c r="V735">
        <v>1172.681</v>
      </c>
      <c r="W735">
        <v>1172.932</v>
      </c>
      <c r="X735">
        <v>1167.0139999999999</v>
      </c>
      <c r="Y735">
        <v>1169.597</v>
      </c>
    </row>
    <row r="736" spans="1:25" x14ac:dyDescent="0.3">
      <c r="A736">
        <v>19.666666670997316</v>
      </c>
      <c r="B736">
        <v>1059.17</v>
      </c>
      <c r="C736">
        <v>1090.586</v>
      </c>
      <c r="D736">
        <v>1112.095</v>
      </c>
      <c r="E736">
        <v>1124.7059999999999</v>
      </c>
      <c r="F736">
        <v>1128.104</v>
      </c>
      <c r="G736">
        <v>1131.654</v>
      </c>
      <c r="H736">
        <v>1139.259</v>
      </c>
      <c r="I736">
        <v>1146.471</v>
      </c>
      <c r="J736">
        <v>1147.787</v>
      </c>
      <c r="K736">
        <v>1147.9780000000001</v>
      </c>
      <c r="L736">
        <v>1136.4369999999999</v>
      </c>
      <c r="M736">
        <v>1109.318</v>
      </c>
      <c r="N736">
        <v>1083.19</v>
      </c>
      <c r="O736">
        <v>1044.0450000000001</v>
      </c>
      <c r="P736">
        <v>0</v>
      </c>
      <c r="Q736">
        <v>0</v>
      </c>
      <c r="R736">
        <v>1106.645</v>
      </c>
      <c r="S736">
        <v>0</v>
      </c>
      <c r="T736">
        <v>1129.7929999999999</v>
      </c>
      <c r="U736">
        <v>1148.5119999999999</v>
      </c>
      <c r="V736">
        <v>1167.7850000000001</v>
      </c>
      <c r="W736">
        <v>1174.2809999999999</v>
      </c>
      <c r="X736">
        <v>1169.366</v>
      </c>
      <c r="Y736">
        <v>1169.289</v>
      </c>
    </row>
    <row r="737" spans="1:25" x14ac:dyDescent="0.3">
      <c r="A737">
        <v>19.683333331082636</v>
      </c>
      <c r="B737">
        <v>1064.145</v>
      </c>
      <c r="C737">
        <v>1096.7349999999999</v>
      </c>
      <c r="D737">
        <v>1118.009</v>
      </c>
      <c r="E737">
        <v>1128.921</v>
      </c>
      <c r="F737">
        <v>1127.896</v>
      </c>
      <c r="G737">
        <v>1130.325</v>
      </c>
      <c r="H737">
        <v>1137.944</v>
      </c>
      <c r="I737">
        <v>1146.242</v>
      </c>
      <c r="J737">
        <v>1148.2070000000001</v>
      </c>
      <c r="K737">
        <v>1151.32</v>
      </c>
      <c r="L737">
        <v>1139.9659999999999</v>
      </c>
      <c r="M737">
        <v>1109.6020000000001</v>
      </c>
      <c r="N737">
        <v>1100.383</v>
      </c>
      <c r="O737">
        <v>1042.8989999999999</v>
      </c>
      <c r="P737">
        <v>0</v>
      </c>
      <c r="Q737">
        <v>0</v>
      </c>
      <c r="R737">
        <v>1106.8330000000001</v>
      </c>
      <c r="S737">
        <v>0</v>
      </c>
      <c r="T737">
        <v>1131.047</v>
      </c>
      <c r="U737">
        <v>1149.848</v>
      </c>
      <c r="V737">
        <v>1161.961</v>
      </c>
      <c r="W737">
        <v>1168.326</v>
      </c>
      <c r="X737">
        <v>1169.116</v>
      </c>
      <c r="Y737">
        <v>1164.3579999999999</v>
      </c>
    </row>
    <row r="738" spans="1:25" x14ac:dyDescent="0.3">
      <c r="A738">
        <v>19.716666672208035</v>
      </c>
      <c r="B738">
        <v>1065.1099999999999</v>
      </c>
      <c r="C738">
        <v>1098.54</v>
      </c>
      <c r="D738">
        <v>1115.817</v>
      </c>
      <c r="E738">
        <v>1126.32</v>
      </c>
      <c r="F738">
        <v>1127.5920000000001</v>
      </c>
      <c r="G738">
        <v>1129.2429999999999</v>
      </c>
      <c r="H738">
        <v>1135.242</v>
      </c>
      <c r="I738">
        <v>1142.1030000000001</v>
      </c>
      <c r="J738">
        <v>1145.04</v>
      </c>
      <c r="K738">
        <v>1144.125</v>
      </c>
      <c r="L738">
        <v>1135.5830000000001</v>
      </c>
      <c r="M738">
        <v>1109.0160000000001</v>
      </c>
      <c r="N738">
        <v>1095.9449999999999</v>
      </c>
      <c r="O738">
        <v>1041.7159999999999</v>
      </c>
      <c r="P738">
        <v>0</v>
      </c>
      <c r="Q738">
        <v>0</v>
      </c>
      <c r="R738">
        <v>1107.059</v>
      </c>
      <c r="S738">
        <v>0</v>
      </c>
      <c r="T738">
        <v>1138.9549999999999</v>
      </c>
      <c r="U738">
        <v>1153.7739999999999</v>
      </c>
      <c r="V738">
        <v>1162.191</v>
      </c>
      <c r="W738">
        <v>1162.345</v>
      </c>
      <c r="X738">
        <v>1161.0219999999999</v>
      </c>
      <c r="Y738">
        <v>1167.7670000000001</v>
      </c>
    </row>
    <row r="739" spans="1:25" x14ac:dyDescent="0.3">
      <c r="A739">
        <v>19.750000002856055</v>
      </c>
      <c r="B739">
        <v>1065.999</v>
      </c>
      <c r="C739">
        <v>1099.76</v>
      </c>
      <c r="D739">
        <v>1117.27</v>
      </c>
      <c r="E739">
        <v>1127.4760000000001</v>
      </c>
      <c r="F739">
        <v>1131.5</v>
      </c>
      <c r="G739">
        <v>1132.0319999999999</v>
      </c>
      <c r="H739">
        <v>1136.037</v>
      </c>
      <c r="I739">
        <v>1143.3589999999999</v>
      </c>
      <c r="J739">
        <v>1142.673</v>
      </c>
      <c r="K739">
        <v>1138.1510000000001</v>
      </c>
      <c r="L739">
        <v>1129.5260000000001</v>
      </c>
      <c r="M739">
        <v>1105.364</v>
      </c>
      <c r="N739">
        <v>1087.5129999999999</v>
      </c>
      <c r="O739">
        <v>1045.818</v>
      </c>
      <c r="P739">
        <v>0</v>
      </c>
      <c r="Q739">
        <v>0</v>
      </c>
      <c r="R739">
        <v>1103.1079999999999</v>
      </c>
      <c r="S739">
        <v>0</v>
      </c>
      <c r="T739">
        <v>1133</v>
      </c>
      <c r="U739">
        <v>1148.854</v>
      </c>
      <c r="V739">
        <v>1159.0640000000001</v>
      </c>
      <c r="W739">
        <v>1157.1849999999999</v>
      </c>
      <c r="X739">
        <v>1158.8530000000001</v>
      </c>
      <c r="Y739">
        <v>1170.212</v>
      </c>
    </row>
    <row r="740" spans="1:25" x14ac:dyDescent="0.3">
      <c r="A740">
        <v>19.766666673418754</v>
      </c>
      <c r="B740">
        <v>1066.279</v>
      </c>
      <c r="C740">
        <v>1097.6569999999999</v>
      </c>
      <c r="D740">
        <v>1110.6969999999999</v>
      </c>
      <c r="E740">
        <v>1126.2439999999999</v>
      </c>
      <c r="F740">
        <v>1133.3810000000001</v>
      </c>
      <c r="G740">
        <v>1133.3440000000001</v>
      </c>
      <c r="H740">
        <v>1138.9549999999999</v>
      </c>
      <c r="I740">
        <v>1141.587</v>
      </c>
      <c r="J740">
        <v>1138.5730000000001</v>
      </c>
      <c r="K740">
        <v>1134.577</v>
      </c>
      <c r="L740">
        <v>1128.2750000000001</v>
      </c>
      <c r="M740">
        <v>1105.5360000000001</v>
      </c>
      <c r="N740">
        <v>1083.547</v>
      </c>
      <c r="O740">
        <v>1050.2380000000001</v>
      </c>
      <c r="P740">
        <v>0</v>
      </c>
      <c r="Q740">
        <v>0</v>
      </c>
      <c r="R740">
        <v>1105.366</v>
      </c>
      <c r="S740">
        <v>0</v>
      </c>
      <c r="T740">
        <v>1129.2239999999999</v>
      </c>
      <c r="U740">
        <v>1149.085</v>
      </c>
      <c r="V740">
        <v>1165.7809999999999</v>
      </c>
      <c r="W740">
        <v>1159.68</v>
      </c>
      <c r="X740">
        <v>1158.088</v>
      </c>
      <c r="Y740">
        <v>1174.011</v>
      </c>
    </row>
    <row r="741" spans="1:25" x14ac:dyDescent="0.3">
      <c r="A741">
        <v>19.800000004066774</v>
      </c>
      <c r="B741">
        <v>1069.278</v>
      </c>
      <c r="C741">
        <v>1096.3050000000001</v>
      </c>
      <c r="D741">
        <v>1104.8610000000001</v>
      </c>
      <c r="E741">
        <v>1119.05</v>
      </c>
      <c r="F741">
        <v>1136.5160000000001</v>
      </c>
      <c r="G741">
        <v>1140.2539999999999</v>
      </c>
      <c r="H741">
        <v>1142.6959999999999</v>
      </c>
      <c r="I741">
        <v>1146.702</v>
      </c>
      <c r="J741">
        <v>1143.23</v>
      </c>
      <c r="K741">
        <v>1139.9680000000001</v>
      </c>
      <c r="L741">
        <v>1128.847</v>
      </c>
      <c r="M741">
        <v>1104.711</v>
      </c>
      <c r="N741">
        <v>1099.7270000000001</v>
      </c>
      <c r="O741">
        <v>1044.972</v>
      </c>
      <c r="P741">
        <v>0</v>
      </c>
      <c r="Q741">
        <v>0</v>
      </c>
      <c r="R741">
        <v>1110.511</v>
      </c>
      <c r="S741">
        <v>0</v>
      </c>
      <c r="T741">
        <v>1130.498</v>
      </c>
      <c r="U741">
        <v>1148.3240000000001</v>
      </c>
      <c r="V741">
        <v>1160.6980000000001</v>
      </c>
      <c r="W741">
        <v>1165.8989999999999</v>
      </c>
      <c r="X741">
        <v>1163.8810000000001</v>
      </c>
      <c r="Y741">
        <v>1168.636</v>
      </c>
    </row>
    <row r="742" spans="1:25" x14ac:dyDescent="0.3">
      <c r="A742">
        <v>19.816666664152095</v>
      </c>
      <c r="B742">
        <v>1065.222</v>
      </c>
      <c r="C742">
        <v>1096.567</v>
      </c>
      <c r="D742">
        <v>1111.9639999999999</v>
      </c>
      <c r="E742">
        <v>1125.752</v>
      </c>
      <c r="F742">
        <v>1135.9069999999999</v>
      </c>
      <c r="G742">
        <v>1140.2339999999999</v>
      </c>
      <c r="H742">
        <v>1144.126</v>
      </c>
      <c r="I742">
        <v>1148.6469999999999</v>
      </c>
      <c r="J742">
        <v>1146.587</v>
      </c>
      <c r="K742">
        <v>1142.5229999999999</v>
      </c>
      <c r="L742">
        <v>1130.877</v>
      </c>
      <c r="M742">
        <v>1106.0450000000001</v>
      </c>
      <c r="N742">
        <v>1104.202</v>
      </c>
      <c r="O742">
        <v>1043.8979999999999</v>
      </c>
      <c r="P742">
        <v>0</v>
      </c>
      <c r="Q742">
        <v>0</v>
      </c>
      <c r="R742">
        <v>1109.2629999999999</v>
      </c>
      <c r="S742">
        <v>0</v>
      </c>
      <c r="T742">
        <v>1127.46</v>
      </c>
      <c r="U742">
        <v>1147.56</v>
      </c>
      <c r="V742">
        <v>1160.7159999999999</v>
      </c>
      <c r="W742">
        <v>1161.521</v>
      </c>
      <c r="X742">
        <v>1160.6969999999999</v>
      </c>
      <c r="Y742">
        <v>1171.5840000000001</v>
      </c>
    </row>
    <row r="743" spans="1:25" x14ac:dyDescent="0.3">
      <c r="A743">
        <v>19.850000005277494</v>
      </c>
      <c r="B743">
        <v>1067.2460000000001</v>
      </c>
      <c r="C743">
        <v>1095.0440000000001</v>
      </c>
      <c r="D743">
        <v>1110.9449999999999</v>
      </c>
      <c r="E743">
        <v>1126.9860000000001</v>
      </c>
      <c r="F743">
        <v>1133.8009999999999</v>
      </c>
      <c r="G743">
        <v>1136.6289999999999</v>
      </c>
      <c r="H743">
        <v>1138.8040000000001</v>
      </c>
      <c r="I743">
        <v>1143.5730000000001</v>
      </c>
      <c r="J743">
        <v>1144.527</v>
      </c>
      <c r="K743">
        <v>1139.395</v>
      </c>
      <c r="L743">
        <v>1126.739</v>
      </c>
      <c r="M743">
        <v>1103.6759999999999</v>
      </c>
      <c r="N743">
        <v>1072.204</v>
      </c>
      <c r="O743">
        <v>1041.7180000000001</v>
      </c>
      <c r="P743">
        <v>0</v>
      </c>
      <c r="Q743">
        <v>0</v>
      </c>
      <c r="R743">
        <v>1101.8889999999999</v>
      </c>
      <c r="S743">
        <v>0</v>
      </c>
      <c r="T743">
        <v>1122.1859999999999</v>
      </c>
      <c r="U743">
        <v>1139.548</v>
      </c>
      <c r="V743">
        <v>1155.1369999999999</v>
      </c>
      <c r="W743">
        <v>1155.175</v>
      </c>
      <c r="X743">
        <v>1159.432</v>
      </c>
      <c r="Y743">
        <v>1166.8820000000001</v>
      </c>
    </row>
    <row r="744" spans="1:25" x14ac:dyDescent="0.3">
      <c r="A744">
        <v>19.883333335925514</v>
      </c>
      <c r="B744">
        <v>1056.9659999999999</v>
      </c>
      <c r="C744">
        <v>1088.231</v>
      </c>
      <c r="D744">
        <v>1099.7850000000001</v>
      </c>
      <c r="E744">
        <v>1116.4259999999999</v>
      </c>
      <c r="F744">
        <v>1127.2539999999999</v>
      </c>
      <c r="G744">
        <v>1129.019</v>
      </c>
      <c r="H744">
        <v>1134.24</v>
      </c>
      <c r="I744">
        <v>1142.6020000000001</v>
      </c>
      <c r="J744">
        <v>1142.03</v>
      </c>
      <c r="K744">
        <v>1135.9480000000001</v>
      </c>
      <c r="L744">
        <v>1125.375</v>
      </c>
      <c r="M744">
        <v>1104.355</v>
      </c>
      <c r="N744">
        <v>1052.127</v>
      </c>
      <c r="O744">
        <v>1047.0619999999999</v>
      </c>
      <c r="P744">
        <v>0</v>
      </c>
      <c r="Q744">
        <v>0</v>
      </c>
      <c r="R744">
        <v>1103.1510000000001</v>
      </c>
      <c r="S744">
        <v>0</v>
      </c>
      <c r="T744">
        <v>1119.0329999999999</v>
      </c>
      <c r="U744">
        <v>1133.1199999999999</v>
      </c>
      <c r="V744">
        <v>1151.2470000000001</v>
      </c>
      <c r="W744">
        <v>1158.1300000000001</v>
      </c>
      <c r="X744">
        <v>1161.4090000000001</v>
      </c>
      <c r="Y744">
        <v>1164.4770000000001</v>
      </c>
    </row>
    <row r="745" spans="1:25" x14ac:dyDescent="0.3">
      <c r="A745">
        <v>19.900000006488213</v>
      </c>
      <c r="B745">
        <v>1048.373</v>
      </c>
      <c r="C745">
        <v>1080.9659999999999</v>
      </c>
      <c r="D745">
        <v>1095.703</v>
      </c>
      <c r="E745">
        <v>1118.4269999999999</v>
      </c>
      <c r="F745">
        <v>1126.038</v>
      </c>
      <c r="G745">
        <v>1127.518</v>
      </c>
      <c r="H745">
        <v>1130.7260000000001</v>
      </c>
      <c r="I745">
        <v>1141.1890000000001</v>
      </c>
      <c r="J745">
        <v>1143.5360000000001</v>
      </c>
      <c r="K745">
        <v>1141.876</v>
      </c>
      <c r="L745">
        <v>1135.2439999999999</v>
      </c>
      <c r="M745">
        <v>1108.509</v>
      </c>
      <c r="N745">
        <v>1072.3910000000001</v>
      </c>
      <c r="O745">
        <v>1039.9069999999999</v>
      </c>
      <c r="P745">
        <v>0</v>
      </c>
      <c r="Q745">
        <v>0</v>
      </c>
      <c r="R745">
        <v>1102.8679999999999</v>
      </c>
      <c r="S745">
        <v>0</v>
      </c>
      <c r="T745">
        <v>1116.443</v>
      </c>
      <c r="U745">
        <v>1132.2639999999999</v>
      </c>
      <c r="V745">
        <v>1148.4580000000001</v>
      </c>
      <c r="W745">
        <v>1162.941</v>
      </c>
      <c r="X745">
        <v>1172.241</v>
      </c>
      <c r="Y745">
        <v>1166.94</v>
      </c>
    </row>
    <row r="746" spans="1:25" x14ac:dyDescent="0.3">
      <c r="A746">
        <v>19.933333337136233</v>
      </c>
      <c r="B746">
        <v>1051</v>
      </c>
      <c r="C746">
        <v>1079.979</v>
      </c>
      <c r="D746">
        <v>1095.31</v>
      </c>
      <c r="E746">
        <v>1116.8789999999999</v>
      </c>
      <c r="F746">
        <v>1127.729</v>
      </c>
      <c r="G746">
        <v>1129.2470000000001</v>
      </c>
      <c r="H746">
        <v>1130.1010000000001</v>
      </c>
      <c r="I746">
        <v>1140.943</v>
      </c>
      <c r="J746">
        <v>1145.1590000000001</v>
      </c>
      <c r="K746">
        <v>1147.3530000000001</v>
      </c>
      <c r="L746">
        <v>1142.45</v>
      </c>
      <c r="M746">
        <v>1118.183</v>
      </c>
      <c r="N746">
        <v>1091.751</v>
      </c>
      <c r="O746">
        <v>1035.3610000000001</v>
      </c>
      <c r="P746">
        <v>0</v>
      </c>
      <c r="Q746">
        <v>0</v>
      </c>
      <c r="R746">
        <v>1101.1959999999999</v>
      </c>
      <c r="S746">
        <v>0</v>
      </c>
      <c r="T746">
        <v>1117.8989999999999</v>
      </c>
      <c r="U746">
        <v>1135.9480000000001</v>
      </c>
      <c r="V746">
        <v>1150.883</v>
      </c>
      <c r="W746">
        <v>1157.5740000000001</v>
      </c>
      <c r="X746">
        <v>1164.6489999999999</v>
      </c>
      <c r="Y746">
        <v>1168.4259999999999</v>
      </c>
    </row>
    <row r="747" spans="1:25" x14ac:dyDescent="0.3">
      <c r="A747">
        <v>19.949999997221553</v>
      </c>
      <c r="B747">
        <v>1051.019</v>
      </c>
      <c r="C747">
        <v>1079.943</v>
      </c>
      <c r="D747">
        <v>1095.48</v>
      </c>
      <c r="E747">
        <v>1116.502</v>
      </c>
      <c r="F747">
        <v>1126.875</v>
      </c>
      <c r="G747">
        <v>1127.672</v>
      </c>
      <c r="H747">
        <v>1132.9110000000001</v>
      </c>
      <c r="I747">
        <v>1145.3689999999999</v>
      </c>
      <c r="J747">
        <v>1146.2660000000001</v>
      </c>
      <c r="K747">
        <v>1143.9190000000001</v>
      </c>
      <c r="L747">
        <v>1134.145</v>
      </c>
      <c r="M747">
        <v>1110.588</v>
      </c>
      <c r="N747">
        <v>1091.77</v>
      </c>
      <c r="O747">
        <v>1037.5889999999999</v>
      </c>
      <c r="P747">
        <v>0</v>
      </c>
      <c r="Q747">
        <v>0</v>
      </c>
      <c r="R747">
        <v>1100.181</v>
      </c>
      <c r="S747">
        <v>0</v>
      </c>
      <c r="T747">
        <v>1118.4480000000001</v>
      </c>
      <c r="U747">
        <v>1135.74</v>
      </c>
      <c r="V747">
        <v>1151.7840000000001</v>
      </c>
      <c r="W747">
        <v>1158.1310000000001</v>
      </c>
      <c r="X747">
        <v>1160.202</v>
      </c>
      <c r="Y747">
        <v>1163.384</v>
      </c>
    </row>
    <row r="748" spans="1:25" x14ac:dyDescent="0.3">
      <c r="A748">
        <v>19.983333338346952</v>
      </c>
      <c r="B748">
        <v>1043.9549999999999</v>
      </c>
      <c r="C748">
        <v>1078.02</v>
      </c>
      <c r="D748">
        <v>1090.027</v>
      </c>
      <c r="E748">
        <v>1111.077</v>
      </c>
      <c r="F748">
        <v>1123.133</v>
      </c>
      <c r="G748">
        <v>1126.2840000000001</v>
      </c>
      <c r="H748">
        <v>1135.7</v>
      </c>
      <c r="I748">
        <v>1144.9280000000001</v>
      </c>
      <c r="J748">
        <v>1146.893</v>
      </c>
      <c r="K748">
        <v>1144.184</v>
      </c>
      <c r="L748">
        <v>1133.1369999999999</v>
      </c>
      <c r="M748">
        <v>1108.7349999999999</v>
      </c>
      <c r="N748">
        <v>1083.0619999999999</v>
      </c>
      <c r="O748">
        <v>1036.317</v>
      </c>
      <c r="P748">
        <v>0</v>
      </c>
      <c r="Q748">
        <v>0</v>
      </c>
      <c r="R748">
        <v>1102.2470000000001</v>
      </c>
      <c r="S748">
        <v>0</v>
      </c>
      <c r="T748">
        <v>1118.8800000000001</v>
      </c>
      <c r="U748">
        <v>1135.548</v>
      </c>
      <c r="V748">
        <v>1150.9580000000001</v>
      </c>
      <c r="W748">
        <v>1154.3710000000001</v>
      </c>
      <c r="X748">
        <v>1160.7360000000001</v>
      </c>
      <c r="Y748">
        <v>1165.4559999999999</v>
      </c>
    </row>
    <row r="749" spans="1:25" x14ac:dyDescent="0.3">
      <c r="A749">
        <v>20.016666668994972</v>
      </c>
      <c r="B749">
        <v>1037.7180000000001</v>
      </c>
      <c r="C749">
        <v>1075.8779999999999</v>
      </c>
      <c r="D749">
        <v>1088.1369999999999</v>
      </c>
      <c r="E749">
        <v>1108.059</v>
      </c>
      <c r="F749">
        <v>1114.518</v>
      </c>
      <c r="G749">
        <v>1120.1849999999999</v>
      </c>
      <c r="H749">
        <v>1133.1010000000001</v>
      </c>
      <c r="I749">
        <v>1142.221</v>
      </c>
      <c r="J749">
        <v>1141.172</v>
      </c>
      <c r="K749">
        <v>1135.2080000000001</v>
      </c>
      <c r="L749">
        <v>1125.7729999999999</v>
      </c>
      <c r="M749">
        <v>1103.7529999999999</v>
      </c>
      <c r="N749">
        <v>1074.3309999999999</v>
      </c>
      <c r="O749">
        <v>1034.6610000000001</v>
      </c>
      <c r="P749">
        <v>0</v>
      </c>
      <c r="Q749">
        <v>0</v>
      </c>
      <c r="R749">
        <v>1095.78</v>
      </c>
      <c r="S749">
        <v>0</v>
      </c>
      <c r="T749">
        <v>1115.3109999999999</v>
      </c>
      <c r="U749">
        <v>1131.278</v>
      </c>
      <c r="V749">
        <v>1148.9929999999999</v>
      </c>
      <c r="W749">
        <v>1150.329</v>
      </c>
      <c r="X749">
        <v>1151.8800000000001</v>
      </c>
      <c r="Y749">
        <v>1160.5650000000001</v>
      </c>
    </row>
    <row r="750" spans="1:25" x14ac:dyDescent="0.3">
      <c r="A750">
        <v>20.033333339557672</v>
      </c>
      <c r="B750">
        <v>1037.258</v>
      </c>
      <c r="C750">
        <v>1075.0029999999999</v>
      </c>
      <c r="D750">
        <v>1087.652</v>
      </c>
      <c r="E750">
        <v>1107.5899999999999</v>
      </c>
      <c r="F750">
        <v>1114.1030000000001</v>
      </c>
      <c r="G750">
        <v>1120.886</v>
      </c>
      <c r="H750">
        <v>1131.0899999999999</v>
      </c>
      <c r="I750">
        <v>1139.4939999999999</v>
      </c>
      <c r="J750">
        <v>1137.1279999999999</v>
      </c>
      <c r="K750">
        <v>1133.4059999999999</v>
      </c>
      <c r="L750">
        <v>1122.51</v>
      </c>
      <c r="M750">
        <v>1100.463</v>
      </c>
      <c r="N750">
        <v>1065.672</v>
      </c>
      <c r="O750">
        <v>1034.0920000000001</v>
      </c>
      <c r="P750">
        <v>0</v>
      </c>
      <c r="Q750">
        <v>0</v>
      </c>
      <c r="R750">
        <v>1094.635</v>
      </c>
      <c r="S750">
        <v>0</v>
      </c>
      <c r="T750">
        <v>1113.7249999999999</v>
      </c>
      <c r="U750">
        <v>1131.83</v>
      </c>
      <c r="V750">
        <v>1150.0060000000001</v>
      </c>
      <c r="W750">
        <v>1150.4059999999999</v>
      </c>
      <c r="X750">
        <v>1150.922</v>
      </c>
      <c r="Y750">
        <v>1159.5119999999999</v>
      </c>
    </row>
    <row r="751" spans="1:25" x14ac:dyDescent="0.3">
      <c r="A751">
        <v>20.066666670205692</v>
      </c>
      <c r="B751">
        <v>1039.1189999999999</v>
      </c>
      <c r="C751">
        <v>1073.308</v>
      </c>
      <c r="D751">
        <v>1084.77</v>
      </c>
      <c r="E751">
        <v>1105.749</v>
      </c>
      <c r="F751">
        <v>1112.6489999999999</v>
      </c>
      <c r="G751">
        <v>1121.2829999999999</v>
      </c>
      <c r="H751">
        <v>1130.8630000000001</v>
      </c>
      <c r="I751">
        <v>1138.0450000000001</v>
      </c>
      <c r="J751">
        <v>1137.74</v>
      </c>
      <c r="K751">
        <v>1128.1489999999999</v>
      </c>
      <c r="L751">
        <v>1118.0719999999999</v>
      </c>
      <c r="M751">
        <v>1098.415</v>
      </c>
      <c r="N751">
        <v>1069.8599999999999</v>
      </c>
      <c r="O751">
        <v>1030.2819999999999</v>
      </c>
      <c r="P751">
        <v>0</v>
      </c>
      <c r="Q751">
        <v>0</v>
      </c>
      <c r="R751">
        <v>1096.0450000000001</v>
      </c>
      <c r="S751">
        <v>0</v>
      </c>
      <c r="T751">
        <v>1118.317</v>
      </c>
      <c r="U751">
        <v>1132.5899999999999</v>
      </c>
      <c r="V751">
        <v>1143.3489999999999</v>
      </c>
      <c r="W751">
        <v>1147.7560000000001</v>
      </c>
      <c r="X751">
        <v>1154.816</v>
      </c>
      <c r="Y751">
        <v>1163.0029999999999</v>
      </c>
    </row>
    <row r="752" spans="1:25" x14ac:dyDescent="0.3">
      <c r="A752">
        <v>20.083333330291012</v>
      </c>
      <c r="B752">
        <v>1040.3889999999999</v>
      </c>
      <c r="C752">
        <v>1070.3420000000001</v>
      </c>
      <c r="D752">
        <v>1085.479</v>
      </c>
      <c r="E752">
        <v>1106.423</v>
      </c>
      <c r="F752">
        <v>1110.663</v>
      </c>
      <c r="G752">
        <v>1120.0909999999999</v>
      </c>
      <c r="H752">
        <v>1128.7349999999999</v>
      </c>
      <c r="I752">
        <v>1133.556</v>
      </c>
      <c r="J752">
        <v>1133.9359999999999</v>
      </c>
      <c r="K752">
        <v>1126.5519999999999</v>
      </c>
      <c r="L752">
        <v>1118.3720000000001</v>
      </c>
      <c r="M752">
        <v>1098.6759999999999</v>
      </c>
      <c r="N752">
        <v>1052.8109999999999</v>
      </c>
      <c r="O752">
        <v>1028.328</v>
      </c>
      <c r="P752">
        <v>0</v>
      </c>
      <c r="Q752">
        <v>0</v>
      </c>
      <c r="R752">
        <v>1086.3209999999999</v>
      </c>
      <c r="S752">
        <v>0</v>
      </c>
      <c r="T752">
        <v>1113.0820000000001</v>
      </c>
      <c r="U752">
        <v>1130.2719999999999</v>
      </c>
      <c r="V752">
        <v>1140.3889999999999</v>
      </c>
      <c r="W752">
        <v>1144.0139999999999</v>
      </c>
      <c r="X752">
        <v>1152.7619999999999</v>
      </c>
      <c r="Y752">
        <v>1163.039</v>
      </c>
    </row>
    <row r="753" spans="1:25" x14ac:dyDescent="0.3">
      <c r="A753">
        <v>20.116666671416411</v>
      </c>
      <c r="B753">
        <v>1038.2159999999999</v>
      </c>
      <c r="C753">
        <v>1070.231</v>
      </c>
      <c r="D753">
        <v>1083.1400000000001</v>
      </c>
      <c r="E753">
        <v>1102.0239999999999</v>
      </c>
      <c r="F753">
        <v>1107.0450000000001</v>
      </c>
      <c r="G753">
        <v>1115.4069999999999</v>
      </c>
      <c r="H753">
        <v>1124.047</v>
      </c>
      <c r="I753">
        <v>1131.261</v>
      </c>
      <c r="J753">
        <v>1130.9760000000001</v>
      </c>
      <c r="K753">
        <v>1124.1990000000001</v>
      </c>
      <c r="L753">
        <v>1121.1120000000001</v>
      </c>
      <c r="M753">
        <v>1103.04</v>
      </c>
      <c r="N753">
        <v>1049.67</v>
      </c>
      <c r="O753">
        <v>1029.691</v>
      </c>
      <c r="P753">
        <v>0</v>
      </c>
      <c r="Q753">
        <v>0</v>
      </c>
      <c r="R753">
        <v>1086.6969999999999</v>
      </c>
      <c r="S753">
        <v>0</v>
      </c>
      <c r="T753">
        <v>1108.4739999999999</v>
      </c>
      <c r="U753">
        <v>1126.287</v>
      </c>
      <c r="V753">
        <v>1139.742</v>
      </c>
      <c r="W753">
        <v>1145.942</v>
      </c>
      <c r="X753">
        <v>1153.357</v>
      </c>
      <c r="Y753">
        <v>1159.0139999999999</v>
      </c>
    </row>
    <row r="754" spans="1:25" x14ac:dyDescent="0.3">
      <c r="A754">
        <v>20.150000002064431</v>
      </c>
      <c r="B754">
        <v>1031.057</v>
      </c>
      <c r="C754">
        <v>1069.172</v>
      </c>
      <c r="D754">
        <v>1083.143</v>
      </c>
      <c r="E754">
        <v>1101.99</v>
      </c>
      <c r="F754">
        <v>1108.6659999999999</v>
      </c>
      <c r="G754">
        <v>1115.769</v>
      </c>
      <c r="H754">
        <v>1126.328</v>
      </c>
      <c r="I754">
        <v>1135.117</v>
      </c>
      <c r="J754">
        <v>1131.0740000000001</v>
      </c>
      <c r="K754">
        <v>1126.1959999999999</v>
      </c>
      <c r="L754">
        <v>1125.9490000000001</v>
      </c>
      <c r="M754">
        <v>1104.171</v>
      </c>
      <c r="N754">
        <v>1053.5920000000001</v>
      </c>
      <c r="O754">
        <v>1030.008</v>
      </c>
      <c r="P754">
        <v>0</v>
      </c>
      <c r="Q754">
        <v>0</v>
      </c>
      <c r="R754">
        <v>1088.329</v>
      </c>
      <c r="S754">
        <v>0</v>
      </c>
      <c r="T754">
        <v>1107.932</v>
      </c>
      <c r="U754">
        <v>1123.69</v>
      </c>
      <c r="V754">
        <v>1138.8679999999999</v>
      </c>
      <c r="W754">
        <v>1148.0250000000001</v>
      </c>
      <c r="X754">
        <v>1159.17</v>
      </c>
      <c r="Y754">
        <v>1155.8530000000001</v>
      </c>
    </row>
    <row r="755" spans="1:25" x14ac:dyDescent="0.3">
      <c r="A755">
        <v>20.16666667262713</v>
      </c>
      <c r="B755">
        <v>1032.7860000000001</v>
      </c>
      <c r="C755">
        <v>1067.567</v>
      </c>
      <c r="D755">
        <v>1076.7570000000001</v>
      </c>
      <c r="E755">
        <v>1097.681</v>
      </c>
      <c r="F755">
        <v>1109.0219999999999</v>
      </c>
      <c r="G755">
        <v>1117.184</v>
      </c>
      <c r="H755">
        <v>1124.3330000000001</v>
      </c>
      <c r="I755">
        <v>1138.751</v>
      </c>
      <c r="J755">
        <v>1136.9770000000001</v>
      </c>
      <c r="K755">
        <v>1132.097</v>
      </c>
      <c r="L755">
        <v>1129.7619999999999</v>
      </c>
      <c r="M755">
        <v>1107.0650000000001</v>
      </c>
      <c r="N755">
        <v>1036.597</v>
      </c>
      <c r="O755">
        <v>1024.7280000000001</v>
      </c>
      <c r="P755">
        <v>0</v>
      </c>
      <c r="Q755">
        <v>0</v>
      </c>
      <c r="R755">
        <v>1089.338</v>
      </c>
      <c r="S755">
        <v>0</v>
      </c>
      <c r="T755">
        <v>1108.1179999999999</v>
      </c>
      <c r="U755">
        <v>1124.4849999999999</v>
      </c>
      <c r="V755">
        <v>1136.672</v>
      </c>
      <c r="W755">
        <v>1144.1120000000001</v>
      </c>
      <c r="X755">
        <v>1152.5719999999999</v>
      </c>
      <c r="Y755">
        <v>1160.798</v>
      </c>
    </row>
    <row r="756" spans="1:25" x14ac:dyDescent="0.3">
      <c r="A756">
        <v>20.20000000327515</v>
      </c>
      <c r="B756">
        <v>1024.8</v>
      </c>
      <c r="C756">
        <v>1064.873</v>
      </c>
      <c r="D756">
        <v>1073.6790000000001</v>
      </c>
      <c r="E756">
        <v>1096.194</v>
      </c>
      <c r="F756">
        <v>1106.029</v>
      </c>
      <c r="G756">
        <v>1116.9359999999999</v>
      </c>
      <c r="H756">
        <v>1124.654</v>
      </c>
      <c r="I756">
        <v>1137.319</v>
      </c>
      <c r="J756">
        <v>1136.0619999999999</v>
      </c>
      <c r="K756">
        <v>1130.539</v>
      </c>
      <c r="L756">
        <v>1127.027</v>
      </c>
      <c r="M756">
        <v>1103.7159999999999</v>
      </c>
      <c r="N756">
        <v>1051.1669999999999</v>
      </c>
      <c r="O756">
        <v>1022.526</v>
      </c>
      <c r="P756">
        <v>0</v>
      </c>
      <c r="Q756">
        <v>0</v>
      </c>
      <c r="R756">
        <v>1089.8230000000001</v>
      </c>
      <c r="S756">
        <v>0</v>
      </c>
      <c r="T756">
        <v>1106.894</v>
      </c>
      <c r="U756">
        <v>1122.17</v>
      </c>
      <c r="V756">
        <v>1137.9100000000001</v>
      </c>
      <c r="W756">
        <v>1146.934</v>
      </c>
      <c r="X756">
        <v>1156.77</v>
      </c>
      <c r="Y756">
        <v>1159.32</v>
      </c>
    </row>
    <row r="757" spans="1:25" x14ac:dyDescent="0.3">
      <c r="A757">
        <v>20.216666663360471</v>
      </c>
      <c r="B757">
        <v>1025.4059999999999</v>
      </c>
      <c r="C757">
        <v>1061.8489999999999</v>
      </c>
      <c r="D757">
        <v>1074.24</v>
      </c>
      <c r="E757">
        <v>1100.2570000000001</v>
      </c>
      <c r="F757">
        <v>1106.538</v>
      </c>
      <c r="G757">
        <v>1115.8800000000001</v>
      </c>
      <c r="H757">
        <v>1123.4590000000001</v>
      </c>
      <c r="I757">
        <v>1136.9949999999999</v>
      </c>
      <c r="J757">
        <v>1139.723</v>
      </c>
      <c r="K757">
        <v>1138.617</v>
      </c>
      <c r="L757">
        <v>1133.729</v>
      </c>
      <c r="M757">
        <v>1111.799</v>
      </c>
      <c r="N757">
        <v>1060.104</v>
      </c>
      <c r="O757">
        <v>1021.353</v>
      </c>
      <c r="P757">
        <v>0</v>
      </c>
      <c r="Q757">
        <v>0</v>
      </c>
      <c r="R757">
        <v>1088.8879999999999</v>
      </c>
      <c r="S757">
        <v>0</v>
      </c>
      <c r="T757">
        <v>1106.4059999999999</v>
      </c>
      <c r="U757">
        <v>1121.377</v>
      </c>
      <c r="V757">
        <v>1135.095</v>
      </c>
      <c r="W757">
        <v>1144.1110000000001</v>
      </c>
      <c r="X757">
        <v>1152.6679999999999</v>
      </c>
      <c r="Y757">
        <v>1158.9949999999999</v>
      </c>
    </row>
    <row r="758" spans="1:25" x14ac:dyDescent="0.3">
      <c r="A758">
        <v>20.250000004485869</v>
      </c>
      <c r="B758">
        <v>1018.44</v>
      </c>
      <c r="C758">
        <v>1059.606</v>
      </c>
      <c r="D758">
        <v>1072.453</v>
      </c>
      <c r="E758">
        <v>1096.7059999999999</v>
      </c>
      <c r="F758">
        <v>1104.999</v>
      </c>
      <c r="G758">
        <v>1115.5419999999999</v>
      </c>
      <c r="H758">
        <v>1126.1769999999999</v>
      </c>
      <c r="I758">
        <v>1135.6679999999999</v>
      </c>
      <c r="J758">
        <v>1140.547</v>
      </c>
      <c r="K758">
        <v>1139.8030000000001</v>
      </c>
      <c r="L758">
        <v>1136.827</v>
      </c>
      <c r="M758">
        <v>1114.2760000000001</v>
      </c>
      <c r="N758">
        <v>1049.155</v>
      </c>
      <c r="O758">
        <v>1019.87</v>
      </c>
      <c r="P758">
        <v>0</v>
      </c>
      <c r="Q758">
        <v>0</v>
      </c>
      <c r="R758">
        <v>1083.049</v>
      </c>
      <c r="S758">
        <v>0</v>
      </c>
      <c r="T758">
        <v>1103.1559999999999</v>
      </c>
      <c r="U758">
        <v>1119.604</v>
      </c>
      <c r="V758">
        <v>1134.3579999999999</v>
      </c>
      <c r="W758">
        <v>1140.7180000000001</v>
      </c>
      <c r="X758">
        <v>1152.019</v>
      </c>
      <c r="Y758">
        <v>1158.346</v>
      </c>
    </row>
    <row r="759" spans="1:25" x14ac:dyDescent="0.3">
      <c r="A759">
        <v>20.283333335133889</v>
      </c>
      <c r="B759">
        <v>1019.706</v>
      </c>
      <c r="C759">
        <v>1055.857</v>
      </c>
      <c r="D759">
        <v>1073.143</v>
      </c>
      <c r="E759">
        <v>1098.7560000000001</v>
      </c>
      <c r="F759">
        <v>1105.5260000000001</v>
      </c>
      <c r="G759">
        <v>1115.675</v>
      </c>
      <c r="H759">
        <v>1125.741</v>
      </c>
      <c r="I759">
        <v>1136.029</v>
      </c>
      <c r="J759">
        <v>1139.193</v>
      </c>
      <c r="K759">
        <v>1136.01</v>
      </c>
      <c r="L759">
        <v>1133.144</v>
      </c>
      <c r="M759">
        <v>1111.1790000000001</v>
      </c>
      <c r="N759">
        <v>1092.5039999999999</v>
      </c>
      <c r="O759">
        <v>1017.12</v>
      </c>
      <c r="P759">
        <v>0</v>
      </c>
      <c r="Q759">
        <v>0</v>
      </c>
      <c r="R759">
        <v>1084.0609999999999</v>
      </c>
      <c r="S759">
        <v>0</v>
      </c>
      <c r="T759">
        <v>1102.5550000000001</v>
      </c>
      <c r="U759">
        <v>1116.4690000000001</v>
      </c>
      <c r="V759">
        <v>1131.1880000000001</v>
      </c>
      <c r="W759">
        <v>1138.067</v>
      </c>
      <c r="X759">
        <v>1148.941</v>
      </c>
      <c r="Y759">
        <v>1158.346</v>
      </c>
    </row>
    <row r="760" spans="1:25" x14ac:dyDescent="0.3">
      <c r="A760">
        <v>20.300000005696589</v>
      </c>
      <c r="B760">
        <v>1011.529</v>
      </c>
      <c r="C760">
        <v>1055.7429999999999</v>
      </c>
      <c r="D760">
        <v>1068.9459999999999</v>
      </c>
      <c r="E760">
        <v>1095.5</v>
      </c>
      <c r="F760">
        <v>1103.7370000000001</v>
      </c>
      <c r="G760">
        <v>1113.7260000000001</v>
      </c>
      <c r="H760">
        <v>1122.3979999999999</v>
      </c>
      <c r="I760">
        <v>1131.1099999999999</v>
      </c>
      <c r="J760">
        <v>1133.3879999999999</v>
      </c>
      <c r="K760">
        <v>1132.249</v>
      </c>
      <c r="L760">
        <v>1131.5650000000001</v>
      </c>
      <c r="M760">
        <v>1110.9490000000001</v>
      </c>
      <c r="N760">
        <v>1093.588</v>
      </c>
      <c r="O760">
        <v>1010.56</v>
      </c>
      <c r="P760">
        <v>0</v>
      </c>
      <c r="Q760">
        <v>0</v>
      </c>
      <c r="R760">
        <v>1082.8599999999999</v>
      </c>
      <c r="S760">
        <v>0</v>
      </c>
      <c r="T760">
        <v>1100.653</v>
      </c>
      <c r="U760">
        <v>1118.6759999999999</v>
      </c>
      <c r="V760">
        <v>1134.963</v>
      </c>
      <c r="W760">
        <v>1137.893</v>
      </c>
      <c r="X760">
        <v>1146.8019999999999</v>
      </c>
      <c r="Y760">
        <v>1157.538</v>
      </c>
    </row>
    <row r="761" spans="1:25" x14ac:dyDescent="0.3">
      <c r="A761">
        <v>20.333333336344609</v>
      </c>
      <c r="B761">
        <v>1022.1079999999999</v>
      </c>
      <c r="C761">
        <v>1057.6199999999999</v>
      </c>
      <c r="D761">
        <v>1068.874</v>
      </c>
      <c r="E761">
        <v>1094.9010000000001</v>
      </c>
      <c r="F761">
        <v>1103.231</v>
      </c>
      <c r="G761">
        <v>1111.7639999999999</v>
      </c>
      <c r="H761">
        <v>1122.174</v>
      </c>
      <c r="I761">
        <v>1129.8019999999999</v>
      </c>
      <c r="J761">
        <v>1129.48</v>
      </c>
      <c r="K761">
        <v>1131.9090000000001</v>
      </c>
      <c r="L761">
        <v>1131.4159999999999</v>
      </c>
      <c r="M761">
        <v>1113.086</v>
      </c>
      <c r="N761">
        <v>1102.046</v>
      </c>
      <c r="O761">
        <v>1008.3339999999999</v>
      </c>
      <c r="P761">
        <v>0</v>
      </c>
      <c r="Q761">
        <v>0</v>
      </c>
      <c r="R761">
        <v>1080.9159999999999</v>
      </c>
      <c r="S761">
        <v>0</v>
      </c>
      <c r="T761">
        <v>1102.5920000000001</v>
      </c>
      <c r="U761">
        <v>1122.9880000000001</v>
      </c>
      <c r="V761">
        <v>1134.453</v>
      </c>
      <c r="W761">
        <v>1137.0360000000001</v>
      </c>
      <c r="X761">
        <v>1149.3599999999999</v>
      </c>
      <c r="Y761">
        <v>1156.8499999999999</v>
      </c>
    </row>
    <row r="762" spans="1:25" x14ac:dyDescent="0.3">
      <c r="A762">
        <v>20.349999996429929</v>
      </c>
      <c r="B762">
        <v>1023.814</v>
      </c>
      <c r="C762">
        <v>1057.6759999999999</v>
      </c>
      <c r="D762">
        <v>1066.251</v>
      </c>
      <c r="E762">
        <v>1091.8869999999999</v>
      </c>
      <c r="F762">
        <v>1101.7650000000001</v>
      </c>
      <c r="G762">
        <v>1111.7639999999999</v>
      </c>
      <c r="H762">
        <v>1123.1590000000001</v>
      </c>
      <c r="I762">
        <v>1129.8789999999999</v>
      </c>
      <c r="J762">
        <v>1127.7909999999999</v>
      </c>
      <c r="K762">
        <v>1127.4870000000001</v>
      </c>
      <c r="L762">
        <v>1126.348</v>
      </c>
      <c r="M762">
        <v>1107.7449999999999</v>
      </c>
      <c r="N762">
        <v>1065.193</v>
      </c>
      <c r="O762">
        <v>1014.0940000000001</v>
      </c>
      <c r="P762">
        <v>0</v>
      </c>
      <c r="Q762">
        <v>0</v>
      </c>
      <c r="R762">
        <v>1078.288</v>
      </c>
      <c r="S762">
        <v>0</v>
      </c>
      <c r="T762">
        <v>1101.7080000000001</v>
      </c>
      <c r="U762">
        <v>1119.586</v>
      </c>
      <c r="V762">
        <v>1132.6500000000001</v>
      </c>
      <c r="W762">
        <v>1137.8</v>
      </c>
      <c r="X762">
        <v>1148.75</v>
      </c>
      <c r="Y762">
        <v>1157.6179999999999</v>
      </c>
    </row>
    <row r="763" spans="1:25" x14ac:dyDescent="0.3">
      <c r="A763">
        <v>20.383333337555328</v>
      </c>
      <c r="B763">
        <v>1028.5160000000001</v>
      </c>
      <c r="C763">
        <v>1056.692</v>
      </c>
      <c r="D763">
        <v>1064.7650000000001</v>
      </c>
      <c r="E763">
        <v>1089.7329999999999</v>
      </c>
      <c r="F763">
        <v>1100.335</v>
      </c>
      <c r="G763">
        <v>1113.9739999999999</v>
      </c>
      <c r="H763">
        <v>1119.982</v>
      </c>
      <c r="I763">
        <v>1123.8989999999999</v>
      </c>
      <c r="J763">
        <v>1124.278</v>
      </c>
      <c r="K763">
        <v>1122.703</v>
      </c>
      <c r="L763">
        <v>1121.777</v>
      </c>
      <c r="M763">
        <v>1103.4939999999999</v>
      </c>
      <c r="N763">
        <v>1056.0229999999999</v>
      </c>
      <c r="O763">
        <v>1015.102</v>
      </c>
      <c r="P763">
        <v>0</v>
      </c>
      <c r="Q763">
        <v>0</v>
      </c>
      <c r="R763">
        <v>1083.049</v>
      </c>
      <c r="S763">
        <v>0</v>
      </c>
      <c r="T763">
        <v>1101.181</v>
      </c>
      <c r="U763">
        <v>1121.682</v>
      </c>
      <c r="V763">
        <v>1135.4590000000001</v>
      </c>
      <c r="W763">
        <v>1134.681</v>
      </c>
      <c r="X763">
        <v>1144.8579999999999</v>
      </c>
      <c r="Y763">
        <v>1163.3309999999999</v>
      </c>
    </row>
    <row r="764" spans="1:25" x14ac:dyDescent="0.3">
      <c r="A764">
        <v>20.416666668203348</v>
      </c>
      <c r="B764">
        <v>1017.212</v>
      </c>
      <c r="C764">
        <v>1054.317</v>
      </c>
      <c r="D764">
        <v>1063.059</v>
      </c>
      <c r="E764">
        <v>1084.885</v>
      </c>
      <c r="F764">
        <v>1096.895</v>
      </c>
      <c r="G764">
        <v>1112.653</v>
      </c>
      <c r="H764">
        <v>1119.039</v>
      </c>
      <c r="I764">
        <v>1125.191</v>
      </c>
      <c r="J764">
        <v>1121.9670000000001</v>
      </c>
      <c r="K764">
        <v>1120.644</v>
      </c>
      <c r="L764">
        <v>1117.6400000000001</v>
      </c>
      <c r="M764">
        <v>1098.192</v>
      </c>
      <c r="N764">
        <v>1057.3610000000001</v>
      </c>
      <c r="O764">
        <v>1011.952</v>
      </c>
      <c r="P764">
        <v>0</v>
      </c>
      <c r="Q764">
        <v>0</v>
      </c>
      <c r="R764">
        <v>1084.23</v>
      </c>
      <c r="S764">
        <v>0</v>
      </c>
      <c r="T764">
        <v>1104.4359999999999</v>
      </c>
      <c r="U764">
        <v>1121.8910000000001</v>
      </c>
      <c r="V764">
        <v>1132.537</v>
      </c>
      <c r="W764">
        <v>1131.4359999999999</v>
      </c>
      <c r="X764">
        <v>1141.673</v>
      </c>
      <c r="Y764">
        <v>1163.6010000000001</v>
      </c>
    </row>
    <row r="765" spans="1:25" x14ac:dyDescent="0.3">
      <c r="A765">
        <v>20.433333338766047</v>
      </c>
      <c r="B765">
        <v>1017.615</v>
      </c>
      <c r="C765">
        <v>1054.7439999999999</v>
      </c>
      <c r="D765">
        <v>1061.444</v>
      </c>
      <c r="E765">
        <v>1084.174</v>
      </c>
      <c r="F765">
        <v>1094.452</v>
      </c>
      <c r="G765">
        <v>1107.4259999999999</v>
      </c>
      <c r="H765">
        <v>1112.048</v>
      </c>
      <c r="I765">
        <v>1119.681</v>
      </c>
      <c r="J765">
        <v>1120.8330000000001</v>
      </c>
      <c r="K765">
        <v>1121.797</v>
      </c>
      <c r="L765">
        <v>1119.7560000000001</v>
      </c>
      <c r="M765">
        <v>1100.0920000000001</v>
      </c>
      <c r="N765">
        <v>1058.9010000000001</v>
      </c>
      <c r="O765">
        <v>1011.313</v>
      </c>
      <c r="P765">
        <v>0</v>
      </c>
      <c r="Q765">
        <v>0</v>
      </c>
      <c r="R765">
        <v>1075.492</v>
      </c>
      <c r="S765">
        <v>0</v>
      </c>
      <c r="T765">
        <v>1099.2829999999999</v>
      </c>
      <c r="U765">
        <v>1118.7360000000001</v>
      </c>
      <c r="V765">
        <v>1131.2650000000001</v>
      </c>
      <c r="W765">
        <v>1132.461</v>
      </c>
      <c r="X765">
        <v>1140.567</v>
      </c>
      <c r="Y765">
        <v>1166.0609999999999</v>
      </c>
    </row>
    <row r="766" spans="1:25" x14ac:dyDescent="0.3">
      <c r="A766">
        <v>20.466666669414067</v>
      </c>
      <c r="B766">
        <v>1006.453</v>
      </c>
      <c r="C766">
        <v>1053.779</v>
      </c>
      <c r="D766">
        <v>1061.3520000000001</v>
      </c>
      <c r="E766">
        <v>1081.5350000000001</v>
      </c>
      <c r="F766">
        <v>1089.81</v>
      </c>
      <c r="G766">
        <v>1103.1389999999999</v>
      </c>
      <c r="H766">
        <v>1114.713</v>
      </c>
      <c r="I766">
        <v>1122.232</v>
      </c>
      <c r="J766">
        <v>1124.261</v>
      </c>
      <c r="K766">
        <v>1120.154</v>
      </c>
      <c r="L766">
        <v>1119.039</v>
      </c>
      <c r="M766">
        <v>1098.701</v>
      </c>
      <c r="N766">
        <v>1080.8800000000001</v>
      </c>
      <c r="O766">
        <v>1018.038</v>
      </c>
      <c r="P766">
        <v>0</v>
      </c>
      <c r="Q766">
        <v>0</v>
      </c>
      <c r="R766">
        <v>1072.529</v>
      </c>
      <c r="S766">
        <v>0</v>
      </c>
      <c r="T766">
        <v>1101.9159999999999</v>
      </c>
      <c r="U766">
        <v>1119.7190000000001</v>
      </c>
      <c r="V766">
        <v>1129.1959999999999</v>
      </c>
      <c r="W766">
        <v>1133.0119999999999</v>
      </c>
      <c r="X766">
        <v>1141.655</v>
      </c>
      <c r="Y766">
        <v>1165.271</v>
      </c>
    </row>
    <row r="767" spans="1:25" x14ac:dyDescent="0.3">
      <c r="A767">
        <v>20.500000000062087</v>
      </c>
      <c r="B767">
        <v>1009.559</v>
      </c>
      <c r="C767">
        <v>1052.373</v>
      </c>
      <c r="D767">
        <v>1060.2929999999999</v>
      </c>
      <c r="E767">
        <v>1081.2159999999999</v>
      </c>
      <c r="F767">
        <v>1091.0260000000001</v>
      </c>
      <c r="G767">
        <v>1100.8820000000001</v>
      </c>
      <c r="H767">
        <v>1115.165</v>
      </c>
      <c r="I767">
        <v>1119.4349999999999</v>
      </c>
      <c r="J767">
        <v>1119.7750000000001</v>
      </c>
      <c r="K767">
        <v>1117.546</v>
      </c>
      <c r="L767">
        <v>1115.865</v>
      </c>
      <c r="M767">
        <v>1094.6769999999999</v>
      </c>
      <c r="N767">
        <v>1072.249</v>
      </c>
      <c r="O767">
        <v>1014.901</v>
      </c>
      <c r="P767">
        <v>0</v>
      </c>
      <c r="Q767">
        <v>0</v>
      </c>
      <c r="R767">
        <v>1082.451</v>
      </c>
      <c r="S767">
        <v>0</v>
      </c>
      <c r="T767">
        <v>1105.5640000000001</v>
      </c>
      <c r="U767">
        <v>1120.682</v>
      </c>
      <c r="V767">
        <v>1125.001</v>
      </c>
      <c r="W767">
        <v>1130.999</v>
      </c>
      <c r="X767">
        <v>1141.54</v>
      </c>
      <c r="Y767">
        <v>1165.4829999999999</v>
      </c>
    </row>
    <row r="768" spans="1:25" x14ac:dyDescent="0.3">
      <c r="A768">
        <v>20.516666670624787</v>
      </c>
      <c r="B768">
        <v>1016.571</v>
      </c>
      <c r="C768">
        <v>1049.3240000000001</v>
      </c>
      <c r="D768">
        <v>1059.905</v>
      </c>
      <c r="E768">
        <v>1082.883</v>
      </c>
      <c r="F768">
        <v>1089.3979999999999</v>
      </c>
      <c r="G768">
        <v>1098.9649999999999</v>
      </c>
      <c r="H768">
        <v>1113.296</v>
      </c>
      <c r="I768">
        <v>1115.1099999999999</v>
      </c>
      <c r="J768">
        <v>1118.567</v>
      </c>
      <c r="K768">
        <v>1119.059</v>
      </c>
      <c r="L768">
        <v>1118.643</v>
      </c>
      <c r="M768">
        <v>1095.636</v>
      </c>
      <c r="N768">
        <v>1076.3320000000001</v>
      </c>
      <c r="O768">
        <v>1016.553</v>
      </c>
      <c r="P768">
        <v>0</v>
      </c>
      <c r="Q768">
        <v>0</v>
      </c>
      <c r="R768">
        <v>1080.8989999999999</v>
      </c>
      <c r="S768">
        <v>0</v>
      </c>
      <c r="T768">
        <v>1100.337</v>
      </c>
      <c r="U768">
        <v>1118.2650000000001</v>
      </c>
      <c r="V768">
        <v>1124.413</v>
      </c>
      <c r="W768">
        <v>1129.4059999999999</v>
      </c>
      <c r="X768">
        <v>1140.1289999999999</v>
      </c>
      <c r="Y768">
        <v>1161.1469999999999</v>
      </c>
    </row>
    <row r="769" spans="1:25" x14ac:dyDescent="0.3">
      <c r="A769">
        <v>20.550000001272807</v>
      </c>
      <c r="B769">
        <v>1020.623</v>
      </c>
      <c r="C769">
        <v>1049.3040000000001</v>
      </c>
      <c r="D769">
        <v>1055.338</v>
      </c>
      <c r="E769">
        <v>1080.432</v>
      </c>
      <c r="F769">
        <v>1089.3219999999999</v>
      </c>
      <c r="G769">
        <v>1100.1479999999999</v>
      </c>
      <c r="H769">
        <v>1112.048</v>
      </c>
      <c r="I769">
        <v>1117.5650000000001</v>
      </c>
      <c r="J769">
        <v>1119.568</v>
      </c>
      <c r="K769">
        <v>1121.098</v>
      </c>
      <c r="L769">
        <v>1120.021</v>
      </c>
      <c r="M769">
        <v>1099.6590000000001</v>
      </c>
      <c r="N769">
        <v>1050.2470000000001</v>
      </c>
      <c r="O769">
        <v>1023.979</v>
      </c>
      <c r="P769">
        <v>0</v>
      </c>
      <c r="Q769">
        <v>0</v>
      </c>
      <c r="R769">
        <v>1082.32</v>
      </c>
      <c r="S769">
        <v>0</v>
      </c>
      <c r="T769">
        <v>1100.1479999999999</v>
      </c>
      <c r="U769">
        <v>1116.1099999999999</v>
      </c>
      <c r="V769">
        <v>1123.463</v>
      </c>
      <c r="W769">
        <v>1128.076</v>
      </c>
      <c r="X769">
        <v>1142.2260000000001</v>
      </c>
      <c r="Y769">
        <v>1160.7629999999999</v>
      </c>
    </row>
    <row r="770" spans="1:25" x14ac:dyDescent="0.3">
      <c r="A770">
        <v>20.566666671835506</v>
      </c>
      <c r="B770">
        <v>1025.136</v>
      </c>
      <c r="C770">
        <v>1048.4179999999999</v>
      </c>
      <c r="D770">
        <v>1051.857</v>
      </c>
      <c r="E770">
        <v>1076.556</v>
      </c>
      <c r="F770">
        <v>1087.6010000000001</v>
      </c>
      <c r="G770">
        <v>1099.002</v>
      </c>
      <c r="H770">
        <v>1111.615</v>
      </c>
      <c r="I770">
        <v>1114.5999999999999</v>
      </c>
      <c r="J770">
        <v>1114.0139999999999</v>
      </c>
      <c r="K770">
        <v>1116.338</v>
      </c>
      <c r="L770">
        <v>1117.547</v>
      </c>
      <c r="M770">
        <v>1097.7049999999999</v>
      </c>
      <c r="N770">
        <v>1031.74</v>
      </c>
      <c r="O770">
        <v>1030.5070000000001</v>
      </c>
      <c r="P770">
        <v>0</v>
      </c>
      <c r="Q770">
        <v>0</v>
      </c>
      <c r="R770">
        <v>1077.2080000000001</v>
      </c>
      <c r="S770">
        <v>0</v>
      </c>
      <c r="T770">
        <v>1102.18</v>
      </c>
      <c r="U770">
        <v>1119.229</v>
      </c>
      <c r="V770">
        <v>1122.8</v>
      </c>
      <c r="W770">
        <v>1127.8869999999999</v>
      </c>
      <c r="X770">
        <v>1138.9849999999999</v>
      </c>
      <c r="Y770">
        <v>1158.981</v>
      </c>
    </row>
    <row r="771" spans="1:25" x14ac:dyDescent="0.3">
      <c r="A771">
        <v>20.600000002483526</v>
      </c>
      <c r="B771">
        <v>1028.778</v>
      </c>
      <c r="C771">
        <v>1048.4390000000001</v>
      </c>
      <c r="D771">
        <v>1052.3579999999999</v>
      </c>
      <c r="E771">
        <v>1078.124</v>
      </c>
      <c r="F771">
        <v>1088.3150000000001</v>
      </c>
      <c r="G771">
        <v>1097.538</v>
      </c>
      <c r="H771">
        <v>1110.8989999999999</v>
      </c>
      <c r="I771">
        <v>1118.588</v>
      </c>
      <c r="J771">
        <v>1113.298</v>
      </c>
      <c r="K771">
        <v>1115.452</v>
      </c>
      <c r="L771">
        <v>1116.3589999999999</v>
      </c>
      <c r="M771">
        <v>1095.6949999999999</v>
      </c>
      <c r="N771">
        <v>1020.095</v>
      </c>
      <c r="O771">
        <v>1024.5139999999999</v>
      </c>
      <c r="P771">
        <v>0</v>
      </c>
      <c r="Q771">
        <v>0</v>
      </c>
      <c r="R771">
        <v>1074.172</v>
      </c>
      <c r="S771">
        <v>0</v>
      </c>
      <c r="T771">
        <v>1101.9000000000001</v>
      </c>
      <c r="U771">
        <v>1120.5340000000001</v>
      </c>
      <c r="V771">
        <v>1128.364</v>
      </c>
      <c r="W771">
        <v>1131.7239999999999</v>
      </c>
      <c r="X771">
        <v>1139.3869999999999</v>
      </c>
      <c r="Y771">
        <v>1159.251</v>
      </c>
    </row>
    <row r="772" spans="1:25" x14ac:dyDescent="0.3">
      <c r="A772">
        <v>20.633333333131546</v>
      </c>
      <c r="B772">
        <v>1026.568</v>
      </c>
      <c r="C772">
        <v>1049.326</v>
      </c>
      <c r="D772">
        <v>1054.7090000000001</v>
      </c>
      <c r="E772">
        <v>1082.604</v>
      </c>
      <c r="F772">
        <v>1093.425</v>
      </c>
      <c r="G772">
        <v>1103.7429999999999</v>
      </c>
      <c r="H772">
        <v>1114.4690000000001</v>
      </c>
      <c r="I772">
        <v>1121.0250000000001</v>
      </c>
      <c r="J772">
        <v>1113.26</v>
      </c>
      <c r="K772">
        <v>1113.203</v>
      </c>
      <c r="L772">
        <v>1112.6369999999999</v>
      </c>
      <c r="M772">
        <v>1093.144</v>
      </c>
      <c r="N772">
        <v>1019.1950000000001</v>
      </c>
      <c r="O772">
        <v>1020.516</v>
      </c>
      <c r="P772">
        <v>0</v>
      </c>
      <c r="Q772">
        <v>0</v>
      </c>
      <c r="R772">
        <v>1071.394</v>
      </c>
      <c r="S772">
        <v>0</v>
      </c>
      <c r="T772">
        <v>1094.7539999999999</v>
      </c>
      <c r="U772">
        <v>1115.7349999999999</v>
      </c>
      <c r="V772">
        <v>1130.433</v>
      </c>
      <c r="W772">
        <v>1135.7670000000001</v>
      </c>
      <c r="X772">
        <v>1140.0160000000001</v>
      </c>
      <c r="Y772">
        <v>1158.4069999999999</v>
      </c>
    </row>
    <row r="773" spans="1:25" x14ac:dyDescent="0.3">
      <c r="A773">
        <v>20.650000003694245</v>
      </c>
      <c r="B773">
        <v>1025.942</v>
      </c>
      <c r="C773">
        <v>1048.768</v>
      </c>
      <c r="D773">
        <v>1051.9659999999999</v>
      </c>
      <c r="E773">
        <v>1081.8150000000001</v>
      </c>
      <c r="F773">
        <v>1092.655</v>
      </c>
      <c r="G773">
        <v>1101.3699999999999</v>
      </c>
      <c r="H773">
        <v>1113.2380000000001</v>
      </c>
      <c r="I773">
        <v>1118.8499999999999</v>
      </c>
      <c r="J773">
        <v>1115.732</v>
      </c>
      <c r="K773">
        <v>1114.164</v>
      </c>
      <c r="L773">
        <v>1109.838</v>
      </c>
      <c r="M773">
        <v>1090.7639999999999</v>
      </c>
      <c r="N773">
        <v>1004.6079999999999</v>
      </c>
      <c r="O773">
        <v>1024.7860000000001</v>
      </c>
      <c r="P773">
        <v>0</v>
      </c>
      <c r="Q773">
        <v>0</v>
      </c>
      <c r="R773">
        <v>1070.4590000000001</v>
      </c>
      <c r="S773">
        <v>0</v>
      </c>
      <c r="T773">
        <v>1091.7370000000001</v>
      </c>
      <c r="U773">
        <v>1110.99</v>
      </c>
      <c r="V773">
        <v>1127.7339999999999</v>
      </c>
      <c r="W773">
        <v>1139.174</v>
      </c>
      <c r="X773">
        <v>1142.2260000000001</v>
      </c>
      <c r="Y773">
        <v>1152.9590000000001</v>
      </c>
    </row>
    <row r="774" spans="1:25" x14ac:dyDescent="0.3">
      <c r="A774">
        <v>20.683333334342265</v>
      </c>
      <c r="B774">
        <v>1025.3040000000001</v>
      </c>
      <c r="C774">
        <v>1047.7550000000001</v>
      </c>
      <c r="D774">
        <v>1050.2329999999999</v>
      </c>
      <c r="E774">
        <v>1080.306</v>
      </c>
      <c r="F774">
        <v>1089.607</v>
      </c>
      <c r="G774">
        <v>1097.7639999999999</v>
      </c>
      <c r="H774">
        <v>1111.07</v>
      </c>
      <c r="I774">
        <v>1119.0419999999999</v>
      </c>
      <c r="J774">
        <v>1122.6320000000001</v>
      </c>
      <c r="K774">
        <v>1123.0309999999999</v>
      </c>
      <c r="L774">
        <v>1121.366</v>
      </c>
      <c r="M774">
        <v>1105.116</v>
      </c>
      <c r="N774">
        <v>1013.346</v>
      </c>
      <c r="O774">
        <v>1018.481</v>
      </c>
      <c r="P774">
        <v>0</v>
      </c>
      <c r="Q774">
        <v>0</v>
      </c>
      <c r="R774">
        <v>1075.645</v>
      </c>
      <c r="S774">
        <v>0</v>
      </c>
      <c r="T774">
        <v>1093.4639999999999</v>
      </c>
      <c r="U774">
        <v>1111.4469999999999</v>
      </c>
      <c r="V774">
        <v>1128.877</v>
      </c>
      <c r="W774">
        <v>1142.173</v>
      </c>
      <c r="X774">
        <v>1151.2760000000001</v>
      </c>
      <c r="Y774">
        <v>1153.251</v>
      </c>
    </row>
    <row r="775" spans="1:25" x14ac:dyDescent="0.3">
      <c r="A775">
        <v>20.700000004904965</v>
      </c>
      <c r="B775">
        <v>1025.963</v>
      </c>
      <c r="C775">
        <v>1048.125</v>
      </c>
      <c r="D775">
        <v>1051.1379999999999</v>
      </c>
      <c r="E775">
        <v>1080.0999999999999</v>
      </c>
      <c r="F775">
        <v>1092.508</v>
      </c>
      <c r="G775">
        <v>1100.5650000000001</v>
      </c>
      <c r="H775">
        <v>1115.1880000000001</v>
      </c>
      <c r="I775">
        <v>1125.7249999999999</v>
      </c>
      <c r="J775">
        <v>1127.9079999999999</v>
      </c>
      <c r="K775">
        <v>1126.75</v>
      </c>
      <c r="L775">
        <v>1128.117</v>
      </c>
      <c r="M775">
        <v>1108.953</v>
      </c>
      <c r="N775">
        <v>1003.058</v>
      </c>
      <c r="O775">
        <v>1022.369</v>
      </c>
      <c r="P775">
        <v>0</v>
      </c>
      <c r="Q775">
        <v>0</v>
      </c>
      <c r="R775">
        <v>1076.1110000000001</v>
      </c>
      <c r="S775">
        <v>0</v>
      </c>
      <c r="T775">
        <v>1095.5070000000001</v>
      </c>
      <c r="U775">
        <v>1113.6759999999999</v>
      </c>
      <c r="V775">
        <v>1128.155</v>
      </c>
      <c r="W775">
        <v>1138.491</v>
      </c>
      <c r="X775">
        <v>1151.5050000000001</v>
      </c>
      <c r="Y775">
        <v>1153.768</v>
      </c>
    </row>
    <row r="776" spans="1:25" x14ac:dyDescent="0.3">
      <c r="A776">
        <v>20.733333335552985</v>
      </c>
      <c r="B776">
        <v>1025.1379999999999</v>
      </c>
      <c r="C776">
        <v>1047.7180000000001</v>
      </c>
      <c r="D776">
        <v>1051.877</v>
      </c>
      <c r="E776">
        <v>1079.7270000000001</v>
      </c>
      <c r="F776">
        <v>1091.722</v>
      </c>
      <c r="G776">
        <v>1105.135</v>
      </c>
      <c r="H776">
        <v>1118.9849999999999</v>
      </c>
      <c r="I776">
        <v>1123.3720000000001</v>
      </c>
      <c r="J776">
        <v>1126.4090000000001</v>
      </c>
      <c r="K776">
        <v>1124.454</v>
      </c>
      <c r="L776">
        <v>1124.643</v>
      </c>
      <c r="M776">
        <v>1105.3599999999999</v>
      </c>
      <c r="N776">
        <v>1003.277</v>
      </c>
      <c r="O776">
        <v>1026.6790000000001</v>
      </c>
      <c r="P776">
        <v>0</v>
      </c>
      <c r="Q776">
        <v>0</v>
      </c>
      <c r="R776">
        <v>1076.894</v>
      </c>
      <c r="S776">
        <v>0</v>
      </c>
      <c r="T776">
        <v>1097.895</v>
      </c>
      <c r="U776">
        <v>1115.377</v>
      </c>
      <c r="V776">
        <v>1129.598</v>
      </c>
      <c r="W776">
        <v>1137.9369999999999</v>
      </c>
      <c r="X776">
        <v>1151.1600000000001</v>
      </c>
      <c r="Y776">
        <v>1151.1410000000001</v>
      </c>
    </row>
    <row r="777" spans="1:25" x14ac:dyDescent="0.3">
      <c r="A777">
        <v>20.766666666201004</v>
      </c>
      <c r="B777">
        <v>1025.172</v>
      </c>
      <c r="C777">
        <v>1047.9929999999999</v>
      </c>
      <c r="D777">
        <v>1052.4110000000001</v>
      </c>
      <c r="E777">
        <v>1076.854</v>
      </c>
      <c r="F777">
        <v>1089.4359999999999</v>
      </c>
      <c r="G777">
        <v>1105.433</v>
      </c>
      <c r="H777">
        <v>1121.5899999999999</v>
      </c>
      <c r="I777">
        <v>1128.2670000000001</v>
      </c>
      <c r="J777">
        <v>1123.768</v>
      </c>
      <c r="K777">
        <v>1122.1949999999999</v>
      </c>
      <c r="L777">
        <v>1123.4829999999999</v>
      </c>
      <c r="M777">
        <v>1103.797</v>
      </c>
      <c r="N777">
        <v>1001.905</v>
      </c>
      <c r="O777">
        <v>1028.6099999999999</v>
      </c>
      <c r="P777">
        <v>0</v>
      </c>
      <c r="Q777">
        <v>0</v>
      </c>
      <c r="R777">
        <v>1076.6120000000001</v>
      </c>
      <c r="S777">
        <v>0</v>
      </c>
      <c r="T777">
        <v>1096.877</v>
      </c>
      <c r="U777">
        <v>1112.692</v>
      </c>
      <c r="V777">
        <v>1131.3420000000001</v>
      </c>
      <c r="W777">
        <v>1139.1179999999999</v>
      </c>
      <c r="X777">
        <v>1144.5360000000001</v>
      </c>
      <c r="Y777">
        <v>1154.3599999999999</v>
      </c>
    </row>
    <row r="778" spans="1:25" x14ac:dyDescent="0.3">
      <c r="A778">
        <v>20.783333336763704</v>
      </c>
      <c r="B778">
        <v>1015.9880000000001</v>
      </c>
      <c r="C778">
        <v>1048.2180000000001</v>
      </c>
      <c r="D778">
        <v>1056.604</v>
      </c>
      <c r="E778">
        <v>1080.94</v>
      </c>
      <c r="F778">
        <v>1093.127</v>
      </c>
      <c r="G778">
        <v>1107.336</v>
      </c>
      <c r="H778">
        <v>1120.6489999999999</v>
      </c>
      <c r="I778">
        <v>1122.6890000000001</v>
      </c>
      <c r="J778">
        <v>1118.4380000000001</v>
      </c>
      <c r="K778">
        <v>1117.097</v>
      </c>
      <c r="L778">
        <v>1116.511</v>
      </c>
      <c r="M778">
        <v>1097.7829999999999</v>
      </c>
      <c r="N778">
        <v>1004.466</v>
      </c>
      <c r="O778">
        <v>1027.6189999999999</v>
      </c>
      <c r="P778">
        <v>0</v>
      </c>
      <c r="Q778">
        <v>0</v>
      </c>
      <c r="R778">
        <v>1074.9939999999999</v>
      </c>
      <c r="S778">
        <v>0</v>
      </c>
      <c r="T778">
        <v>1094.7750000000001</v>
      </c>
      <c r="U778">
        <v>1108.7840000000001</v>
      </c>
      <c r="V778">
        <v>1123.373</v>
      </c>
      <c r="W778">
        <v>1136.7750000000001</v>
      </c>
      <c r="X778">
        <v>1147.038</v>
      </c>
      <c r="Y778">
        <v>1152.81</v>
      </c>
    </row>
    <row r="779" spans="1:25" x14ac:dyDescent="0.3">
      <c r="A779">
        <v>20.816666667411724</v>
      </c>
      <c r="B779">
        <v>1015.0890000000001</v>
      </c>
      <c r="C779">
        <v>1046.684</v>
      </c>
      <c r="D779">
        <v>1050.973</v>
      </c>
      <c r="E779">
        <v>1079.299</v>
      </c>
      <c r="F779">
        <v>1091.33</v>
      </c>
      <c r="G779">
        <v>1103.143</v>
      </c>
      <c r="H779">
        <v>1116.3789999999999</v>
      </c>
      <c r="I779">
        <v>1120.1579999999999</v>
      </c>
      <c r="J779">
        <v>1120.328</v>
      </c>
      <c r="K779">
        <v>1123.7139999999999</v>
      </c>
      <c r="L779">
        <v>1127.4159999999999</v>
      </c>
      <c r="M779">
        <v>1111.0509999999999</v>
      </c>
      <c r="N779">
        <v>1012.98</v>
      </c>
      <c r="O779">
        <v>1024.3140000000001</v>
      </c>
      <c r="P779">
        <v>0</v>
      </c>
      <c r="Q779">
        <v>0</v>
      </c>
      <c r="R779">
        <v>1074.6769999999999</v>
      </c>
      <c r="S779">
        <v>0</v>
      </c>
      <c r="T779">
        <v>1094.7190000000001</v>
      </c>
      <c r="U779">
        <v>1113.4880000000001</v>
      </c>
      <c r="V779">
        <v>1130.415</v>
      </c>
      <c r="W779">
        <v>1142.422</v>
      </c>
      <c r="X779">
        <v>1152.1389999999999</v>
      </c>
      <c r="Y779">
        <v>1149.194</v>
      </c>
    </row>
    <row r="780" spans="1:25" x14ac:dyDescent="0.3">
      <c r="A780">
        <v>20.833333337974423</v>
      </c>
      <c r="B780">
        <v>1010.184</v>
      </c>
      <c r="C780">
        <v>1043.2080000000001</v>
      </c>
      <c r="D780">
        <v>1047.127</v>
      </c>
      <c r="E780">
        <v>1073.9680000000001</v>
      </c>
      <c r="F780">
        <v>1085.6949999999999</v>
      </c>
      <c r="G780">
        <v>1099.758</v>
      </c>
      <c r="H780">
        <v>1113.6400000000001</v>
      </c>
      <c r="I780">
        <v>1120.5540000000001</v>
      </c>
      <c r="J780">
        <v>1122.2170000000001</v>
      </c>
      <c r="K780">
        <v>1123.4110000000001</v>
      </c>
      <c r="L780">
        <v>1125.8019999999999</v>
      </c>
      <c r="M780">
        <v>1109.105</v>
      </c>
      <c r="N780">
        <v>999.60599999999999</v>
      </c>
      <c r="O780">
        <v>1024.7170000000001</v>
      </c>
      <c r="P780">
        <v>0</v>
      </c>
      <c r="Q780">
        <v>0</v>
      </c>
      <c r="R780">
        <v>1071.5450000000001</v>
      </c>
      <c r="S780">
        <v>0</v>
      </c>
      <c r="T780">
        <v>1093.277</v>
      </c>
      <c r="U780">
        <v>1113.47</v>
      </c>
      <c r="V780">
        <v>1130.472</v>
      </c>
      <c r="W780">
        <v>1138.587</v>
      </c>
      <c r="X780">
        <v>1150.53</v>
      </c>
      <c r="Y780">
        <v>1152.5419999999999</v>
      </c>
    </row>
    <row r="781" spans="1:25" x14ac:dyDescent="0.3">
      <c r="A781">
        <v>20.866666668622443</v>
      </c>
      <c r="B781">
        <v>1004.21</v>
      </c>
      <c r="C781">
        <v>1044.798</v>
      </c>
      <c r="D781">
        <v>1045.981</v>
      </c>
      <c r="E781">
        <v>1074.3599999999999</v>
      </c>
      <c r="F781">
        <v>1087.192</v>
      </c>
      <c r="G781">
        <v>1107.5050000000001</v>
      </c>
      <c r="H781">
        <v>1123.5250000000001</v>
      </c>
      <c r="I781">
        <v>1127.3969999999999</v>
      </c>
      <c r="J781">
        <v>1129.5989999999999</v>
      </c>
      <c r="K781">
        <v>1123.5820000000001</v>
      </c>
      <c r="L781">
        <v>1123.904</v>
      </c>
      <c r="M781">
        <v>1105.963</v>
      </c>
      <c r="N781">
        <v>987.00900000000001</v>
      </c>
      <c r="O781">
        <v>1021.178</v>
      </c>
      <c r="P781">
        <v>0</v>
      </c>
      <c r="Q781">
        <v>0</v>
      </c>
      <c r="R781">
        <v>1072.123</v>
      </c>
      <c r="S781">
        <v>0</v>
      </c>
      <c r="T781">
        <v>1094.0630000000001</v>
      </c>
      <c r="U781">
        <v>1117.229</v>
      </c>
      <c r="V781">
        <v>1133.9459999999999</v>
      </c>
      <c r="W781">
        <v>1134.326</v>
      </c>
      <c r="X781">
        <v>1146.5999999999999</v>
      </c>
      <c r="Y781">
        <v>1157.22</v>
      </c>
    </row>
    <row r="782" spans="1:25" x14ac:dyDescent="0.3">
      <c r="A782">
        <v>20.899999999270463</v>
      </c>
      <c r="B782">
        <v>1007.264</v>
      </c>
      <c r="C782">
        <v>1043.47</v>
      </c>
      <c r="D782">
        <v>1049.7919999999999</v>
      </c>
      <c r="E782">
        <v>1073.598</v>
      </c>
      <c r="F782">
        <v>1090.9770000000001</v>
      </c>
      <c r="G782">
        <v>1106.7750000000001</v>
      </c>
      <c r="H782">
        <v>1119.405</v>
      </c>
      <c r="I782">
        <v>1121.3699999999999</v>
      </c>
      <c r="J782">
        <v>1122.087</v>
      </c>
      <c r="K782">
        <v>1118.0440000000001</v>
      </c>
      <c r="L782">
        <v>1118.1199999999999</v>
      </c>
      <c r="M782">
        <v>1100.174</v>
      </c>
      <c r="N782">
        <v>1010.516</v>
      </c>
      <c r="O782">
        <v>1020.3920000000001</v>
      </c>
      <c r="P782">
        <v>0</v>
      </c>
      <c r="Q782">
        <v>0</v>
      </c>
      <c r="R782">
        <v>1071.79</v>
      </c>
      <c r="S782">
        <v>0</v>
      </c>
      <c r="T782">
        <v>1094.9280000000001</v>
      </c>
      <c r="U782">
        <v>1116.212</v>
      </c>
      <c r="V782">
        <v>1131.2909999999999</v>
      </c>
      <c r="W782">
        <v>1132.0129999999999</v>
      </c>
      <c r="X782">
        <v>1141.8140000000001</v>
      </c>
      <c r="Y782">
        <v>1151.528</v>
      </c>
    </row>
    <row r="783" spans="1:25" x14ac:dyDescent="0.3">
      <c r="A783">
        <v>20.916666669833162</v>
      </c>
      <c r="B783">
        <v>1012.798</v>
      </c>
      <c r="C783">
        <v>1044.577</v>
      </c>
      <c r="D783">
        <v>1053.2470000000001</v>
      </c>
      <c r="E783">
        <v>1079.319</v>
      </c>
      <c r="F783">
        <v>1094.308</v>
      </c>
      <c r="G783">
        <v>1106.19</v>
      </c>
      <c r="H783">
        <v>1118.723</v>
      </c>
      <c r="I783">
        <v>1116.4179999999999</v>
      </c>
      <c r="J783">
        <v>1116.021</v>
      </c>
      <c r="K783">
        <v>1115.662</v>
      </c>
      <c r="L783">
        <v>1118.9680000000001</v>
      </c>
      <c r="M783">
        <v>1102.0909999999999</v>
      </c>
      <c r="N783">
        <v>1010.149</v>
      </c>
      <c r="O783">
        <v>1021.711</v>
      </c>
      <c r="P783">
        <v>0</v>
      </c>
      <c r="Q783">
        <v>0</v>
      </c>
      <c r="R783">
        <v>1073.69</v>
      </c>
      <c r="S783">
        <v>0</v>
      </c>
      <c r="T783">
        <v>1093.278</v>
      </c>
      <c r="U783">
        <v>1112.7909999999999</v>
      </c>
      <c r="V783">
        <v>1128.8979999999999</v>
      </c>
      <c r="W783">
        <v>1134.5360000000001</v>
      </c>
      <c r="X783">
        <v>1146.048</v>
      </c>
      <c r="Y783">
        <v>1156.5889999999999</v>
      </c>
    </row>
    <row r="784" spans="1:25" x14ac:dyDescent="0.3">
      <c r="A784">
        <v>20.950000000481182</v>
      </c>
      <c r="B784">
        <v>1015.162</v>
      </c>
      <c r="C784">
        <v>1043.7080000000001</v>
      </c>
      <c r="D784">
        <v>1051.509</v>
      </c>
      <c r="E784">
        <v>1077.249</v>
      </c>
      <c r="F784">
        <v>1091.068</v>
      </c>
      <c r="G784">
        <v>1099.9459999999999</v>
      </c>
      <c r="H784">
        <v>1116.2280000000001</v>
      </c>
      <c r="I784">
        <v>1115.434</v>
      </c>
      <c r="J784">
        <v>1114.981</v>
      </c>
      <c r="K784">
        <v>1118.4010000000001</v>
      </c>
      <c r="L784">
        <v>1122.6510000000001</v>
      </c>
      <c r="M784">
        <v>1103.913</v>
      </c>
      <c r="N784">
        <v>997.36599999999999</v>
      </c>
      <c r="O784">
        <v>1025.5239999999999</v>
      </c>
      <c r="P784">
        <v>0</v>
      </c>
      <c r="Q784">
        <v>0</v>
      </c>
      <c r="R784">
        <v>1070.557</v>
      </c>
      <c r="S784">
        <v>0</v>
      </c>
      <c r="T784">
        <v>1090.45</v>
      </c>
      <c r="U784">
        <v>1109.4639999999999</v>
      </c>
      <c r="V784">
        <v>1124.4169999999999</v>
      </c>
      <c r="W784">
        <v>1130.0170000000001</v>
      </c>
      <c r="X784">
        <v>1146.5999999999999</v>
      </c>
      <c r="Y784">
        <v>1156.798</v>
      </c>
    </row>
    <row r="785" spans="1:25" x14ac:dyDescent="0.3">
      <c r="A785">
        <v>20.966666671043882</v>
      </c>
      <c r="B785">
        <v>1014.503</v>
      </c>
      <c r="C785">
        <v>1043.893</v>
      </c>
      <c r="D785">
        <v>1050.1420000000001</v>
      </c>
      <c r="E785">
        <v>1079.002</v>
      </c>
      <c r="F785">
        <v>1092.885</v>
      </c>
      <c r="G785">
        <v>1103.877</v>
      </c>
      <c r="H785">
        <v>1116.172</v>
      </c>
      <c r="I785">
        <v>1115.9079999999999</v>
      </c>
      <c r="J785">
        <v>1116.9659999999999</v>
      </c>
      <c r="K785">
        <v>1117.174</v>
      </c>
      <c r="L785">
        <v>1119.7239999999999</v>
      </c>
      <c r="M785">
        <v>1100.9059999999999</v>
      </c>
      <c r="N785">
        <v>998.84199999999998</v>
      </c>
      <c r="O785">
        <v>1023.581</v>
      </c>
      <c r="P785">
        <v>0</v>
      </c>
      <c r="Q785">
        <v>0</v>
      </c>
      <c r="R785">
        <v>1070.26</v>
      </c>
      <c r="S785">
        <v>0</v>
      </c>
      <c r="T785">
        <v>1090.058</v>
      </c>
      <c r="U785">
        <v>1111.1659999999999</v>
      </c>
      <c r="V785">
        <v>1128.347</v>
      </c>
      <c r="W785">
        <v>1129.239</v>
      </c>
      <c r="X785">
        <v>1141.9459999999999</v>
      </c>
      <c r="Y785">
        <v>1156.665</v>
      </c>
    </row>
    <row r="786" spans="1:25" x14ac:dyDescent="0.3">
      <c r="A786">
        <v>21.000000001691902</v>
      </c>
      <c r="B786">
        <v>1011.299</v>
      </c>
      <c r="C786">
        <v>1043.5229999999999</v>
      </c>
      <c r="D786">
        <v>1052.1010000000001</v>
      </c>
      <c r="E786">
        <v>1075.646</v>
      </c>
      <c r="F786">
        <v>1090.825</v>
      </c>
      <c r="G786">
        <v>1108.183</v>
      </c>
      <c r="H786">
        <v>1118.798</v>
      </c>
      <c r="I786">
        <v>1116.3420000000001</v>
      </c>
      <c r="J786">
        <v>1117.8340000000001</v>
      </c>
      <c r="K786">
        <v>1116.72</v>
      </c>
      <c r="L786">
        <v>1119.0250000000001</v>
      </c>
      <c r="M786">
        <v>1098.799</v>
      </c>
      <c r="N786">
        <v>997.80399999999997</v>
      </c>
      <c r="O786">
        <v>1018.647</v>
      </c>
      <c r="P786">
        <v>0</v>
      </c>
      <c r="Q786">
        <v>0</v>
      </c>
      <c r="R786">
        <v>1066.0889999999999</v>
      </c>
      <c r="S786">
        <v>0</v>
      </c>
      <c r="T786">
        <v>1089.252</v>
      </c>
      <c r="U786">
        <v>1107.9010000000001</v>
      </c>
      <c r="V786">
        <v>1123.5820000000001</v>
      </c>
      <c r="W786">
        <v>1129.732</v>
      </c>
      <c r="X786">
        <v>1144.4639999999999</v>
      </c>
      <c r="Y786">
        <v>1154.326</v>
      </c>
    </row>
    <row r="787" spans="1:25" x14ac:dyDescent="0.3">
      <c r="A787">
        <v>21.033333332339922</v>
      </c>
      <c r="B787">
        <v>1011.263</v>
      </c>
      <c r="C787">
        <v>1041.7860000000001</v>
      </c>
      <c r="D787">
        <v>1049.4760000000001</v>
      </c>
      <c r="E787">
        <v>1071.3219999999999</v>
      </c>
      <c r="F787">
        <v>1085.527</v>
      </c>
      <c r="G787">
        <v>1104.6659999999999</v>
      </c>
      <c r="H787">
        <v>1117.2860000000001</v>
      </c>
      <c r="I787">
        <v>1118.288</v>
      </c>
      <c r="J787">
        <v>1118.5329999999999</v>
      </c>
      <c r="K787">
        <v>1116.2470000000001</v>
      </c>
      <c r="L787">
        <v>1115.662</v>
      </c>
      <c r="M787">
        <v>1097.2570000000001</v>
      </c>
      <c r="N787">
        <v>1019.986</v>
      </c>
      <c r="O787">
        <v>1024.1679999999999</v>
      </c>
      <c r="P787">
        <v>0</v>
      </c>
      <c r="Q787">
        <v>0</v>
      </c>
      <c r="R787">
        <v>1066.8499999999999</v>
      </c>
      <c r="S787">
        <v>0</v>
      </c>
      <c r="T787">
        <v>1091.143</v>
      </c>
      <c r="U787">
        <v>1111.5619999999999</v>
      </c>
      <c r="V787">
        <v>1129.087</v>
      </c>
      <c r="W787">
        <v>1131.194</v>
      </c>
      <c r="X787">
        <v>1140.2280000000001</v>
      </c>
      <c r="Y787">
        <v>1154.69</v>
      </c>
    </row>
    <row r="788" spans="1:25" x14ac:dyDescent="0.3">
      <c r="A788">
        <v>21.050000002902621</v>
      </c>
      <c r="B788">
        <v>1010.023</v>
      </c>
      <c r="C788">
        <v>1041.0119999999999</v>
      </c>
      <c r="D788">
        <v>1045.596</v>
      </c>
      <c r="E788">
        <v>1070.654</v>
      </c>
      <c r="F788">
        <v>1085.4169999999999</v>
      </c>
      <c r="G788">
        <v>1101.999</v>
      </c>
      <c r="H788">
        <v>1109.94</v>
      </c>
      <c r="I788">
        <v>1111.6969999999999</v>
      </c>
      <c r="J788">
        <v>1112.6980000000001</v>
      </c>
      <c r="K788">
        <v>1113.3599999999999</v>
      </c>
      <c r="L788">
        <v>1112.604</v>
      </c>
      <c r="M788">
        <v>1095.643</v>
      </c>
      <c r="N788">
        <v>1012.508</v>
      </c>
      <c r="O788">
        <v>1029.961</v>
      </c>
      <c r="P788">
        <v>0</v>
      </c>
      <c r="Q788">
        <v>0</v>
      </c>
      <c r="R788">
        <v>1068.883</v>
      </c>
      <c r="S788">
        <v>0</v>
      </c>
      <c r="T788">
        <v>1089.5730000000001</v>
      </c>
      <c r="U788">
        <v>1106.944</v>
      </c>
      <c r="V788">
        <v>1125.1410000000001</v>
      </c>
      <c r="W788">
        <v>1137.3309999999999</v>
      </c>
      <c r="X788">
        <v>1154.904</v>
      </c>
      <c r="Y788">
        <v>1155.479</v>
      </c>
    </row>
    <row r="789" spans="1:25" x14ac:dyDescent="0.3">
      <c r="A789">
        <v>21.083333333550641</v>
      </c>
      <c r="B789">
        <v>1005.986</v>
      </c>
      <c r="C789">
        <v>1040.809</v>
      </c>
      <c r="D789">
        <v>1044.395</v>
      </c>
      <c r="E789">
        <v>1067.7280000000001</v>
      </c>
      <c r="F789">
        <v>1081.374</v>
      </c>
      <c r="G789">
        <v>1103.9359999999999</v>
      </c>
      <c r="H789">
        <v>1113.4169999999999</v>
      </c>
      <c r="I789">
        <v>1124.7239999999999</v>
      </c>
      <c r="J789">
        <v>1120.9929999999999</v>
      </c>
      <c r="K789">
        <v>1118.7449999999999</v>
      </c>
      <c r="L789">
        <v>1121.068</v>
      </c>
      <c r="M789">
        <v>1100.796</v>
      </c>
      <c r="N789">
        <v>1008.069</v>
      </c>
      <c r="O789">
        <v>1019.0170000000001</v>
      </c>
      <c r="P789">
        <v>0</v>
      </c>
      <c r="Q789">
        <v>0</v>
      </c>
      <c r="R789">
        <v>1069.703</v>
      </c>
      <c r="S789">
        <v>0</v>
      </c>
      <c r="T789">
        <v>1092.008</v>
      </c>
      <c r="U789">
        <v>1109.9590000000001</v>
      </c>
      <c r="V789">
        <v>1128.4829999999999</v>
      </c>
      <c r="W789">
        <v>1139.125</v>
      </c>
      <c r="X789">
        <v>1155.019</v>
      </c>
      <c r="Y789">
        <v>1155.096</v>
      </c>
    </row>
    <row r="790" spans="1:25" x14ac:dyDescent="0.3">
      <c r="A790">
        <v>21.10000000411334</v>
      </c>
      <c r="B790">
        <v>1000.193</v>
      </c>
      <c r="C790">
        <v>1039.829</v>
      </c>
      <c r="D790">
        <v>1041.3630000000001</v>
      </c>
      <c r="E790">
        <v>1066.982</v>
      </c>
      <c r="F790">
        <v>1082.1220000000001</v>
      </c>
      <c r="G790">
        <v>1102.5619999999999</v>
      </c>
      <c r="H790">
        <v>1118.479</v>
      </c>
      <c r="I790">
        <v>1129.184</v>
      </c>
      <c r="J790">
        <v>1125.9570000000001</v>
      </c>
      <c r="K790">
        <v>1123.6220000000001</v>
      </c>
      <c r="L790">
        <v>1120.614</v>
      </c>
      <c r="M790">
        <v>1100.4559999999999</v>
      </c>
      <c r="N790">
        <v>994.93</v>
      </c>
      <c r="O790">
        <v>1018.888</v>
      </c>
      <c r="P790">
        <v>0</v>
      </c>
      <c r="Q790">
        <v>0</v>
      </c>
      <c r="R790">
        <v>1066.221</v>
      </c>
      <c r="S790">
        <v>0</v>
      </c>
      <c r="T790">
        <v>1092.3620000000001</v>
      </c>
      <c r="U790">
        <v>1113.2460000000001</v>
      </c>
      <c r="V790">
        <v>1126.451</v>
      </c>
      <c r="W790">
        <v>1132.259</v>
      </c>
      <c r="X790">
        <v>1146.011</v>
      </c>
      <c r="Y790">
        <v>1157.223</v>
      </c>
    </row>
    <row r="791" spans="1:25" x14ac:dyDescent="0.3">
      <c r="A791">
        <v>21.13333333476136</v>
      </c>
      <c r="B791">
        <v>1005.053</v>
      </c>
      <c r="C791">
        <v>1039.3869999999999</v>
      </c>
      <c r="D791">
        <v>1043.7840000000001</v>
      </c>
      <c r="E791">
        <v>1067.1489999999999</v>
      </c>
      <c r="F791">
        <v>1081.0920000000001</v>
      </c>
      <c r="G791">
        <v>1101.2270000000001</v>
      </c>
      <c r="H791">
        <v>1118.7429999999999</v>
      </c>
      <c r="I791">
        <v>1123.5650000000001</v>
      </c>
      <c r="J791">
        <v>1119.1780000000001</v>
      </c>
      <c r="K791">
        <v>1117.194</v>
      </c>
      <c r="L791">
        <v>1115.8340000000001</v>
      </c>
      <c r="M791">
        <v>1098.6890000000001</v>
      </c>
      <c r="N791">
        <v>996.73199999999997</v>
      </c>
      <c r="O791">
        <v>1018.98</v>
      </c>
      <c r="P791">
        <v>0</v>
      </c>
      <c r="Q791">
        <v>0</v>
      </c>
      <c r="R791">
        <v>1065.0519999999999</v>
      </c>
      <c r="S791">
        <v>0</v>
      </c>
      <c r="T791">
        <v>1091.576</v>
      </c>
      <c r="U791">
        <v>1114.077</v>
      </c>
      <c r="V791">
        <v>1133.55</v>
      </c>
      <c r="W791">
        <v>1132.221</v>
      </c>
      <c r="X791">
        <v>1142.1379999999999</v>
      </c>
      <c r="Y791">
        <v>1153.4459999999999</v>
      </c>
    </row>
    <row r="792" spans="1:25" x14ac:dyDescent="0.3">
      <c r="A792">
        <v>21.16666666540938</v>
      </c>
      <c r="B792">
        <v>1006.407</v>
      </c>
      <c r="C792">
        <v>1041.0129999999999</v>
      </c>
      <c r="D792">
        <v>1046.9100000000001</v>
      </c>
      <c r="E792">
        <v>1068.1569999999999</v>
      </c>
      <c r="F792">
        <v>1082.779</v>
      </c>
      <c r="G792">
        <v>1099.2550000000001</v>
      </c>
      <c r="H792">
        <v>1118.7650000000001</v>
      </c>
      <c r="I792">
        <v>1126.7760000000001</v>
      </c>
      <c r="J792">
        <v>1124.0229999999999</v>
      </c>
      <c r="K792">
        <v>1121.3910000000001</v>
      </c>
      <c r="L792">
        <v>1120.3520000000001</v>
      </c>
      <c r="M792">
        <v>1098.07</v>
      </c>
      <c r="N792">
        <v>996.91600000000005</v>
      </c>
      <c r="O792">
        <v>1019.349</v>
      </c>
      <c r="P792">
        <v>0</v>
      </c>
      <c r="Q792">
        <v>0</v>
      </c>
      <c r="R792">
        <v>1068.866</v>
      </c>
      <c r="S792">
        <v>0</v>
      </c>
      <c r="T792">
        <v>1095.155</v>
      </c>
      <c r="U792">
        <v>1120.125</v>
      </c>
      <c r="V792">
        <v>1137.4090000000001</v>
      </c>
      <c r="W792">
        <v>1135.0899999999999</v>
      </c>
      <c r="X792">
        <v>1142.1220000000001</v>
      </c>
      <c r="Y792">
        <v>1150.8789999999999</v>
      </c>
    </row>
    <row r="793" spans="1:25" x14ac:dyDescent="0.3">
      <c r="A793">
        <v>21.18333333597208</v>
      </c>
      <c r="B793">
        <v>1013.7910000000001</v>
      </c>
      <c r="C793">
        <v>1038.836</v>
      </c>
      <c r="D793">
        <v>1049.183</v>
      </c>
      <c r="E793">
        <v>1070.393</v>
      </c>
      <c r="F793">
        <v>1085.4179999999999</v>
      </c>
      <c r="G793">
        <v>1101.097</v>
      </c>
      <c r="H793">
        <v>1118.48</v>
      </c>
      <c r="I793">
        <v>1129.223</v>
      </c>
      <c r="J793">
        <v>1124.0409999999999</v>
      </c>
      <c r="K793">
        <v>1120.7470000000001</v>
      </c>
      <c r="L793">
        <v>1122.674</v>
      </c>
      <c r="M793">
        <v>1101.454</v>
      </c>
      <c r="N793">
        <v>995.55</v>
      </c>
      <c r="O793">
        <v>1025.106</v>
      </c>
      <c r="P793">
        <v>0</v>
      </c>
      <c r="Q793">
        <v>0</v>
      </c>
      <c r="R793">
        <v>1072.0340000000001</v>
      </c>
      <c r="S793">
        <v>0</v>
      </c>
      <c r="T793">
        <v>1091.989</v>
      </c>
      <c r="U793">
        <v>1114.569</v>
      </c>
      <c r="V793">
        <v>1130.704</v>
      </c>
      <c r="W793">
        <v>1130.172</v>
      </c>
      <c r="X793">
        <v>1136.3610000000001</v>
      </c>
      <c r="Y793">
        <v>1150.82</v>
      </c>
    </row>
    <row r="794" spans="1:25" x14ac:dyDescent="0.3">
      <c r="A794">
        <v>21.2166666666201</v>
      </c>
      <c r="B794">
        <v>1014.597</v>
      </c>
      <c r="C794">
        <v>1039.2950000000001</v>
      </c>
      <c r="D794">
        <v>1046.1880000000001</v>
      </c>
      <c r="E794">
        <v>1068.6780000000001</v>
      </c>
      <c r="F794">
        <v>1088.712</v>
      </c>
      <c r="G794">
        <v>1106.173</v>
      </c>
      <c r="H794">
        <v>1118.895</v>
      </c>
      <c r="I794">
        <v>1128.0840000000001</v>
      </c>
      <c r="J794">
        <v>1122.201</v>
      </c>
      <c r="K794">
        <v>1121.124</v>
      </c>
      <c r="L794">
        <v>1123.604</v>
      </c>
      <c r="M794">
        <v>1103.4280000000001</v>
      </c>
      <c r="N794">
        <v>1004.323</v>
      </c>
      <c r="O794">
        <v>1022.373</v>
      </c>
      <c r="P794">
        <v>0</v>
      </c>
      <c r="Q794">
        <v>0</v>
      </c>
      <c r="R794">
        <v>1072.9839999999999</v>
      </c>
      <c r="S794">
        <v>0</v>
      </c>
      <c r="T794">
        <v>1094.741</v>
      </c>
      <c r="U794">
        <v>1116.326</v>
      </c>
      <c r="V794">
        <v>1130.3620000000001</v>
      </c>
      <c r="W794">
        <v>1130.5319999999999</v>
      </c>
      <c r="X794">
        <v>1137.5029999999999</v>
      </c>
      <c r="Y794">
        <v>1151.912</v>
      </c>
    </row>
    <row r="795" spans="1:25" x14ac:dyDescent="0.3">
      <c r="A795">
        <v>21.24999999726812</v>
      </c>
      <c r="B795">
        <v>1019.514</v>
      </c>
      <c r="C795">
        <v>1041.143</v>
      </c>
      <c r="D795">
        <v>1046.596</v>
      </c>
      <c r="E795">
        <v>1072.8920000000001</v>
      </c>
      <c r="F795">
        <v>1093.039</v>
      </c>
      <c r="G795">
        <v>1111.2449999999999</v>
      </c>
      <c r="H795">
        <v>1122.0899999999999</v>
      </c>
      <c r="I795">
        <v>1128.617</v>
      </c>
      <c r="J795">
        <v>1126.3389999999999</v>
      </c>
      <c r="K795">
        <v>1121.598</v>
      </c>
      <c r="L795">
        <v>1123.3969999999999</v>
      </c>
      <c r="M795">
        <v>1105.1220000000001</v>
      </c>
      <c r="N795">
        <v>1008.198</v>
      </c>
      <c r="O795">
        <v>1026.336</v>
      </c>
      <c r="P795">
        <v>0</v>
      </c>
      <c r="Q795">
        <v>0</v>
      </c>
      <c r="R795">
        <v>1072.4449999999999</v>
      </c>
      <c r="S795">
        <v>0</v>
      </c>
      <c r="T795">
        <v>1099.2739999999999</v>
      </c>
      <c r="U795">
        <v>1121.3340000000001</v>
      </c>
      <c r="V795">
        <v>1130.838</v>
      </c>
      <c r="W795">
        <v>1130.325</v>
      </c>
      <c r="X795">
        <v>1138.402</v>
      </c>
      <c r="Y795">
        <v>1156.2860000000001</v>
      </c>
    </row>
    <row r="796" spans="1:25" x14ac:dyDescent="0.3">
      <c r="A796">
        <v>21.266666667830819</v>
      </c>
      <c r="B796">
        <v>1022.006</v>
      </c>
      <c r="C796">
        <v>1042.5830000000001</v>
      </c>
      <c r="D796">
        <v>1046.558</v>
      </c>
      <c r="E796">
        <v>1067.4849999999999</v>
      </c>
      <c r="F796">
        <v>1092.7750000000001</v>
      </c>
      <c r="G796">
        <v>1109.222</v>
      </c>
      <c r="H796">
        <v>1120.7090000000001</v>
      </c>
      <c r="I796">
        <v>1124.097</v>
      </c>
      <c r="J796">
        <v>1122.069</v>
      </c>
      <c r="K796">
        <v>1122.3900000000001</v>
      </c>
      <c r="L796">
        <v>1122.788</v>
      </c>
      <c r="M796">
        <v>1102.807</v>
      </c>
      <c r="N796">
        <v>1007.3920000000001</v>
      </c>
      <c r="O796">
        <v>1027.825</v>
      </c>
      <c r="P796">
        <v>0</v>
      </c>
      <c r="Q796">
        <v>0</v>
      </c>
      <c r="R796">
        <v>1071.9960000000001</v>
      </c>
      <c r="S796">
        <v>0</v>
      </c>
      <c r="T796">
        <v>1097.674</v>
      </c>
      <c r="U796">
        <v>1117.346</v>
      </c>
      <c r="V796">
        <v>1132.203</v>
      </c>
      <c r="W796">
        <v>1133.5889999999999</v>
      </c>
      <c r="X796">
        <v>1140.06</v>
      </c>
      <c r="Y796">
        <v>1153.3889999999999</v>
      </c>
    </row>
    <row r="797" spans="1:25" x14ac:dyDescent="0.3">
      <c r="A797">
        <v>21.299999998478839</v>
      </c>
      <c r="B797">
        <v>1018.3049999999999</v>
      </c>
      <c r="C797">
        <v>1043.7149999999999</v>
      </c>
      <c r="D797">
        <v>1049.556</v>
      </c>
      <c r="E797">
        <v>1068.8119999999999</v>
      </c>
      <c r="F797">
        <v>1092.779</v>
      </c>
      <c r="G797">
        <v>1108.98</v>
      </c>
      <c r="H797">
        <v>1121.96</v>
      </c>
      <c r="I797">
        <v>1125.962</v>
      </c>
      <c r="J797">
        <v>1119.9949999999999</v>
      </c>
      <c r="K797">
        <v>1119.069</v>
      </c>
      <c r="L797">
        <v>1120.184</v>
      </c>
      <c r="M797">
        <v>1104.5039999999999</v>
      </c>
      <c r="N797">
        <v>998.702</v>
      </c>
      <c r="O797">
        <v>1029.799</v>
      </c>
      <c r="P797">
        <v>0</v>
      </c>
      <c r="Q797">
        <v>0</v>
      </c>
      <c r="R797">
        <v>1074.8510000000001</v>
      </c>
      <c r="S797">
        <v>0</v>
      </c>
      <c r="T797">
        <v>1097.2829999999999</v>
      </c>
      <c r="U797">
        <v>1121.223</v>
      </c>
      <c r="V797">
        <v>1135.415</v>
      </c>
      <c r="W797">
        <v>1138.9190000000001</v>
      </c>
      <c r="X797">
        <v>1142.925</v>
      </c>
      <c r="Y797">
        <v>1157.8789999999999</v>
      </c>
    </row>
    <row r="798" spans="1:25" x14ac:dyDescent="0.3">
      <c r="A798">
        <v>21.316666669041538</v>
      </c>
      <c r="B798">
        <v>1021.7140000000001</v>
      </c>
      <c r="C798">
        <v>1043.1569999999999</v>
      </c>
      <c r="D798">
        <v>1048.3699999999999</v>
      </c>
      <c r="E798">
        <v>1069.462</v>
      </c>
      <c r="F798">
        <v>1092.9259999999999</v>
      </c>
      <c r="G798">
        <v>1109.865</v>
      </c>
      <c r="H798">
        <v>1122.808</v>
      </c>
      <c r="I798">
        <v>1128.4649999999999</v>
      </c>
      <c r="J798">
        <v>1121.673</v>
      </c>
      <c r="K798">
        <v>1116.7049999999999</v>
      </c>
      <c r="L798">
        <v>1114.9480000000001</v>
      </c>
      <c r="M798">
        <v>1098.201</v>
      </c>
      <c r="N798">
        <v>997.46199999999999</v>
      </c>
      <c r="O798">
        <v>1026.74</v>
      </c>
      <c r="P798">
        <v>0</v>
      </c>
      <c r="Q798">
        <v>0</v>
      </c>
      <c r="R798">
        <v>1073.115</v>
      </c>
      <c r="S798">
        <v>0</v>
      </c>
      <c r="T798">
        <v>1097.5999999999999</v>
      </c>
      <c r="U798">
        <v>1122.922</v>
      </c>
      <c r="V798">
        <v>1141.1099999999999</v>
      </c>
      <c r="W798">
        <v>1141.3009999999999</v>
      </c>
      <c r="X798">
        <v>1149.1990000000001</v>
      </c>
      <c r="Y798">
        <v>1155.442</v>
      </c>
    </row>
    <row r="799" spans="1:25" x14ac:dyDescent="0.3">
      <c r="A799">
        <v>21.349999999689558</v>
      </c>
      <c r="B799">
        <v>1007.686</v>
      </c>
      <c r="C799">
        <v>1042.123</v>
      </c>
      <c r="D799">
        <v>1050.626</v>
      </c>
      <c r="E799">
        <v>1070.077</v>
      </c>
      <c r="F799">
        <v>1092.009</v>
      </c>
      <c r="G799">
        <v>1107.021</v>
      </c>
      <c r="H799">
        <v>1121.674</v>
      </c>
      <c r="I799">
        <v>1129.319</v>
      </c>
      <c r="J799">
        <v>1123.2449999999999</v>
      </c>
      <c r="K799">
        <v>1116.5730000000001</v>
      </c>
      <c r="L799">
        <v>1113.4369999999999</v>
      </c>
      <c r="M799">
        <v>1095.4939999999999</v>
      </c>
      <c r="N799">
        <v>987.81500000000005</v>
      </c>
      <c r="O799">
        <v>1025.0709999999999</v>
      </c>
      <c r="P799">
        <v>0</v>
      </c>
      <c r="Q799">
        <v>0</v>
      </c>
      <c r="R799">
        <v>1070.8789999999999</v>
      </c>
      <c r="S799">
        <v>0</v>
      </c>
      <c r="T799">
        <v>1094.9110000000001</v>
      </c>
      <c r="U799">
        <v>1119.2180000000001</v>
      </c>
      <c r="V799">
        <v>1141.816</v>
      </c>
      <c r="W799">
        <v>1141.931</v>
      </c>
      <c r="X799">
        <v>1149.4659999999999</v>
      </c>
      <c r="Y799">
        <v>1156.3820000000001</v>
      </c>
    </row>
    <row r="800" spans="1:25" x14ac:dyDescent="0.3">
      <c r="A800">
        <v>21.383333330337578</v>
      </c>
      <c r="B800">
        <v>1007.177</v>
      </c>
      <c r="C800">
        <v>1036.924</v>
      </c>
      <c r="D800">
        <v>1046.192</v>
      </c>
      <c r="E800">
        <v>1067.8610000000001</v>
      </c>
      <c r="F800">
        <v>1085.2529999999999</v>
      </c>
      <c r="G800">
        <v>1101.9269999999999</v>
      </c>
      <c r="H800">
        <v>1116.0840000000001</v>
      </c>
      <c r="I800">
        <v>1122.981</v>
      </c>
      <c r="J800">
        <v>1118.54</v>
      </c>
      <c r="K800">
        <v>1116.6510000000001</v>
      </c>
      <c r="L800">
        <v>1116.5940000000001</v>
      </c>
      <c r="M800">
        <v>1096.136</v>
      </c>
      <c r="N800">
        <v>991.09299999999996</v>
      </c>
      <c r="O800">
        <v>1023.991</v>
      </c>
      <c r="P800">
        <v>0</v>
      </c>
      <c r="Q800">
        <v>0</v>
      </c>
      <c r="R800">
        <v>1070.08</v>
      </c>
      <c r="S800">
        <v>0</v>
      </c>
      <c r="T800">
        <v>1091</v>
      </c>
      <c r="U800">
        <v>1114.1189999999999</v>
      </c>
      <c r="V800">
        <v>1137.4690000000001</v>
      </c>
      <c r="W800">
        <v>1137.8510000000001</v>
      </c>
      <c r="X800">
        <v>1149.6780000000001</v>
      </c>
      <c r="Y800">
        <v>1154.3900000000001</v>
      </c>
    </row>
    <row r="801" spans="1:25" x14ac:dyDescent="0.3">
      <c r="A801">
        <v>21.400000000900278</v>
      </c>
      <c r="B801">
        <v>1014.269</v>
      </c>
      <c r="C801">
        <v>1037.4010000000001</v>
      </c>
      <c r="D801">
        <v>1044.193</v>
      </c>
      <c r="E801">
        <v>1067.2070000000001</v>
      </c>
      <c r="F801">
        <v>1082.704</v>
      </c>
      <c r="G801">
        <v>1097.337</v>
      </c>
      <c r="H801">
        <v>1111.566</v>
      </c>
      <c r="I801">
        <v>1118.3869999999999</v>
      </c>
      <c r="J801">
        <v>1116.932</v>
      </c>
      <c r="K801">
        <v>1117.6690000000001</v>
      </c>
      <c r="L801">
        <v>1120.559</v>
      </c>
      <c r="M801">
        <v>1100.327</v>
      </c>
      <c r="N801">
        <v>995.22299999999996</v>
      </c>
      <c r="O801">
        <v>1019.917</v>
      </c>
      <c r="P801">
        <v>0</v>
      </c>
      <c r="Q801">
        <v>0</v>
      </c>
      <c r="R801">
        <v>1071.923</v>
      </c>
      <c r="S801">
        <v>0</v>
      </c>
      <c r="T801">
        <v>1091.298</v>
      </c>
      <c r="U801">
        <v>1116.0060000000001</v>
      </c>
      <c r="V801">
        <v>1129.7560000000001</v>
      </c>
      <c r="W801">
        <v>1130.098</v>
      </c>
      <c r="X801">
        <v>1144.048</v>
      </c>
      <c r="Y801">
        <v>1155.155</v>
      </c>
    </row>
    <row r="802" spans="1:25" x14ac:dyDescent="0.3">
      <c r="A802">
        <v>21.433333331548297</v>
      </c>
      <c r="B802">
        <v>1018.835</v>
      </c>
      <c r="C802">
        <v>1038.6890000000001</v>
      </c>
      <c r="D802">
        <v>1044.211</v>
      </c>
      <c r="E802">
        <v>1070.114</v>
      </c>
      <c r="F802">
        <v>1083.434</v>
      </c>
      <c r="G802">
        <v>1096.979</v>
      </c>
      <c r="H802">
        <v>1112.8130000000001</v>
      </c>
      <c r="I802">
        <v>1118.7829999999999</v>
      </c>
      <c r="J802">
        <v>1117.933</v>
      </c>
      <c r="K802">
        <v>1115.798</v>
      </c>
      <c r="L802">
        <v>1116.799</v>
      </c>
      <c r="M802">
        <v>1096.7159999999999</v>
      </c>
      <c r="N802">
        <v>1001.254</v>
      </c>
      <c r="O802">
        <v>1025.143</v>
      </c>
      <c r="P802">
        <v>0</v>
      </c>
      <c r="Q802">
        <v>0</v>
      </c>
      <c r="R802">
        <v>1067.8209999999999</v>
      </c>
      <c r="S802">
        <v>0</v>
      </c>
      <c r="T802">
        <v>1096.076</v>
      </c>
      <c r="U802">
        <v>1116.6669999999999</v>
      </c>
      <c r="V802">
        <v>1124.896</v>
      </c>
      <c r="W802">
        <v>1129.8499999999999</v>
      </c>
      <c r="X802">
        <v>1140.8810000000001</v>
      </c>
      <c r="Y802">
        <v>1164.952</v>
      </c>
    </row>
    <row r="803" spans="1:25" x14ac:dyDescent="0.3">
      <c r="A803">
        <v>21.450000002110997</v>
      </c>
      <c r="B803">
        <v>1018.377</v>
      </c>
      <c r="C803">
        <v>1040.2370000000001</v>
      </c>
      <c r="D803">
        <v>1045.21</v>
      </c>
      <c r="E803">
        <v>1067.8779999999999</v>
      </c>
      <c r="F803">
        <v>1086.336</v>
      </c>
      <c r="G803">
        <v>1102.5830000000001</v>
      </c>
      <c r="H803">
        <v>1115.78</v>
      </c>
      <c r="I803">
        <v>1120.068</v>
      </c>
      <c r="J803">
        <v>1113.191</v>
      </c>
      <c r="K803">
        <v>1111.2449999999999</v>
      </c>
      <c r="L803">
        <v>1111.51</v>
      </c>
      <c r="M803">
        <v>1092.6079999999999</v>
      </c>
      <c r="N803">
        <v>991.65599999999995</v>
      </c>
      <c r="O803">
        <v>1031.307</v>
      </c>
      <c r="P803">
        <v>0</v>
      </c>
      <c r="Q803">
        <v>0</v>
      </c>
      <c r="R803">
        <v>1067.17</v>
      </c>
      <c r="S803">
        <v>0</v>
      </c>
      <c r="T803">
        <v>1097.28</v>
      </c>
      <c r="U803">
        <v>1116.6489999999999</v>
      </c>
      <c r="V803">
        <v>1124.7819999999999</v>
      </c>
      <c r="W803">
        <v>1127.174</v>
      </c>
      <c r="X803">
        <v>1142.0830000000001</v>
      </c>
      <c r="Y803">
        <v>1163.7629999999999</v>
      </c>
    </row>
    <row r="804" spans="1:25" x14ac:dyDescent="0.3">
      <c r="A804">
        <v>21.483333332759017</v>
      </c>
      <c r="B804">
        <v>993.36900000000003</v>
      </c>
      <c r="C804">
        <v>1037.403</v>
      </c>
      <c r="D804">
        <v>1047.2639999999999</v>
      </c>
      <c r="E804">
        <v>1066.634</v>
      </c>
      <c r="F804">
        <v>1082.07</v>
      </c>
      <c r="G804">
        <v>1098.336</v>
      </c>
      <c r="H804">
        <v>1109.6990000000001</v>
      </c>
      <c r="I804">
        <v>1113.4770000000001</v>
      </c>
      <c r="J804">
        <v>1110.7380000000001</v>
      </c>
      <c r="K804">
        <v>1111.04</v>
      </c>
      <c r="L804">
        <v>1111.683</v>
      </c>
      <c r="M804">
        <v>1093.6030000000001</v>
      </c>
      <c r="N804">
        <v>991.78599999999994</v>
      </c>
      <c r="O804">
        <v>1033.335</v>
      </c>
      <c r="P804">
        <v>0</v>
      </c>
      <c r="Q804">
        <v>0</v>
      </c>
      <c r="R804">
        <v>1069.297</v>
      </c>
      <c r="S804">
        <v>0</v>
      </c>
      <c r="T804">
        <v>1100.066</v>
      </c>
      <c r="U804">
        <v>1118.9179999999999</v>
      </c>
      <c r="V804">
        <v>1127.2909999999999</v>
      </c>
      <c r="W804">
        <v>1130.442</v>
      </c>
      <c r="X804">
        <v>1145.0050000000001</v>
      </c>
      <c r="Y804">
        <v>1167.268</v>
      </c>
    </row>
    <row r="805" spans="1:25" x14ac:dyDescent="0.3">
      <c r="A805">
        <v>21.516666663407037</v>
      </c>
      <c r="B805">
        <v>999.702</v>
      </c>
      <c r="C805">
        <v>1037.0139999999999</v>
      </c>
      <c r="D805">
        <v>1048.8330000000001</v>
      </c>
      <c r="E805">
        <v>1066.335</v>
      </c>
      <c r="F805">
        <v>1079.9380000000001</v>
      </c>
      <c r="G805">
        <v>1095.155</v>
      </c>
      <c r="H805">
        <v>1106.1189999999999</v>
      </c>
      <c r="I805">
        <v>1108.94</v>
      </c>
      <c r="J805">
        <v>1106.0619999999999</v>
      </c>
      <c r="K805">
        <v>1107.3969999999999</v>
      </c>
      <c r="L805">
        <v>1108.056</v>
      </c>
      <c r="M805">
        <v>1090.829</v>
      </c>
      <c r="N805">
        <v>1005.311</v>
      </c>
      <c r="O805">
        <v>1037.972</v>
      </c>
      <c r="P805">
        <v>0</v>
      </c>
      <c r="Q805">
        <v>0</v>
      </c>
      <c r="R805">
        <v>1069.835</v>
      </c>
      <c r="S805">
        <v>0</v>
      </c>
      <c r="T805">
        <v>1095.7570000000001</v>
      </c>
      <c r="U805">
        <v>1114.249</v>
      </c>
      <c r="V805">
        <v>1123.0360000000001</v>
      </c>
      <c r="W805">
        <v>1129.376</v>
      </c>
      <c r="X805">
        <v>1145.117</v>
      </c>
      <c r="Y805">
        <v>1161.75</v>
      </c>
    </row>
    <row r="806" spans="1:25" x14ac:dyDescent="0.3">
      <c r="A806">
        <v>21.533333333969736</v>
      </c>
      <c r="B806">
        <v>1009.442</v>
      </c>
      <c r="C806">
        <v>1037.807</v>
      </c>
      <c r="D806">
        <v>1048.1510000000001</v>
      </c>
      <c r="E806">
        <v>1066.114</v>
      </c>
      <c r="F806">
        <v>1081.096</v>
      </c>
      <c r="G806">
        <v>1095.402</v>
      </c>
      <c r="H806">
        <v>1109.5650000000001</v>
      </c>
      <c r="I806">
        <v>1112.4369999999999</v>
      </c>
      <c r="J806">
        <v>1111.9269999999999</v>
      </c>
      <c r="K806">
        <v>1116.7449999999999</v>
      </c>
      <c r="L806">
        <v>1118.8610000000001</v>
      </c>
      <c r="M806">
        <v>1102.848</v>
      </c>
      <c r="N806">
        <v>1000.617</v>
      </c>
      <c r="O806">
        <v>1035.7090000000001</v>
      </c>
      <c r="P806">
        <v>0</v>
      </c>
      <c r="Q806">
        <v>0</v>
      </c>
      <c r="R806">
        <v>1073.5650000000001</v>
      </c>
      <c r="S806">
        <v>0</v>
      </c>
      <c r="T806">
        <v>1100.5160000000001</v>
      </c>
      <c r="U806">
        <v>1115.6300000000001</v>
      </c>
      <c r="V806">
        <v>1122.924</v>
      </c>
      <c r="W806">
        <v>1132.2249999999999</v>
      </c>
      <c r="X806">
        <v>1145.595</v>
      </c>
      <c r="Y806">
        <v>1162.097</v>
      </c>
    </row>
    <row r="807" spans="1:25" x14ac:dyDescent="0.3">
      <c r="A807">
        <v>21.566666664617756</v>
      </c>
      <c r="B807">
        <v>1016.473</v>
      </c>
      <c r="C807">
        <v>1043.069</v>
      </c>
      <c r="D807">
        <v>1053.865</v>
      </c>
      <c r="E807">
        <v>1072.8209999999999</v>
      </c>
      <c r="F807">
        <v>1088.6420000000001</v>
      </c>
      <c r="G807">
        <v>1098.0170000000001</v>
      </c>
      <c r="H807">
        <v>1112.0039999999999</v>
      </c>
      <c r="I807">
        <v>1118.9570000000001</v>
      </c>
      <c r="J807">
        <v>1113.4970000000001</v>
      </c>
      <c r="K807">
        <v>1114.271</v>
      </c>
      <c r="L807">
        <v>1115.386</v>
      </c>
      <c r="M807">
        <v>1097.528</v>
      </c>
      <c r="N807">
        <v>990.87599999999998</v>
      </c>
      <c r="O807">
        <v>1033.354</v>
      </c>
      <c r="P807">
        <v>0</v>
      </c>
      <c r="Q807">
        <v>0</v>
      </c>
      <c r="R807">
        <v>1067.136</v>
      </c>
      <c r="S807">
        <v>0</v>
      </c>
      <c r="T807">
        <v>1101.9849999999999</v>
      </c>
      <c r="U807">
        <v>1116.463</v>
      </c>
      <c r="V807">
        <v>1123.742</v>
      </c>
      <c r="W807">
        <v>1133.0999999999999</v>
      </c>
      <c r="X807">
        <v>1148.287</v>
      </c>
      <c r="Y807">
        <v>1165.5540000000001</v>
      </c>
    </row>
    <row r="808" spans="1:25" x14ac:dyDescent="0.3">
      <c r="A808">
        <v>21.583333335180455</v>
      </c>
      <c r="B808">
        <v>1010.539</v>
      </c>
      <c r="C808">
        <v>1045.6569999999999</v>
      </c>
      <c r="D808">
        <v>1059.0619999999999</v>
      </c>
      <c r="E808">
        <v>1076.94</v>
      </c>
      <c r="F808">
        <v>1089.3720000000001</v>
      </c>
      <c r="G808">
        <v>1099.5029999999999</v>
      </c>
      <c r="H808">
        <v>1112.288</v>
      </c>
      <c r="I808">
        <v>1123.6089999999999</v>
      </c>
      <c r="J808">
        <v>1118.636</v>
      </c>
      <c r="K808">
        <v>1115.348</v>
      </c>
      <c r="L808">
        <v>1114.328</v>
      </c>
      <c r="M808">
        <v>1094.7460000000001</v>
      </c>
      <c r="N808">
        <v>987.32600000000002</v>
      </c>
      <c r="O808">
        <v>1032.7090000000001</v>
      </c>
      <c r="P808">
        <v>0</v>
      </c>
      <c r="Q808">
        <v>0</v>
      </c>
      <c r="R808">
        <v>1060.269</v>
      </c>
      <c r="S808">
        <v>0</v>
      </c>
      <c r="T808">
        <v>1098.92</v>
      </c>
      <c r="U808">
        <v>1118.617</v>
      </c>
      <c r="V808">
        <v>1122.9449999999999</v>
      </c>
      <c r="W808">
        <v>1130.1010000000001</v>
      </c>
      <c r="X808">
        <v>1143.6130000000001</v>
      </c>
      <c r="Y808">
        <v>1168.348</v>
      </c>
    </row>
    <row r="809" spans="1:25" x14ac:dyDescent="0.3">
      <c r="A809">
        <v>21.616666665828475</v>
      </c>
      <c r="B809">
        <v>1012.109</v>
      </c>
      <c r="C809">
        <v>1044.25</v>
      </c>
      <c r="D809">
        <v>1054.2349999999999</v>
      </c>
      <c r="E809">
        <v>1073.8440000000001</v>
      </c>
      <c r="F809">
        <v>1088.921</v>
      </c>
      <c r="G809">
        <v>1101.8889999999999</v>
      </c>
      <c r="H809">
        <v>1111.19</v>
      </c>
      <c r="I809">
        <v>1119.597</v>
      </c>
      <c r="J809">
        <v>1117.482</v>
      </c>
      <c r="K809">
        <v>1116.1020000000001</v>
      </c>
      <c r="L809">
        <v>1115.328</v>
      </c>
      <c r="M809">
        <v>1095.721</v>
      </c>
      <c r="N809">
        <v>998.99300000000005</v>
      </c>
      <c r="O809">
        <v>1030.075</v>
      </c>
      <c r="P809">
        <v>0</v>
      </c>
      <c r="Q809">
        <v>0</v>
      </c>
      <c r="R809">
        <v>1061.7329999999999</v>
      </c>
      <c r="S809">
        <v>0</v>
      </c>
      <c r="T809">
        <v>1099.4069999999999</v>
      </c>
      <c r="U809">
        <v>1126.037</v>
      </c>
      <c r="V809">
        <v>1130.972</v>
      </c>
      <c r="W809">
        <v>1131.181</v>
      </c>
      <c r="X809">
        <v>1142.028</v>
      </c>
      <c r="Y809">
        <v>1163.1130000000001</v>
      </c>
    </row>
    <row r="810" spans="1:25" x14ac:dyDescent="0.3">
      <c r="A810">
        <v>21.649999996476495</v>
      </c>
      <c r="B810">
        <v>1004.1079999999999</v>
      </c>
      <c r="C810">
        <v>1042.422</v>
      </c>
      <c r="D810">
        <v>1053.828</v>
      </c>
      <c r="E810">
        <v>1072.1120000000001</v>
      </c>
      <c r="F810">
        <v>1089.953</v>
      </c>
      <c r="G810">
        <v>1106.855</v>
      </c>
      <c r="H810">
        <v>1113.0429999999999</v>
      </c>
      <c r="I810">
        <v>1116.3869999999999</v>
      </c>
      <c r="J810">
        <v>1115.6510000000001</v>
      </c>
      <c r="K810">
        <v>1115.2349999999999</v>
      </c>
      <c r="L810">
        <v>1113.5350000000001</v>
      </c>
      <c r="M810">
        <v>1093.173</v>
      </c>
      <c r="N810">
        <v>997.13800000000003</v>
      </c>
      <c r="O810">
        <v>1031.623</v>
      </c>
      <c r="P810">
        <v>0</v>
      </c>
      <c r="Q810">
        <v>0</v>
      </c>
      <c r="R810">
        <v>1063.22</v>
      </c>
      <c r="S810">
        <v>0</v>
      </c>
      <c r="T810">
        <v>1097.6030000000001</v>
      </c>
      <c r="U810">
        <v>1126.4749999999999</v>
      </c>
      <c r="V810">
        <v>1138.748</v>
      </c>
      <c r="W810">
        <v>1142.5830000000001</v>
      </c>
      <c r="X810">
        <v>1145.502</v>
      </c>
      <c r="Y810">
        <v>1158.6479999999999</v>
      </c>
    </row>
    <row r="811" spans="1:25" x14ac:dyDescent="0.3">
      <c r="A811">
        <v>21.666666667039195</v>
      </c>
      <c r="B811">
        <v>1001.422</v>
      </c>
      <c r="C811">
        <v>1040.739</v>
      </c>
      <c r="D811">
        <v>1047.2090000000001</v>
      </c>
      <c r="E811">
        <v>1067.5820000000001</v>
      </c>
      <c r="F811">
        <v>1089.5219999999999</v>
      </c>
      <c r="G811">
        <v>1108.115</v>
      </c>
      <c r="H811">
        <v>1112.684</v>
      </c>
      <c r="I811">
        <v>1119.712</v>
      </c>
      <c r="J811">
        <v>1120.279</v>
      </c>
      <c r="K811">
        <v>1119.9760000000001</v>
      </c>
      <c r="L811">
        <v>1115.952</v>
      </c>
      <c r="M811">
        <v>1093.0409999999999</v>
      </c>
      <c r="N811">
        <v>994.35199999999998</v>
      </c>
      <c r="O811">
        <v>1026.578</v>
      </c>
      <c r="P811">
        <v>0</v>
      </c>
      <c r="Q811">
        <v>0</v>
      </c>
      <c r="R811">
        <v>1069.1479999999999</v>
      </c>
      <c r="S811">
        <v>0</v>
      </c>
      <c r="T811">
        <v>1098.28</v>
      </c>
      <c r="U811">
        <v>1126.9490000000001</v>
      </c>
      <c r="V811">
        <v>1145.4059999999999</v>
      </c>
      <c r="W811">
        <v>1143.364</v>
      </c>
      <c r="X811">
        <v>1145.1579999999999</v>
      </c>
      <c r="Y811">
        <v>1155.598</v>
      </c>
    </row>
    <row r="812" spans="1:25" x14ac:dyDescent="0.3">
      <c r="A812">
        <v>21.699999997687215</v>
      </c>
      <c r="B812">
        <v>1004.236</v>
      </c>
      <c r="C812">
        <v>1039.816</v>
      </c>
      <c r="D812">
        <v>1048.393</v>
      </c>
      <c r="E812">
        <v>1067.49</v>
      </c>
      <c r="F812">
        <v>1091.32</v>
      </c>
      <c r="G812">
        <v>1110.2660000000001</v>
      </c>
      <c r="H812">
        <v>1116.3309999999999</v>
      </c>
      <c r="I812">
        <v>1121.904</v>
      </c>
      <c r="J812">
        <v>1118.163</v>
      </c>
      <c r="K812">
        <v>1117.578</v>
      </c>
      <c r="L812">
        <v>1115.896</v>
      </c>
      <c r="M812">
        <v>1093.9780000000001</v>
      </c>
      <c r="N812">
        <v>998.19299999999998</v>
      </c>
      <c r="O812">
        <v>1022.855</v>
      </c>
      <c r="P812">
        <v>0</v>
      </c>
      <c r="Q812">
        <v>0</v>
      </c>
      <c r="R812">
        <v>1067.6199999999999</v>
      </c>
      <c r="S812">
        <v>0</v>
      </c>
      <c r="T812">
        <v>1096.4190000000001</v>
      </c>
      <c r="U812">
        <v>1119.807</v>
      </c>
      <c r="V812">
        <v>1139.473</v>
      </c>
      <c r="W812">
        <v>1145.3869999999999</v>
      </c>
      <c r="X812">
        <v>1147.886</v>
      </c>
      <c r="Y812">
        <v>1150.1949999999999</v>
      </c>
    </row>
    <row r="813" spans="1:25" x14ac:dyDescent="0.3">
      <c r="A813">
        <v>21.733333338812614</v>
      </c>
      <c r="B813">
        <v>1013.468</v>
      </c>
      <c r="C813">
        <v>1042.4059999999999</v>
      </c>
      <c r="D813">
        <v>1046.1400000000001</v>
      </c>
      <c r="E813">
        <v>1065.895</v>
      </c>
      <c r="F813">
        <v>1089.319</v>
      </c>
      <c r="G813">
        <v>1110.703</v>
      </c>
      <c r="H813">
        <v>1116.4090000000001</v>
      </c>
      <c r="I813">
        <v>1123.0039999999999</v>
      </c>
      <c r="J813">
        <v>1121.4349999999999</v>
      </c>
      <c r="K813">
        <v>1121.6420000000001</v>
      </c>
      <c r="L813">
        <v>1121.7940000000001</v>
      </c>
      <c r="M813">
        <v>1104.2819999999999</v>
      </c>
      <c r="N813">
        <v>992.09799999999996</v>
      </c>
      <c r="O813">
        <v>1025.3330000000001</v>
      </c>
      <c r="P813">
        <v>0</v>
      </c>
      <c r="Q813">
        <v>0</v>
      </c>
      <c r="R813">
        <v>1065.8209999999999</v>
      </c>
      <c r="S813">
        <v>0</v>
      </c>
      <c r="T813">
        <v>1093.1379999999999</v>
      </c>
      <c r="U813">
        <v>1115.3699999999999</v>
      </c>
      <c r="V813">
        <v>1137.759</v>
      </c>
      <c r="W813">
        <v>1148.328</v>
      </c>
      <c r="X813">
        <v>1148.7090000000001</v>
      </c>
      <c r="Y813">
        <v>1148.595</v>
      </c>
    </row>
    <row r="814" spans="1:25" x14ac:dyDescent="0.3">
      <c r="A814">
        <v>21.749999998897934</v>
      </c>
      <c r="B814">
        <v>1007.981</v>
      </c>
      <c r="C814">
        <v>1040.8130000000001</v>
      </c>
      <c r="D814">
        <v>1043.789</v>
      </c>
      <c r="E814">
        <v>1066.7090000000001</v>
      </c>
      <c r="F814">
        <v>1090.402</v>
      </c>
      <c r="G814">
        <v>1108.528</v>
      </c>
      <c r="H814">
        <v>1116.576</v>
      </c>
      <c r="I814">
        <v>1124.9939999999999</v>
      </c>
      <c r="J814">
        <v>1122.6400000000001</v>
      </c>
      <c r="K814">
        <v>1123.665</v>
      </c>
      <c r="L814">
        <v>1124.444</v>
      </c>
      <c r="M814">
        <v>1105.6510000000001</v>
      </c>
      <c r="N814">
        <v>991.49400000000003</v>
      </c>
      <c r="O814">
        <v>1021.277</v>
      </c>
      <c r="P814">
        <v>0</v>
      </c>
      <c r="Q814">
        <v>0</v>
      </c>
      <c r="R814">
        <v>1066.616</v>
      </c>
      <c r="S814">
        <v>0</v>
      </c>
      <c r="T814">
        <v>1094.4639999999999</v>
      </c>
      <c r="U814">
        <v>1114.328</v>
      </c>
      <c r="V814">
        <v>1133.8399999999999</v>
      </c>
      <c r="W814">
        <v>1148.954</v>
      </c>
      <c r="X814">
        <v>1155.3869999999999</v>
      </c>
      <c r="Y814">
        <v>1149.183</v>
      </c>
    </row>
    <row r="815" spans="1:25" x14ac:dyDescent="0.3">
      <c r="A815">
        <v>21.783333340023333</v>
      </c>
      <c r="B815">
        <v>1008.6950000000001</v>
      </c>
      <c r="C815">
        <v>1038.5650000000001</v>
      </c>
      <c r="D815">
        <v>1037.5889999999999</v>
      </c>
      <c r="E815">
        <v>1065.002</v>
      </c>
      <c r="F815">
        <v>1090.5519999999999</v>
      </c>
      <c r="G815">
        <v>1106.047</v>
      </c>
      <c r="H815">
        <v>1116.105</v>
      </c>
      <c r="I815">
        <v>1128.963</v>
      </c>
      <c r="J815">
        <v>1133.7080000000001</v>
      </c>
      <c r="K815">
        <v>1133.8030000000001</v>
      </c>
      <c r="L815">
        <v>1132.3409999999999</v>
      </c>
      <c r="M815">
        <v>1112.893</v>
      </c>
      <c r="N815">
        <v>997.44799999999998</v>
      </c>
      <c r="O815">
        <v>1014.107</v>
      </c>
      <c r="P815">
        <v>0</v>
      </c>
      <c r="Q815">
        <v>0</v>
      </c>
      <c r="R815">
        <v>1072.97</v>
      </c>
      <c r="S815">
        <v>0</v>
      </c>
      <c r="T815">
        <v>1096.8520000000001</v>
      </c>
      <c r="U815">
        <v>1118.088</v>
      </c>
      <c r="V815">
        <v>1133.442</v>
      </c>
      <c r="W815">
        <v>1147.2380000000001</v>
      </c>
      <c r="X815">
        <v>1157.5360000000001</v>
      </c>
      <c r="Y815">
        <v>1159.1079999999999</v>
      </c>
    </row>
    <row r="816" spans="1:25" x14ac:dyDescent="0.3">
      <c r="A816">
        <v>21.800000000108653</v>
      </c>
      <c r="B816">
        <v>995.22900000000004</v>
      </c>
      <c r="C816">
        <v>1036.136</v>
      </c>
      <c r="D816">
        <v>1037.683</v>
      </c>
      <c r="E816">
        <v>1064.633</v>
      </c>
      <c r="F816">
        <v>1090.723</v>
      </c>
      <c r="G816">
        <v>1106.0119999999999</v>
      </c>
      <c r="H816">
        <v>1116.749</v>
      </c>
      <c r="I816">
        <v>1127.94</v>
      </c>
      <c r="J816">
        <v>1139.934</v>
      </c>
      <c r="K816">
        <v>1142.299</v>
      </c>
      <c r="L816">
        <v>1143.3109999999999</v>
      </c>
      <c r="M816">
        <v>1125.624</v>
      </c>
      <c r="N816">
        <v>990.38699999999994</v>
      </c>
      <c r="O816">
        <v>1015.32</v>
      </c>
      <c r="P816">
        <v>0</v>
      </c>
      <c r="Q816">
        <v>0</v>
      </c>
      <c r="R816">
        <v>1067.3430000000001</v>
      </c>
      <c r="S816">
        <v>0</v>
      </c>
      <c r="T816">
        <v>1096.1959999999999</v>
      </c>
      <c r="U816">
        <v>1117.713</v>
      </c>
      <c r="V816">
        <v>1132.761</v>
      </c>
      <c r="W816">
        <v>1144.665</v>
      </c>
      <c r="X816">
        <v>1158.075</v>
      </c>
      <c r="Y816">
        <v>1159.82</v>
      </c>
    </row>
    <row r="817" spans="1:25" x14ac:dyDescent="0.3">
      <c r="A817">
        <v>21.833333330756673</v>
      </c>
      <c r="B817">
        <v>997.53899999999999</v>
      </c>
      <c r="C817">
        <v>1034.6990000000001</v>
      </c>
      <c r="D817">
        <v>1041.0550000000001</v>
      </c>
      <c r="E817">
        <v>1066.6179999999999</v>
      </c>
      <c r="F817">
        <v>1087.0709999999999</v>
      </c>
      <c r="G817">
        <v>1102.7380000000001</v>
      </c>
      <c r="H817">
        <v>1119.0899999999999</v>
      </c>
      <c r="I817">
        <v>1128.261</v>
      </c>
      <c r="J817">
        <v>1134.924</v>
      </c>
      <c r="K817">
        <v>1137.528</v>
      </c>
      <c r="L817">
        <v>1144.797</v>
      </c>
      <c r="M817">
        <v>1124.8820000000001</v>
      </c>
      <c r="N817">
        <v>981.64599999999996</v>
      </c>
      <c r="O817">
        <v>1019.591</v>
      </c>
      <c r="P817">
        <v>0</v>
      </c>
      <c r="Q817">
        <v>0</v>
      </c>
      <c r="R817">
        <v>1065.5039999999999</v>
      </c>
      <c r="S817">
        <v>0</v>
      </c>
      <c r="T817">
        <v>1093.492</v>
      </c>
      <c r="U817">
        <v>1117.3140000000001</v>
      </c>
      <c r="V817">
        <v>1135.075</v>
      </c>
      <c r="W817">
        <v>1139.4929999999999</v>
      </c>
      <c r="X817">
        <v>1153.568</v>
      </c>
      <c r="Y817">
        <v>1154.7950000000001</v>
      </c>
    </row>
    <row r="818" spans="1:25" x14ac:dyDescent="0.3">
      <c r="A818">
        <v>21.866666671882072</v>
      </c>
      <c r="B818">
        <v>994.13400000000001</v>
      </c>
      <c r="C818">
        <v>1028.6579999999999</v>
      </c>
      <c r="D818">
        <v>1039.0050000000001</v>
      </c>
      <c r="E818">
        <v>1068.7380000000001</v>
      </c>
      <c r="F818">
        <v>1088.4549999999999</v>
      </c>
      <c r="G818">
        <v>1102.981</v>
      </c>
      <c r="H818">
        <v>1116.066</v>
      </c>
      <c r="I818">
        <v>1124.1210000000001</v>
      </c>
      <c r="J818">
        <v>1126.3610000000001</v>
      </c>
      <c r="K818">
        <v>1130.0429999999999</v>
      </c>
      <c r="L818">
        <v>1137.431</v>
      </c>
      <c r="M818">
        <v>1120.827</v>
      </c>
      <c r="N818">
        <v>986.54300000000001</v>
      </c>
      <c r="O818">
        <v>1012.859</v>
      </c>
      <c r="P818">
        <v>0</v>
      </c>
      <c r="Q818">
        <v>0</v>
      </c>
      <c r="R818">
        <v>1061.9939999999999</v>
      </c>
      <c r="S818">
        <v>0</v>
      </c>
      <c r="T818">
        <v>1090.271</v>
      </c>
      <c r="U818">
        <v>1111.3989999999999</v>
      </c>
      <c r="V818">
        <v>1130.556</v>
      </c>
      <c r="W818">
        <v>1138.328</v>
      </c>
      <c r="X818">
        <v>1148.248</v>
      </c>
      <c r="Y818">
        <v>1151.8979999999999</v>
      </c>
    </row>
    <row r="819" spans="1:25" x14ac:dyDescent="0.3">
      <c r="A819">
        <v>21.883333331967393</v>
      </c>
      <c r="B819">
        <v>994.28300000000002</v>
      </c>
      <c r="C819">
        <v>1028.625</v>
      </c>
      <c r="D819">
        <v>1036.357</v>
      </c>
      <c r="E819">
        <v>1063.5940000000001</v>
      </c>
      <c r="F819">
        <v>1086.492</v>
      </c>
      <c r="G819">
        <v>1099.675</v>
      </c>
      <c r="H819">
        <v>1110.798</v>
      </c>
      <c r="I819">
        <v>1121.7560000000001</v>
      </c>
      <c r="J819">
        <v>1123.194</v>
      </c>
      <c r="K819">
        <v>1129.914</v>
      </c>
      <c r="L819">
        <v>1133.3499999999999</v>
      </c>
      <c r="M819">
        <v>1115.4639999999999</v>
      </c>
      <c r="N819">
        <v>979.21799999999996</v>
      </c>
      <c r="O819">
        <v>1014.88</v>
      </c>
      <c r="P819">
        <v>0</v>
      </c>
      <c r="Q819">
        <v>0</v>
      </c>
      <c r="R819">
        <v>1062.8140000000001</v>
      </c>
      <c r="S819">
        <v>0</v>
      </c>
      <c r="T819">
        <v>1089.731</v>
      </c>
      <c r="U819">
        <v>1108.682</v>
      </c>
      <c r="V819">
        <v>1128.395</v>
      </c>
      <c r="W819">
        <v>1134.47</v>
      </c>
      <c r="X819">
        <v>1145.848</v>
      </c>
      <c r="Y819">
        <v>1152.7449999999999</v>
      </c>
    </row>
    <row r="820" spans="1:25" x14ac:dyDescent="0.3">
      <c r="A820">
        <v>21.916666673092791</v>
      </c>
      <c r="B820">
        <v>990.24</v>
      </c>
      <c r="C820">
        <v>1031.0350000000001</v>
      </c>
      <c r="D820">
        <v>1041.3879999999999</v>
      </c>
      <c r="E820">
        <v>1070.492</v>
      </c>
      <c r="F820">
        <v>1092.2940000000001</v>
      </c>
      <c r="G820">
        <v>1102.3810000000001</v>
      </c>
      <c r="H820">
        <v>1116.048</v>
      </c>
      <c r="I820">
        <v>1123.7619999999999</v>
      </c>
      <c r="J820">
        <v>1127.1790000000001</v>
      </c>
      <c r="K820">
        <v>1131.146</v>
      </c>
      <c r="L820">
        <v>1134.354</v>
      </c>
      <c r="M820">
        <v>1114.575</v>
      </c>
      <c r="N820">
        <v>977.89200000000005</v>
      </c>
      <c r="O820">
        <v>1018.6559999999999</v>
      </c>
      <c r="P820">
        <v>0</v>
      </c>
      <c r="Q820">
        <v>0</v>
      </c>
      <c r="R820">
        <v>1067.9380000000001</v>
      </c>
      <c r="S820">
        <v>0</v>
      </c>
      <c r="T820">
        <v>1091.2650000000001</v>
      </c>
      <c r="U820">
        <v>1108.4549999999999</v>
      </c>
      <c r="V820">
        <v>1125.0719999999999</v>
      </c>
      <c r="W820">
        <v>1134.6199999999999</v>
      </c>
      <c r="X820">
        <v>1147.029</v>
      </c>
      <c r="Y820">
        <v>1152.6469999999999</v>
      </c>
    </row>
    <row r="821" spans="1:25" x14ac:dyDescent="0.3">
      <c r="A821">
        <v>21.933333333178112</v>
      </c>
      <c r="B821">
        <v>998.15800000000002</v>
      </c>
      <c r="C821">
        <v>1031.9549999999999</v>
      </c>
      <c r="D821">
        <v>1043.9939999999999</v>
      </c>
      <c r="E821">
        <v>1069.0940000000001</v>
      </c>
      <c r="F821">
        <v>1089.7850000000001</v>
      </c>
      <c r="G821">
        <v>1100.8009999999999</v>
      </c>
      <c r="H821">
        <v>1116.502</v>
      </c>
      <c r="I821">
        <v>1129.001</v>
      </c>
      <c r="J821">
        <v>1127.9760000000001</v>
      </c>
      <c r="K821">
        <v>1130.2349999999999</v>
      </c>
      <c r="L821">
        <v>1133.348</v>
      </c>
      <c r="M821">
        <v>1115.8030000000001</v>
      </c>
      <c r="N821">
        <v>978.03700000000003</v>
      </c>
      <c r="O821">
        <v>1020.985</v>
      </c>
      <c r="P821">
        <v>0</v>
      </c>
      <c r="Q821">
        <v>0</v>
      </c>
      <c r="R821">
        <v>1068.8510000000001</v>
      </c>
      <c r="S821">
        <v>0</v>
      </c>
      <c r="T821">
        <v>1091.059</v>
      </c>
      <c r="U821">
        <v>1106.33</v>
      </c>
      <c r="V821">
        <v>1122.056</v>
      </c>
      <c r="W821">
        <v>1132.5319999999999</v>
      </c>
      <c r="X821">
        <v>1141.268</v>
      </c>
      <c r="Y821">
        <v>1148.288</v>
      </c>
    </row>
    <row r="822" spans="1:25" x14ac:dyDescent="0.3">
      <c r="A822">
        <v>21.966666663826132</v>
      </c>
      <c r="B822">
        <v>1003.086</v>
      </c>
      <c r="C822">
        <v>1032.8389999999999</v>
      </c>
      <c r="D822">
        <v>1040.204</v>
      </c>
      <c r="E822">
        <v>1062.943</v>
      </c>
      <c r="F822">
        <v>1081.7719999999999</v>
      </c>
      <c r="G822">
        <v>1095.5740000000001</v>
      </c>
      <c r="H822">
        <v>1108.3979999999999</v>
      </c>
      <c r="I822">
        <v>1118.4100000000001</v>
      </c>
      <c r="J822">
        <v>1122.019</v>
      </c>
      <c r="K822">
        <v>1128.413</v>
      </c>
      <c r="L822">
        <v>1131.5450000000001</v>
      </c>
      <c r="M822">
        <v>1113.7809999999999</v>
      </c>
      <c r="N822">
        <v>978.00099999999998</v>
      </c>
      <c r="O822">
        <v>1021.389</v>
      </c>
      <c r="P822">
        <v>0</v>
      </c>
      <c r="Q822">
        <v>0</v>
      </c>
      <c r="R822">
        <v>1064.1120000000001</v>
      </c>
      <c r="S822">
        <v>0</v>
      </c>
      <c r="T822">
        <v>1090.5530000000001</v>
      </c>
      <c r="U822">
        <v>1111.9870000000001</v>
      </c>
      <c r="V822">
        <v>1124.9390000000001</v>
      </c>
      <c r="W822">
        <v>1130.2539999999999</v>
      </c>
      <c r="X822">
        <v>1141.8589999999999</v>
      </c>
      <c r="Y822">
        <v>1157.46</v>
      </c>
    </row>
    <row r="823" spans="1:25" x14ac:dyDescent="0.3">
      <c r="A823">
        <v>22.000000004951531</v>
      </c>
      <c r="B823">
        <v>1010.506</v>
      </c>
      <c r="C823">
        <v>1034.443</v>
      </c>
      <c r="D823">
        <v>1040.557</v>
      </c>
      <c r="E823">
        <v>1062.8510000000001</v>
      </c>
      <c r="F823">
        <v>1079.739</v>
      </c>
      <c r="G823">
        <v>1094.1679999999999</v>
      </c>
      <c r="H823">
        <v>1106.8579999999999</v>
      </c>
      <c r="I823">
        <v>1116.806</v>
      </c>
      <c r="J823">
        <v>1119.375</v>
      </c>
      <c r="K823">
        <v>1125.7</v>
      </c>
      <c r="L823">
        <v>1128.414</v>
      </c>
      <c r="M823">
        <v>1111.1379999999999</v>
      </c>
      <c r="N823">
        <v>977.89400000000001</v>
      </c>
      <c r="O823">
        <v>1018.859</v>
      </c>
      <c r="P823">
        <v>0</v>
      </c>
      <c r="Q823">
        <v>0</v>
      </c>
      <c r="R823">
        <v>1063.6679999999999</v>
      </c>
      <c r="S823">
        <v>0</v>
      </c>
      <c r="T823">
        <v>1086.885</v>
      </c>
      <c r="U823">
        <v>1107.46</v>
      </c>
      <c r="V823">
        <v>1127.655</v>
      </c>
      <c r="W823">
        <v>1130.54</v>
      </c>
      <c r="X823">
        <v>1140.106</v>
      </c>
      <c r="Y823">
        <v>1155.9659999999999</v>
      </c>
    </row>
    <row r="824" spans="1:25" x14ac:dyDescent="0.3">
      <c r="A824">
        <v>22.016666665036851</v>
      </c>
      <c r="B824">
        <v>1008.6950000000001</v>
      </c>
      <c r="C824">
        <v>1037.3679999999999</v>
      </c>
      <c r="D824">
        <v>1040.722</v>
      </c>
      <c r="E824">
        <v>1063.704</v>
      </c>
      <c r="F824">
        <v>1081.7539999999999</v>
      </c>
      <c r="G824">
        <v>1099.9179999999999</v>
      </c>
      <c r="H824">
        <v>1110.116</v>
      </c>
      <c r="I824">
        <v>1113.951</v>
      </c>
      <c r="J824">
        <v>1113.876</v>
      </c>
      <c r="K824">
        <v>1119.865</v>
      </c>
      <c r="L824">
        <v>1120.7339999999999</v>
      </c>
      <c r="M824">
        <v>1103.19</v>
      </c>
      <c r="N824">
        <v>980.88499999999999</v>
      </c>
      <c r="O824">
        <v>1022.104</v>
      </c>
      <c r="P824">
        <v>0</v>
      </c>
      <c r="Q824">
        <v>0</v>
      </c>
      <c r="R824">
        <v>1066.451</v>
      </c>
      <c r="S824">
        <v>0</v>
      </c>
      <c r="T824">
        <v>1088.7560000000001</v>
      </c>
      <c r="U824">
        <v>1108.7560000000001</v>
      </c>
      <c r="V824">
        <v>1124.047</v>
      </c>
      <c r="W824">
        <v>1126.306</v>
      </c>
      <c r="X824">
        <v>1138.2529999999999</v>
      </c>
      <c r="Y824">
        <v>1153.779</v>
      </c>
    </row>
    <row r="825" spans="1:25" x14ac:dyDescent="0.3">
      <c r="A825">
        <v>22.05000000616225</v>
      </c>
      <c r="B825">
        <v>1011.253</v>
      </c>
      <c r="C825">
        <v>1036.8710000000001</v>
      </c>
      <c r="D825">
        <v>1039.394</v>
      </c>
      <c r="E825">
        <v>1064.3530000000001</v>
      </c>
      <c r="F825">
        <v>1079.5329999999999</v>
      </c>
      <c r="G825">
        <v>1095.2349999999999</v>
      </c>
      <c r="H825">
        <v>1106.556</v>
      </c>
      <c r="I825">
        <v>1114.008</v>
      </c>
      <c r="J825">
        <v>1112.742</v>
      </c>
      <c r="K825">
        <v>1116.124</v>
      </c>
      <c r="L825">
        <v>1115.8409999999999</v>
      </c>
      <c r="M825">
        <v>1099.5039999999999</v>
      </c>
      <c r="N825">
        <v>973.99300000000005</v>
      </c>
      <c r="O825">
        <v>1026.635</v>
      </c>
      <c r="P825">
        <v>0</v>
      </c>
      <c r="Q825">
        <v>0</v>
      </c>
      <c r="R825">
        <v>1067.6210000000001</v>
      </c>
      <c r="S825">
        <v>0</v>
      </c>
      <c r="T825">
        <v>1087.0150000000001</v>
      </c>
      <c r="U825">
        <v>1110.192</v>
      </c>
      <c r="V825">
        <v>1121.886</v>
      </c>
      <c r="W825">
        <v>1125.8309999999999</v>
      </c>
      <c r="X825">
        <v>1135.55</v>
      </c>
      <c r="Y825">
        <v>1152.8389999999999</v>
      </c>
    </row>
    <row r="826" spans="1:25" x14ac:dyDescent="0.3">
      <c r="A826">
        <v>22.066666666247571</v>
      </c>
      <c r="B826">
        <v>997.25099999999998</v>
      </c>
      <c r="C826">
        <v>1035.8610000000001</v>
      </c>
      <c r="D826">
        <v>1039.636</v>
      </c>
      <c r="E826">
        <v>1062.704</v>
      </c>
      <c r="F826">
        <v>1078.79</v>
      </c>
      <c r="G826">
        <v>1094.076</v>
      </c>
      <c r="H826">
        <v>1107.1790000000001</v>
      </c>
      <c r="I826">
        <v>1115.9000000000001</v>
      </c>
      <c r="J826">
        <v>1111.2529999999999</v>
      </c>
      <c r="K826">
        <v>1115.0119999999999</v>
      </c>
      <c r="L826">
        <v>1115.673</v>
      </c>
      <c r="M826">
        <v>1098.98</v>
      </c>
      <c r="N826">
        <v>976.11699999999996</v>
      </c>
      <c r="O826">
        <v>1028.239</v>
      </c>
      <c r="P826">
        <v>0</v>
      </c>
      <c r="Q826">
        <v>0</v>
      </c>
      <c r="R826">
        <v>1068.165</v>
      </c>
      <c r="S826">
        <v>0</v>
      </c>
      <c r="T826">
        <v>1092.69</v>
      </c>
      <c r="U826">
        <v>1117.1279999999999</v>
      </c>
      <c r="V826">
        <v>1129.4970000000001</v>
      </c>
      <c r="W826">
        <v>1131.51</v>
      </c>
      <c r="X826">
        <v>1138.3900000000001</v>
      </c>
      <c r="Y826">
        <v>1148.501</v>
      </c>
    </row>
    <row r="827" spans="1:25" x14ac:dyDescent="0.3">
      <c r="A827">
        <v>22.09999999689559</v>
      </c>
      <c r="B827">
        <v>1001.389</v>
      </c>
      <c r="C827">
        <v>1036.2650000000001</v>
      </c>
      <c r="D827">
        <v>1039.5609999999999</v>
      </c>
      <c r="E827">
        <v>1063.018</v>
      </c>
      <c r="F827">
        <v>1081.1559999999999</v>
      </c>
      <c r="G827">
        <v>1095.6130000000001</v>
      </c>
      <c r="H827">
        <v>1107.5909999999999</v>
      </c>
      <c r="I827">
        <v>1119.7529999999999</v>
      </c>
      <c r="J827">
        <v>1114.3309999999999</v>
      </c>
      <c r="K827">
        <v>1117.4860000000001</v>
      </c>
      <c r="L827">
        <v>1120.018</v>
      </c>
      <c r="M827">
        <v>1100.2950000000001</v>
      </c>
      <c r="N827">
        <v>979.21799999999996</v>
      </c>
      <c r="O827">
        <v>1027.115</v>
      </c>
      <c r="P827">
        <v>0</v>
      </c>
      <c r="Q827">
        <v>0</v>
      </c>
      <c r="R827">
        <v>1066.489</v>
      </c>
      <c r="S827">
        <v>0</v>
      </c>
      <c r="T827">
        <v>1088.4580000000001</v>
      </c>
      <c r="U827">
        <v>1113.386</v>
      </c>
      <c r="V827">
        <v>1126.7059999999999</v>
      </c>
      <c r="W827">
        <v>1129.4580000000001</v>
      </c>
      <c r="X827">
        <v>1135.76</v>
      </c>
      <c r="Y827">
        <v>1154.145</v>
      </c>
    </row>
    <row r="828" spans="1:25" x14ac:dyDescent="0.3">
      <c r="A828">
        <v>22.133333338020989</v>
      </c>
      <c r="B828">
        <v>1007.274</v>
      </c>
      <c r="C828">
        <v>1039.1579999999999</v>
      </c>
      <c r="D828">
        <v>1039.5450000000001</v>
      </c>
      <c r="E828">
        <v>1064.636</v>
      </c>
      <c r="F828">
        <v>1080.338</v>
      </c>
      <c r="G828">
        <v>1094.769</v>
      </c>
      <c r="H828">
        <v>1108.2329999999999</v>
      </c>
      <c r="I828">
        <v>1118.338</v>
      </c>
      <c r="J828">
        <v>1114.5029999999999</v>
      </c>
      <c r="K828">
        <v>1118.32</v>
      </c>
      <c r="L828">
        <v>1124.6010000000001</v>
      </c>
      <c r="M828">
        <v>1107.3869999999999</v>
      </c>
      <c r="N828">
        <v>981.85</v>
      </c>
      <c r="O828">
        <v>1027.117</v>
      </c>
      <c r="P828">
        <v>0</v>
      </c>
      <c r="Q828">
        <v>0</v>
      </c>
      <c r="R828">
        <v>1066.009</v>
      </c>
      <c r="S828">
        <v>0</v>
      </c>
      <c r="T828">
        <v>1085.3520000000001</v>
      </c>
      <c r="U828">
        <v>1111.027</v>
      </c>
      <c r="V828">
        <v>1130.068</v>
      </c>
      <c r="W828">
        <v>1136.655</v>
      </c>
      <c r="X828">
        <v>1141.0239999999999</v>
      </c>
      <c r="Y828">
        <v>1154.0319999999999</v>
      </c>
    </row>
    <row r="829" spans="1:25" x14ac:dyDescent="0.3">
      <c r="A829">
        <v>22.14999999810631</v>
      </c>
      <c r="B829">
        <v>1002.559</v>
      </c>
      <c r="C829">
        <v>1037.2049999999999</v>
      </c>
      <c r="D829">
        <v>1038.347</v>
      </c>
      <c r="E829">
        <v>1063.279</v>
      </c>
      <c r="F829">
        <v>1077.037</v>
      </c>
      <c r="G829">
        <v>1093.42</v>
      </c>
      <c r="H829">
        <v>1107.2729999999999</v>
      </c>
      <c r="I829">
        <v>1114.8989999999999</v>
      </c>
      <c r="J829">
        <v>1116.24</v>
      </c>
      <c r="K829">
        <v>1122.097</v>
      </c>
      <c r="L829">
        <v>1129.7629999999999</v>
      </c>
      <c r="M829">
        <v>1111.366</v>
      </c>
      <c r="N829">
        <v>974.70299999999997</v>
      </c>
      <c r="O829">
        <v>1022.198</v>
      </c>
      <c r="P829">
        <v>0</v>
      </c>
      <c r="Q829">
        <v>0</v>
      </c>
      <c r="R829">
        <v>1069.395</v>
      </c>
      <c r="S829">
        <v>0</v>
      </c>
      <c r="T829">
        <v>1087.373</v>
      </c>
      <c r="U829">
        <v>1110.1949999999999</v>
      </c>
      <c r="V829">
        <v>1131.9839999999999</v>
      </c>
      <c r="W829">
        <v>1138.5809999999999</v>
      </c>
      <c r="X829">
        <v>1148.482</v>
      </c>
      <c r="Y829">
        <v>1156.3889999999999</v>
      </c>
    </row>
    <row r="830" spans="1:25" x14ac:dyDescent="0.3">
      <c r="A830">
        <v>22.183333339231709</v>
      </c>
      <c r="B830">
        <v>1005.391</v>
      </c>
      <c r="C830">
        <v>1033.9469999999999</v>
      </c>
      <c r="D830">
        <v>1035.732</v>
      </c>
      <c r="E830">
        <v>1058.788</v>
      </c>
      <c r="F830">
        <v>1077.037</v>
      </c>
      <c r="G830">
        <v>1095.0119999999999</v>
      </c>
      <c r="H830">
        <v>1109.3820000000001</v>
      </c>
      <c r="I830">
        <v>1115.9570000000001</v>
      </c>
      <c r="J830">
        <v>1117.6569999999999</v>
      </c>
      <c r="K830">
        <v>1120.3019999999999</v>
      </c>
      <c r="L830">
        <v>1124.144</v>
      </c>
      <c r="M830">
        <v>1104.7339999999999</v>
      </c>
      <c r="N830">
        <v>979.54499999999996</v>
      </c>
      <c r="O830">
        <v>1023.2619999999999</v>
      </c>
      <c r="P830">
        <v>0</v>
      </c>
      <c r="Q830">
        <v>0</v>
      </c>
      <c r="R830">
        <v>1070.942</v>
      </c>
      <c r="S830">
        <v>0</v>
      </c>
      <c r="T830">
        <v>1088.1969999999999</v>
      </c>
      <c r="U830">
        <v>1107.7429999999999</v>
      </c>
      <c r="V830">
        <v>1128.396</v>
      </c>
      <c r="W830">
        <v>1136.711</v>
      </c>
      <c r="X830">
        <v>1151.404</v>
      </c>
      <c r="Y830">
        <v>1151.807</v>
      </c>
    </row>
    <row r="831" spans="1:25" x14ac:dyDescent="0.3">
      <c r="A831">
        <v>22.199999999317029</v>
      </c>
      <c r="B831">
        <v>1007.127</v>
      </c>
      <c r="C831">
        <v>1032.8789999999999</v>
      </c>
      <c r="D831">
        <v>1035.2170000000001</v>
      </c>
      <c r="E831">
        <v>1057.1179999999999</v>
      </c>
      <c r="F831">
        <v>1077.635</v>
      </c>
      <c r="G831">
        <v>1099.6389999999999</v>
      </c>
      <c r="H831">
        <v>1113.482</v>
      </c>
      <c r="I831">
        <v>1120.2270000000001</v>
      </c>
      <c r="J831">
        <v>1121.72</v>
      </c>
      <c r="K831">
        <v>1121.3040000000001</v>
      </c>
      <c r="L831">
        <v>1123.2529999999999</v>
      </c>
      <c r="M831">
        <v>1103.5129999999999</v>
      </c>
      <c r="N831">
        <v>976.75300000000004</v>
      </c>
      <c r="O831">
        <v>1026.05</v>
      </c>
      <c r="P831">
        <v>0</v>
      </c>
      <c r="Q831">
        <v>0</v>
      </c>
      <c r="R831">
        <v>1074.261</v>
      </c>
      <c r="S831">
        <v>0</v>
      </c>
      <c r="T831">
        <v>1091.4929999999999</v>
      </c>
      <c r="U831">
        <v>1108.4770000000001</v>
      </c>
      <c r="V831">
        <v>1125.4359999999999</v>
      </c>
      <c r="W831">
        <v>1132.174</v>
      </c>
      <c r="X831">
        <v>1150.008</v>
      </c>
      <c r="Y831">
        <v>1156.4659999999999</v>
      </c>
    </row>
    <row r="832" spans="1:25" x14ac:dyDescent="0.3">
      <c r="A832">
        <v>22.233333329965049</v>
      </c>
      <c r="B832">
        <v>1004.241</v>
      </c>
      <c r="C832">
        <v>1035.181</v>
      </c>
      <c r="D832">
        <v>1042.075</v>
      </c>
      <c r="E832">
        <v>1060.162</v>
      </c>
      <c r="F832">
        <v>1079.9649999999999</v>
      </c>
      <c r="G832">
        <v>1099.9770000000001</v>
      </c>
      <c r="H832">
        <v>1118.5830000000001</v>
      </c>
      <c r="I832">
        <v>1120.8510000000001</v>
      </c>
      <c r="J832">
        <v>1119.963</v>
      </c>
      <c r="K832">
        <v>1122.854</v>
      </c>
      <c r="L832">
        <v>1124.05</v>
      </c>
      <c r="M832">
        <v>1105.6369999999999</v>
      </c>
      <c r="N832">
        <v>973.92399999999998</v>
      </c>
      <c r="O832">
        <v>1027.0060000000001</v>
      </c>
      <c r="P832">
        <v>0</v>
      </c>
      <c r="Q832">
        <v>0</v>
      </c>
      <c r="R832">
        <v>1071.502</v>
      </c>
      <c r="S832">
        <v>0</v>
      </c>
      <c r="T832">
        <v>1094.4690000000001</v>
      </c>
      <c r="U832">
        <v>1110.7239999999999</v>
      </c>
      <c r="V832">
        <v>1126.67</v>
      </c>
      <c r="W832">
        <v>1136.066</v>
      </c>
      <c r="X832">
        <v>1148.9590000000001</v>
      </c>
      <c r="Y832">
        <v>1156.7539999999999</v>
      </c>
    </row>
    <row r="833" spans="1:25" x14ac:dyDescent="0.3">
      <c r="A833">
        <v>22.266666671090448</v>
      </c>
      <c r="B833">
        <v>1008.408</v>
      </c>
      <c r="C833">
        <v>1036.472</v>
      </c>
      <c r="D833">
        <v>1042.133</v>
      </c>
      <c r="E833">
        <v>1062.8</v>
      </c>
      <c r="F833">
        <v>1081.329</v>
      </c>
      <c r="G833">
        <v>1098.569</v>
      </c>
      <c r="H833">
        <v>1117.1120000000001</v>
      </c>
      <c r="I833">
        <v>1122.818</v>
      </c>
      <c r="J833">
        <v>1116.1300000000001</v>
      </c>
      <c r="K833">
        <v>1118.7750000000001</v>
      </c>
      <c r="L833">
        <v>1121.798</v>
      </c>
      <c r="M833">
        <v>1102.518</v>
      </c>
      <c r="N833">
        <v>973.69</v>
      </c>
      <c r="O833">
        <v>1026.787</v>
      </c>
      <c r="P833">
        <v>0</v>
      </c>
      <c r="Q833">
        <v>0</v>
      </c>
      <c r="R833">
        <v>1071.597</v>
      </c>
      <c r="S833">
        <v>0</v>
      </c>
      <c r="T833">
        <v>1092.8610000000001</v>
      </c>
      <c r="U833">
        <v>1111.992</v>
      </c>
      <c r="V833">
        <v>1130.4680000000001</v>
      </c>
      <c r="W833">
        <v>1138.297</v>
      </c>
      <c r="X833">
        <v>1146.52</v>
      </c>
      <c r="Y833">
        <v>1152.941</v>
      </c>
    </row>
    <row r="834" spans="1:25" x14ac:dyDescent="0.3">
      <c r="A834">
        <v>22.283333331175768</v>
      </c>
      <c r="B834">
        <v>1014.701</v>
      </c>
      <c r="C834">
        <v>1038.885</v>
      </c>
      <c r="D834">
        <v>1041.5239999999999</v>
      </c>
      <c r="E834">
        <v>1062.133</v>
      </c>
      <c r="F834">
        <v>1081.2739999999999</v>
      </c>
      <c r="G834">
        <v>1097.1600000000001</v>
      </c>
      <c r="H834">
        <v>1113.316</v>
      </c>
      <c r="I834">
        <v>1120.9860000000001</v>
      </c>
      <c r="J834">
        <v>1122.252</v>
      </c>
      <c r="K834">
        <v>1121.213</v>
      </c>
      <c r="L834">
        <v>1122.2329999999999</v>
      </c>
      <c r="M834">
        <v>1102.143</v>
      </c>
      <c r="N834">
        <v>979.82100000000003</v>
      </c>
      <c r="O834">
        <v>1026.145</v>
      </c>
      <c r="P834">
        <v>0</v>
      </c>
      <c r="Q834">
        <v>0</v>
      </c>
      <c r="R834">
        <v>1071.412</v>
      </c>
      <c r="S834">
        <v>0</v>
      </c>
      <c r="T834">
        <v>1092.001</v>
      </c>
      <c r="U834">
        <v>1112.8430000000001</v>
      </c>
      <c r="V834">
        <v>1132.8040000000001</v>
      </c>
      <c r="W834">
        <v>1142.5139999999999</v>
      </c>
      <c r="X834">
        <v>1150.451</v>
      </c>
      <c r="Y834">
        <v>1155.664</v>
      </c>
    </row>
    <row r="835" spans="1:25" x14ac:dyDescent="0.3">
      <c r="A835">
        <v>22.316666672301167</v>
      </c>
      <c r="B835">
        <v>1006.78</v>
      </c>
      <c r="C835">
        <v>1036.7090000000001</v>
      </c>
      <c r="D835">
        <v>1037.3720000000001</v>
      </c>
      <c r="E835">
        <v>1058.8810000000001</v>
      </c>
      <c r="F835">
        <v>1078.6969999999999</v>
      </c>
      <c r="G835">
        <v>1095.0319999999999</v>
      </c>
      <c r="H835">
        <v>1113.596</v>
      </c>
      <c r="I835">
        <v>1119.018</v>
      </c>
      <c r="J835">
        <v>1121.21</v>
      </c>
      <c r="K835">
        <v>1120.492</v>
      </c>
      <c r="L835">
        <v>1121.9459999999999</v>
      </c>
      <c r="M835">
        <v>1101.8009999999999</v>
      </c>
      <c r="N835">
        <v>979.78099999999995</v>
      </c>
      <c r="O835">
        <v>1023.574</v>
      </c>
      <c r="P835">
        <v>0</v>
      </c>
      <c r="Q835">
        <v>0</v>
      </c>
      <c r="R835">
        <v>1071.278</v>
      </c>
      <c r="S835">
        <v>0</v>
      </c>
      <c r="T835">
        <v>1090.6690000000001</v>
      </c>
      <c r="U835">
        <v>1109.4580000000001</v>
      </c>
      <c r="V835">
        <v>1127.4670000000001</v>
      </c>
      <c r="W835">
        <v>1141.08</v>
      </c>
      <c r="X835">
        <v>1152.7470000000001</v>
      </c>
      <c r="Y835">
        <v>1152.3820000000001</v>
      </c>
    </row>
    <row r="836" spans="1:25" x14ac:dyDescent="0.3">
      <c r="A836">
        <v>22.333333332386488</v>
      </c>
      <c r="B836">
        <v>1008.354</v>
      </c>
      <c r="C836">
        <v>1035.1279999999999</v>
      </c>
      <c r="D836">
        <v>1034.741</v>
      </c>
      <c r="E836">
        <v>1062.4469999999999</v>
      </c>
      <c r="F836">
        <v>1080.3579999999999</v>
      </c>
      <c r="G836">
        <v>1094.0409999999999</v>
      </c>
      <c r="H836">
        <v>1109.366</v>
      </c>
      <c r="I836">
        <v>1119.001</v>
      </c>
      <c r="J836">
        <v>1123.73</v>
      </c>
      <c r="K836">
        <v>1123.521</v>
      </c>
      <c r="L836">
        <v>1124.0899999999999</v>
      </c>
      <c r="M836">
        <v>1102.6310000000001</v>
      </c>
      <c r="N836">
        <v>979.43899999999996</v>
      </c>
      <c r="O836">
        <v>1020.514</v>
      </c>
      <c r="P836">
        <v>0</v>
      </c>
      <c r="Q836">
        <v>0</v>
      </c>
      <c r="R836">
        <v>1065.9359999999999</v>
      </c>
      <c r="S836">
        <v>0</v>
      </c>
      <c r="T836">
        <v>1089.941</v>
      </c>
      <c r="U836">
        <v>1108.404</v>
      </c>
      <c r="V836">
        <v>1124.527</v>
      </c>
      <c r="W836">
        <v>1137.973</v>
      </c>
      <c r="X836">
        <v>1152.711</v>
      </c>
      <c r="Y836">
        <v>1146.329</v>
      </c>
    </row>
    <row r="837" spans="1:25" x14ac:dyDescent="0.3">
      <c r="A837">
        <v>22.366666663034508</v>
      </c>
      <c r="B837">
        <v>994.21400000000006</v>
      </c>
      <c r="C837">
        <v>1034.2629999999999</v>
      </c>
      <c r="D837">
        <v>1033.49</v>
      </c>
      <c r="E837">
        <v>1060.684</v>
      </c>
      <c r="F837">
        <v>1078.644</v>
      </c>
      <c r="G837">
        <v>1096.7650000000001</v>
      </c>
      <c r="H837">
        <v>1113.788</v>
      </c>
      <c r="I837">
        <v>1125.04</v>
      </c>
      <c r="J837">
        <v>1134.9490000000001</v>
      </c>
      <c r="K837">
        <v>1133.354</v>
      </c>
      <c r="L837">
        <v>1132.1010000000001</v>
      </c>
      <c r="M837">
        <v>1109.556</v>
      </c>
      <c r="N837">
        <v>987.60699999999997</v>
      </c>
      <c r="O837">
        <v>1016.535</v>
      </c>
      <c r="P837">
        <v>0</v>
      </c>
      <c r="Q837">
        <v>0</v>
      </c>
      <c r="R837">
        <v>1066.271</v>
      </c>
      <c r="S837">
        <v>0</v>
      </c>
      <c r="T837">
        <v>1088.144</v>
      </c>
      <c r="U837">
        <v>1106.5989999999999</v>
      </c>
      <c r="V837">
        <v>1124.357</v>
      </c>
      <c r="W837">
        <v>1136.6949999999999</v>
      </c>
      <c r="X837">
        <v>1151.963</v>
      </c>
      <c r="Y837">
        <v>1147.0350000000001</v>
      </c>
    </row>
    <row r="838" spans="1:25" x14ac:dyDescent="0.3">
      <c r="A838">
        <v>22.400000004159907</v>
      </c>
      <c r="B838">
        <v>998.2</v>
      </c>
      <c r="C838">
        <v>1031.316</v>
      </c>
      <c r="D838">
        <v>1033.3789999999999</v>
      </c>
      <c r="E838">
        <v>1063.06</v>
      </c>
      <c r="F838">
        <v>1088.7049999999999</v>
      </c>
      <c r="G838">
        <v>1106.4480000000001</v>
      </c>
      <c r="H838">
        <v>1119.7190000000001</v>
      </c>
      <c r="I838">
        <v>1129.8989999999999</v>
      </c>
      <c r="J838">
        <v>1133.4870000000001</v>
      </c>
      <c r="K838">
        <v>1128.4369999999999</v>
      </c>
      <c r="L838">
        <v>1125.3810000000001</v>
      </c>
      <c r="M838">
        <v>1107.934</v>
      </c>
      <c r="N838">
        <v>988.625</v>
      </c>
      <c r="O838">
        <v>1022.164</v>
      </c>
      <c r="P838">
        <v>0</v>
      </c>
      <c r="Q838">
        <v>0</v>
      </c>
      <c r="R838">
        <v>1064.5999999999999</v>
      </c>
      <c r="S838">
        <v>0</v>
      </c>
      <c r="T838">
        <v>1086.9449999999999</v>
      </c>
      <c r="U838">
        <v>1105.057</v>
      </c>
      <c r="V838">
        <v>1122.913</v>
      </c>
      <c r="W838">
        <v>1130.5060000000001</v>
      </c>
      <c r="X838">
        <v>1149.019</v>
      </c>
      <c r="Y838">
        <v>1155.548</v>
      </c>
    </row>
    <row r="839" spans="1:25" x14ac:dyDescent="0.3">
      <c r="A839">
        <v>22.416666664245227</v>
      </c>
      <c r="B839">
        <v>1002.705</v>
      </c>
      <c r="C839">
        <v>1031.0930000000001</v>
      </c>
      <c r="D839">
        <v>1033.5050000000001</v>
      </c>
      <c r="E839">
        <v>1063.1310000000001</v>
      </c>
      <c r="F839">
        <v>1091.174</v>
      </c>
      <c r="G839">
        <v>1105.693</v>
      </c>
      <c r="H839">
        <v>1115.126</v>
      </c>
      <c r="I839">
        <v>1120.434</v>
      </c>
      <c r="J839">
        <v>1122.135</v>
      </c>
      <c r="K839">
        <v>1119.83</v>
      </c>
      <c r="L839">
        <v>1118.1110000000001</v>
      </c>
      <c r="M839">
        <v>1101.2739999999999</v>
      </c>
      <c r="N839">
        <v>986.47500000000002</v>
      </c>
      <c r="O839">
        <v>1028.5150000000001</v>
      </c>
      <c r="P839">
        <v>0</v>
      </c>
      <c r="Q839">
        <v>0</v>
      </c>
      <c r="R839">
        <v>1064.4490000000001</v>
      </c>
      <c r="S839">
        <v>0</v>
      </c>
      <c r="T839">
        <v>1087.7660000000001</v>
      </c>
      <c r="U839">
        <v>1105.6179999999999</v>
      </c>
      <c r="V839">
        <v>1122.55</v>
      </c>
      <c r="W839">
        <v>1127.827</v>
      </c>
      <c r="X839">
        <v>1143.0260000000001</v>
      </c>
      <c r="Y839">
        <v>1157.923</v>
      </c>
    </row>
    <row r="840" spans="1:25" x14ac:dyDescent="0.3">
      <c r="A840">
        <v>22.450000005370626</v>
      </c>
      <c r="B840">
        <v>1006.635</v>
      </c>
      <c r="C840">
        <v>1032.9169999999999</v>
      </c>
      <c r="D840">
        <v>1038.9739999999999</v>
      </c>
      <c r="E840">
        <v>1062.9839999999999</v>
      </c>
      <c r="F840">
        <v>1086.251</v>
      </c>
      <c r="G840">
        <v>1099.752</v>
      </c>
      <c r="H840">
        <v>1111.99</v>
      </c>
      <c r="I840">
        <v>1121.116</v>
      </c>
      <c r="J840">
        <v>1119.2080000000001</v>
      </c>
      <c r="K840">
        <v>1118.1500000000001</v>
      </c>
      <c r="L840">
        <v>1120.4359999999999</v>
      </c>
      <c r="M840">
        <v>1106.0709999999999</v>
      </c>
      <c r="N840">
        <v>995.97799999999995</v>
      </c>
      <c r="O840">
        <v>1029.566</v>
      </c>
      <c r="P840">
        <v>0</v>
      </c>
      <c r="Q840">
        <v>0</v>
      </c>
      <c r="R840">
        <v>1072.472</v>
      </c>
      <c r="S840">
        <v>0</v>
      </c>
      <c r="T840">
        <v>1090.0509999999999</v>
      </c>
      <c r="U840">
        <v>1109.421</v>
      </c>
      <c r="V840">
        <v>1124.373</v>
      </c>
      <c r="W840">
        <v>1129.9349999999999</v>
      </c>
      <c r="X840">
        <v>1141.9770000000001</v>
      </c>
      <c r="Y840">
        <v>1160.1289999999999</v>
      </c>
    </row>
    <row r="841" spans="1:25" x14ac:dyDescent="0.3">
      <c r="A841">
        <v>22.483333336018646</v>
      </c>
      <c r="B841">
        <v>1010.145</v>
      </c>
      <c r="C841">
        <v>1035.7729999999999</v>
      </c>
      <c r="D841">
        <v>1040.7470000000001</v>
      </c>
      <c r="E841">
        <v>1061.6869999999999</v>
      </c>
      <c r="F841">
        <v>1083.4069999999999</v>
      </c>
      <c r="G841">
        <v>1098.25</v>
      </c>
      <c r="H841">
        <v>1113.655</v>
      </c>
      <c r="I841">
        <v>1122.0060000000001</v>
      </c>
      <c r="J841">
        <v>1120.9100000000001</v>
      </c>
      <c r="K841">
        <v>1125.3820000000001</v>
      </c>
      <c r="L841">
        <v>1128.001</v>
      </c>
      <c r="M841">
        <v>1109.5930000000001</v>
      </c>
      <c r="N841">
        <v>999.51099999999997</v>
      </c>
      <c r="O841">
        <v>1025.8510000000001</v>
      </c>
      <c r="P841">
        <v>0</v>
      </c>
      <c r="Q841">
        <v>0</v>
      </c>
      <c r="R841">
        <v>1072.6600000000001</v>
      </c>
      <c r="S841">
        <v>0</v>
      </c>
      <c r="T841">
        <v>1091.7950000000001</v>
      </c>
      <c r="U841">
        <v>1111.2370000000001</v>
      </c>
      <c r="V841">
        <v>1122.1569999999999</v>
      </c>
      <c r="W841">
        <v>1129.9179999999999</v>
      </c>
      <c r="X841">
        <v>1144.8599999999999</v>
      </c>
      <c r="Y841">
        <v>1159.9010000000001</v>
      </c>
    </row>
    <row r="842" spans="1:25" x14ac:dyDescent="0.3">
      <c r="A842">
        <v>22.500000006581345</v>
      </c>
      <c r="B842">
        <v>1013.948</v>
      </c>
      <c r="C842">
        <v>1038.1289999999999</v>
      </c>
      <c r="D842">
        <v>1041.5219999999999</v>
      </c>
      <c r="E842">
        <v>1060.0899999999999</v>
      </c>
      <c r="F842">
        <v>1080.3209999999999</v>
      </c>
      <c r="G842">
        <v>1097.9490000000001</v>
      </c>
      <c r="H842">
        <v>1117.471</v>
      </c>
      <c r="I842">
        <v>1129.8040000000001</v>
      </c>
      <c r="J842">
        <v>1127.0519999999999</v>
      </c>
      <c r="K842">
        <v>1131.152</v>
      </c>
      <c r="L842">
        <v>1132.8219999999999</v>
      </c>
      <c r="M842">
        <v>1119.568</v>
      </c>
      <c r="N842">
        <v>993.24900000000002</v>
      </c>
      <c r="O842">
        <v>1024.2</v>
      </c>
      <c r="P842">
        <v>0</v>
      </c>
      <c r="Q842">
        <v>0</v>
      </c>
      <c r="R842">
        <v>1069.0250000000001</v>
      </c>
      <c r="S842">
        <v>0</v>
      </c>
      <c r="T842">
        <v>1091.2139999999999</v>
      </c>
      <c r="U842">
        <v>1110.953</v>
      </c>
      <c r="V842">
        <v>1119.7760000000001</v>
      </c>
      <c r="W842">
        <v>1127.8489999999999</v>
      </c>
      <c r="X842">
        <v>1143.8869999999999</v>
      </c>
      <c r="Y842">
        <v>1161.799</v>
      </c>
    </row>
    <row r="843" spans="1:25" x14ac:dyDescent="0.3">
      <c r="A843">
        <v>22.533333337229365</v>
      </c>
      <c r="B843">
        <v>1005.047</v>
      </c>
      <c r="C843">
        <v>1039.2329999999999</v>
      </c>
      <c r="D843">
        <v>1052.78</v>
      </c>
      <c r="E843">
        <v>1068.652</v>
      </c>
      <c r="F843">
        <v>1088.106</v>
      </c>
      <c r="G843">
        <v>1103.383</v>
      </c>
      <c r="H843">
        <v>1119.8140000000001</v>
      </c>
      <c r="I843">
        <v>1126.1780000000001</v>
      </c>
      <c r="J843">
        <v>1123.73</v>
      </c>
      <c r="K843">
        <v>1126.33</v>
      </c>
      <c r="L843">
        <v>1127.6400000000001</v>
      </c>
      <c r="M843">
        <v>1112.672</v>
      </c>
      <c r="N843">
        <v>988.28</v>
      </c>
      <c r="O843">
        <v>1031.1880000000001</v>
      </c>
      <c r="P843">
        <v>0</v>
      </c>
      <c r="Q843">
        <v>0</v>
      </c>
      <c r="R843">
        <v>1070.758</v>
      </c>
      <c r="S843">
        <v>0</v>
      </c>
      <c r="T843">
        <v>1092.693</v>
      </c>
      <c r="U843">
        <v>1115.1089999999999</v>
      </c>
      <c r="V843">
        <v>1127.6210000000001</v>
      </c>
      <c r="W843">
        <v>1134.4739999999999</v>
      </c>
      <c r="X843">
        <v>1146.405</v>
      </c>
      <c r="Y843">
        <v>1164.713</v>
      </c>
    </row>
    <row r="844" spans="1:25" x14ac:dyDescent="0.3">
      <c r="A844">
        <v>22.549999997314686</v>
      </c>
      <c r="B844">
        <v>1004.6079999999999</v>
      </c>
      <c r="C844">
        <v>1038.9939999999999</v>
      </c>
      <c r="D844">
        <v>1054.1690000000001</v>
      </c>
      <c r="E844">
        <v>1075.1759999999999</v>
      </c>
      <c r="F844">
        <v>1092.9739999999999</v>
      </c>
      <c r="G844">
        <v>1110.5940000000001</v>
      </c>
      <c r="H844">
        <v>1122.799</v>
      </c>
      <c r="I844">
        <v>1126.33</v>
      </c>
      <c r="J844">
        <v>1123.559</v>
      </c>
      <c r="K844">
        <v>1124.8689999999999</v>
      </c>
      <c r="L844">
        <v>1127.298</v>
      </c>
      <c r="M844">
        <v>1108.498</v>
      </c>
      <c r="N844">
        <v>989.35400000000004</v>
      </c>
      <c r="O844">
        <v>1034.5940000000001</v>
      </c>
      <c r="P844">
        <v>0</v>
      </c>
      <c r="Q844">
        <v>0</v>
      </c>
      <c r="R844">
        <v>1070.441</v>
      </c>
      <c r="S844">
        <v>0</v>
      </c>
      <c r="T844">
        <v>1095.1659999999999</v>
      </c>
      <c r="U844">
        <v>1114.1079999999999</v>
      </c>
      <c r="V844">
        <v>1128.3610000000001</v>
      </c>
      <c r="W844">
        <v>1134.796</v>
      </c>
      <c r="X844">
        <v>1148.752</v>
      </c>
      <c r="Y844">
        <v>1160.8589999999999</v>
      </c>
    </row>
    <row r="845" spans="1:25" x14ac:dyDescent="0.3">
      <c r="A845">
        <v>22.583333338440085</v>
      </c>
      <c r="B845">
        <v>1005.997</v>
      </c>
      <c r="C845">
        <v>1042.059</v>
      </c>
      <c r="D845">
        <v>1061.3530000000001</v>
      </c>
      <c r="E845">
        <v>1079.837</v>
      </c>
      <c r="F845">
        <v>1099.3969999999999</v>
      </c>
      <c r="G845">
        <v>1107.9159999999999</v>
      </c>
      <c r="H845">
        <v>1120.74</v>
      </c>
      <c r="I845">
        <v>1128.6659999999999</v>
      </c>
      <c r="J845">
        <v>1124.5650000000001</v>
      </c>
      <c r="K845">
        <v>1126.597</v>
      </c>
      <c r="L845">
        <v>1128.836</v>
      </c>
      <c r="M845">
        <v>1107.163</v>
      </c>
      <c r="N845">
        <v>989.62699999999995</v>
      </c>
      <c r="O845">
        <v>1033.931</v>
      </c>
      <c r="P845">
        <v>0</v>
      </c>
      <c r="Q845">
        <v>0</v>
      </c>
      <c r="R845">
        <v>1074.45</v>
      </c>
      <c r="S845">
        <v>0</v>
      </c>
      <c r="T845">
        <v>1095.693</v>
      </c>
      <c r="U845">
        <v>1114.827</v>
      </c>
      <c r="V845">
        <v>1132.557</v>
      </c>
      <c r="W845">
        <v>1137.268</v>
      </c>
      <c r="X845">
        <v>1145.528</v>
      </c>
      <c r="Y845">
        <v>1156.9680000000001</v>
      </c>
    </row>
    <row r="846" spans="1:25" x14ac:dyDescent="0.3">
      <c r="A846">
        <v>22.616666669088104</v>
      </c>
      <c r="B846">
        <v>1010.054</v>
      </c>
      <c r="C846">
        <v>1044.316</v>
      </c>
      <c r="D846">
        <v>1058.885</v>
      </c>
      <c r="E846">
        <v>1075.1410000000001</v>
      </c>
      <c r="F846">
        <v>1095.1479999999999</v>
      </c>
      <c r="G846">
        <v>1107.259</v>
      </c>
      <c r="H846">
        <v>1118.134</v>
      </c>
      <c r="I846">
        <v>1125.7239999999999</v>
      </c>
      <c r="J846">
        <v>1126.066</v>
      </c>
      <c r="K846">
        <v>1127.0909999999999</v>
      </c>
      <c r="L846">
        <v>1126.3699999999999</v>
      </c>
      <c r="M846">
        <v>1105.472</v>
      </c>
      <c r="N846">
        <v>993.41399999999999</v>
      </c>
      <c r="O846">
        <v>1036.8779999999999</v>
      </c>
      <c r="P846">
        <v>0</v>
      </c>
      <c r="Q846">
        <v>0</v>
      </c>
      <c r="R846">
        <v>1073.6120000000001</v>
      </c>
      <c r="S846">
        <v>0</v>
      </c>
      <c r="T846">
        <v>1093.3689999999999</v>
      </c>
      <c r="U846">
        <v>1115.6400000000001</v>
      </c>
      <c r="V846">
        <v>1131.059</v>
      </c>
      <c r="W846">
        <v>1135.576</v>
      </c>
      <c r="X846">
        <v>1144.48</v>
      </c>
      <c r="Y846">
        <v>1155.3579999999999</v>
      </c>
    </row>
    <row r="847" spans="1:25" x14ac:dyDescent="0.3">
      <c r="A847">
        <v>22.633333339650804</v>
      </c>
      <c r="B847">
        <v>1003.658</v>
      </c>
      <c r="C847">
        <v>1041.079</v>
      </c>
      <c r="D847">
        <v>1055.134</v>
      </c>
      <c r="E847">
        <v>1074.5050000000001</v>
      </c>
      <c r="F847">
        <v>1093.2919999999999</v>
      </c>
      <c r="G847">
        <v>1104.7370000000001</v>
      </c>
      <c r="H847">
        <v>1116.2619999999999</v>
      </c>
      <c r="I847">
        <v>1126.3679999999999</v>
      </c>
      <c r="J847">
        <v>1132.1579999999999</v>
      </c>
      <c r="K847">
        <v>1131</v>
      </c>
      <c r="L847">
        <v>1132.2339999999999</v>
      </c>
      <c r="M847">
        <v>1111.7650000000001</v>
      </c>
      <c r="N847">
        <v>1002.672</v>
      </c>
      <c r="O847">
        <v>1028.1310000000001</v>
      </c>
      <c r="P847">
        <v>0</v>
      </c>
      <c r="Q847">
        <v>0</v>
      </c>
      <c r="R847">
        <v>1069.7329999999999</v>
      </c>
      <c r="S847">
        <v>0</v>
      </c>
      <c r="T847">
        <v>1092.73</v>
      </c>
      <c r="U847">
        <v>1114.769</v>
      </c>
      <c r="V847">
        <v>1128.95</v>
      </c>
      <c r="W847">
        <v>1132.8789999999999</v>
      </c>
      <c r="X847">
        <v>1141.693</v>
      </c>
      <c r="Y847">
        <v>1155.452</v>
      </c>
    </row>
    <row r="848" spans="1:25" x14ac:dyDescent="0.3">
      <c r="A848">
        <v>22.666666670298824</v>
      </c>
      <c r="B848">
        <v>990.32</v>
      </c>
      <c r="C848">
        <v>1039.7329999999999</v>
      </c>
      <c r="D848">
        <v>1052.931</v>
      </c>
      <c r="E848">
        <v>1072.7370000000001</v>
      </c>
      <c r="F848">
        <v>1090.318</v>
      </c>
      <c r="G848">
        <v>1102.4639999999999</v>
      </c>
      <c r="H848">
        <v>1112.845</v>
      </c>
      <c r="I848">
        <v>1120.6659999999999</v>
      </c>
      <c r="J848">
        <v>1130.7550000000001</v>
      </c>
      <c r="K848">
        <v>1131.4770000000001</v>
      </c>
      <c r="L848">
        <v>1129.9010000000001</v>
      </c>
      <c r="M848">
        <v>1108.6510000000001</v>
      </c>
      <c r="N848">
        <v>1001.651</v>
      </c>
      <c r="O848">
        <v>1021.378</v>
      </c>
      <c r="P848">
        <v>0</v>
      </c>
      <c r="Q848">
        <v>0</v>
      </c>
      <c r="R848">
        <v>1073.296</v>
      </c>
      <c r="S848">
        <v>0</v>
      </c>
      <c r="T848">
        <v>1094.212</v>
      </c>
      <c r="U848">
        <v>1119.9110000000001</v>
      </c>
      <c r="V848">
        <v>1137.9369999999999</v>
      </c>
      <c r="W848">
        <v>1145.778</v>
      </c>
      <c r="X848">
        <v>1149.6510000000001</v>
      </c>
      <c r="Y848">
        <v>1157.3150000000001</v>
      </c>
    </row>
    <row r="849" spans="1:25" x14ac:dyDescent="0.3">
      <c r="A849">
        <v>22.683333330384144</v>
      </c>
      <c r="B849">
        <v>977.35599999999999</v>
      </c>
      <c r="C849">
        <v>1040.6379999999999</v>
      </c>
      <c r="D849">
        <v>1050.1400000000001</v>
      </c>
      <c r="E849">
        <v>1069.5309999999999</v>
      </c>
      <c r="F849">
        <v>1087.117</v>
      </c>
      <c r="G849">
        <v>1099.3810000000001</v>
      </c>
      <c r="H849">
        <v>1114.904</v>
      </c>
      <c r="I849">
        <v>1121.498</v>
      </c>
      <c r="J849">
        <v>1126.941</v>
      </c>
      <c r="K849">
        <v>1128.5350000000001</v>
      </c>
      <c r="L849">
        <v>1126.01</v>
      </c>
      <c r="M849">
        <v>1105.154</v>
      </c>
      <c r="N849">
        <v>1000.5549999999999</v>
      </c>
      <c r="O849">
        <v>1025.028</v>
      </c>
      <c r="P849">
        <v>0</v>
      </c>
      <c r="Q849">
        <v>0</v>
      </c>
      <c r="R849">
        <v>1074.8810000000001</v>
      </c>
      <c r="S849">
        <v>0</v>
      </c>
      <c r="T849">
        <v>1093.22</v>
      </c>
      <c r="U849">
        <v>1113.223</v>
      </c>
      <c r="V849">
        <v>1131.819</v>
      </c>
      <c r="W849">
        <v>1142.364</v>
      </c>
      <c r="X849">
        <v>1153.404</v>
      </c>
      <c r="Y849">
        <v>1154.0170000000001</v>
      </c>
    </row>
    <row r="850" spans="1:25" x14ac:dyDescent="0.3">
      <c r="A850">
        <v>22.716666671509543</v>
      </c>
      <c r="B850">
        <v>972.74800000000005</v>
      </c>
      <c r="C850">
        <v>1041.08</v>
      </c>
      <c r="D850">
        <v>1048.604</v>
      </c>
      <c r="E850">
        <v>1069.3989999999999</v>
      </c>
      <c r="F850">
        <v>1088.6130000000001</v>
      </c>
      <c r="G850">
        <v>1106.769</v>
      </c>
      <c r="H850">
        <v>1119.9280000000001</v>
      </c>
      <c r="I850">
        <v>1130.432</v>
      </c>
      <c r="J850">
        <v>1132.3679999999999</v>
      </c>
      <c r="K850">
        <v>1133.0889999999999</v>
      </c>
      <c r="L850">
        <v>1128.6849999999999</v>
      </c>
      <c r="M850">
        <v>1108.7249999999999</v>
      </c>
      <c r="N850">
        <v>995.59799999999996</v>
      </c>
      <c r="O850">
        <v>1022.954</v>
      </c>
      <c r="P850">
        <v>0</v>
      </c>
      <c r="Q850">
        <v>0</v>
      </c>
      <c r="R850">
        <v>1074.73</v>
      </c>
      <c r="S850">
        <v>0</v>
      </c>
      <c r="T850">
        <v>1094.3979999999999</v>
      </c>
      <c r="U850">
        <v>1115.942</v>
      </c>
      <c r="V850">
        <v>1131.3620000000001</v>
      </c>
      <c r="W850">
        <v>1138.0889999999999</v>
      </c>
      <c r="X850">
        <v>1149.9549999999999</v>
      </c>
      <c r="Y850">
        <v>1160.4580000000001</v>
      </c>
    </row>
    <row r="851" spans="1:25" x14ac:dyDescent="0.3">
      <c r="A851">
        <v>22.750000002157563</v>
      </c>
      <c r="B851">
        <v>979.947</v>
      </c>
      <c r="C851">
        <v>1038.81</v>
      </c>
      <c r="D851">
        <v>1048.547</v>
      </c>
      <c r="E851">
        <v>1070.367</v>
      </c>
      <c r="F851">
        <v>1088.5550000000001</v>
      </c>
      <c r="G851">
        <v>1106.0350000000001</v>
      </c>
      <c r="H851">
        <v>1118.454</v>
      </c>
      <c r="I851">
        <v>1129.8610000000001</v>
      </c>
      <c r="J851">
        <v>1130.7909999999999</v>
      </c>
      <c r="K851">
        <v>1130.4110000000001</v>
      </c>
      <c r="L851">
        <v>1128.3610000000001</v>
      </c>
      <c r="M851">
        <v>1106.9179999999999</v>
      </c>
      <c r="N851">
        <v>998.63699999999994</v>
      </c>
      <c r="O851">
        <v>1018.772</v>
      </c>
      <c r="P851">
        <v>0</v>
      </c>
      <c r="Q851">
        <v>0</v>
      </c>
      <c r="R851">
        <v>1070.8889999999999</v>
      </c>
      <c r="S851">
        <v>0</v>
      </c>
      <c r="T851">
        <v>1096.463</v>
      </c>
      <c r="U851">
        <v>1121.3630000000001</v>
      </c>
      <c r="V851">
        <v>1137.8779999999999</v>
      </c>
      <c r="W851">
        <v>1138.164</v>
      </c>
      <c r="X851">
        <v>1143.4100000000001</v>
      </c>
      <c r="Y851">
        <v>1152.557</v>
      </c>
    </row>
    <row r="852" spans="1:25" x14ac:dyDescent="0.3">
      <c r="A852">
        <v>22.766666672720262</v>
      </c>
      <c r="B852">
        <v>982.72400000000005</v>
      </c>
      <c r="C852">
        <v>1041.0999999999999</v>
      </c>
      <c r="D852">
        <v>1049.7139999999999</v>
      </c>
      <c r="E852">
        <v>1069.903</v>
      </c>
      <c r="F852">
        <v>1086.124</v>
      </c>
      <c r="G852">
        <v>1101.0540000000001</v>
      </c>
      <c r="H852">
        <v>1115.2629999999999</v>
      </c>
      <c r="I852">
        <v>1126.2760000000001</v>
      </c>
      <c r="J852">
        <v>1124.681</v>
      </c>
      <c r="K852">
        <v>1124.377</v>
      </c>
      <c r="L852">
        <v>1124.0740000000001</v>
      </c>
      <c r="M852">
        <v>1105.7919999999999</v>
      </c>
      <c r="N852">
        <v>993.74300000000005</v>
      </c>
      <c r="O852">
        <v>1022.717</v>
      </c>
      <c r="P852">
        <v>0</v>
      </c>
      <c r="Q852">
        <v>0</v>
      </c>
      <c r="R852">
        <v>1071.078</v>
      </c>
      <c r="S852">
        <v>0</v>
      </c>
      <c r="T852">
        <v>1095.6379999999999</v>
      </c>
      <c r="U852">
        <v>1119.873</v>
      </c>
      <c r="V852">
        <v>1139.2339999999999</v>
      </c>
      <c r="W852">
        <v>1139.921</v>
      </c>
      <c r="X852">
        <v>1143.8699999999999</v>
      </c>
      <c r="Y852">
        <v>1147.819</v>
      </c>
    </row>
    <row r="853" spans="1:25" x14ac:dyDescent="0.3">
      <c r="A853">
        <v>22.800000003368282</v>
      </c>
      <c r="B853">
        <v>1000.207</v>
      </c>
      <c r="C853">
        <v>1044.6120000000001</v>
      </c>
      <c r="D853">
        <v>1052.191</v>
      </c>
      <c r="E853">
        <v>1070.6859999999999</v>
      </c>
      <c r="F853">
        <v>1083.69</v>
      </c>
      <c r="G853">
        <v>1097.895</v>
      </c>
      <c r="H853">
        <v>1113.4110000000001</v>
      </c>
      <c r="I853">
        <v>1125.402</v>
      </c>
      <c r="J853">
        <v>1127.2249999999999</v>
      </c>
      <c r="K853">
        <v>1132.3119999999999</v>
      </c>
      <c r="L853">
        <v>1132.2550000000001</v>
      </c>
      <c r="M853">
        <v>1114.0160000000001</v>
      </c>
      <c r="N853">
        <v>994.99800000000005</v>
      </c>
      <c r="O853">
        <v>1031.4839999999999</v>
      </c>
      <c r="P853">
        <v>0</v>
      </c>
      <c r="Q853">
        <v>0</v>
      </c>
      <c r="R853">
        <v>1072.625</v>
      </c>
      <c r="S853">
        <v>0</v>
      </c>
      <c r="T853">
        <v>1094.567</v>
      </c>
      <c r="U853">
        <v>1114.375</v>
      </c>
      <c r="V853">
        <v>1130.0719999999999</v>
      </c>
      <c r="W853">
        <v>1133.7929999999999</v>
      </c>
      <c r="X853">
        <v>1142.21</v>
      </c>
      <c r="Y853">
        <v>1155.819</v>
      </c>
    </row>
    <row r="854" spans="1:25" x14ac:dyDescent="0.3">
      <c r="A854">
        <v>22.816666663453603</v>
      </c>
      <c r="B854">
        <v>1010.054</v>
      </c>
      <c r="C854">
        <v>1046.201</v>
      </c>
      <c r="D854">
        <v>1054.8389999999999</v>
      </c>
      <c r="E854">
        <v>1074.47</v>
      </c>
      <c r="F854">
        <v>1083.54</v>
      </c>
      <c r="G854">
        <v>1099.981</v>
      </c>
      <c r="H854">
        <v>1112.5039999999999</v>
      </c>
      <c r="I854">
        <v>1125.079</v>
      </c>
      <c r="J854">
        <v>1125.155</v>
      </c>
      <c r="K854">
        <v>1130.432</v>
      </c>
      <c r="L854">
        <v>1128.211</v>
      </c>
      <c r="M854">
        <v>1110.3689999999999</v>
      </c>
      <c r="N854">
        <v>991.13900000000001</v>
      </c>
      <c r="O854">
        <v>1031.0419999999999</v>
      </c>
      <c r="P854">
        <v>0</v>
      </c>
      <c r="Q854">
        <v>0</v>
      </c>
      <c r="R854">
        <v>1072.1949999999999</v>
      </c>
      <c r="S854">
        <v>0</v>
      </c>
      <c r="T854">
        <v>1094.3979999999999</v>
      </c>
      <c r="U854">
        <v>1117</v>
      </c>
      <c r="V854">
        <v>1121.5160000000001</v>
      </c>
      <c r="W854">
        <v>1128.002</v>
      </c>
      <c r="X854">
        <v>1136.412</v>
      </c>
      <c r="Y854">
        <v>1159.807</v>
      </c>
    </row>
    <row r="855" spans="1:25" x14ac:dyDescent="0.3">
      <c r="A855">
        <v>22.850000004579002</v>
      </c>
      <c r="B855">
        <v>1002.473</v>
      </c>
      <c r="C855">
        <v>1045.703</v>
      </c>
      <c r="D855">
        <v>1052.8019999999999</v>
      </c>
      <c r="E855">
        <v>1073.278</v>
      </c>
      <c r="F855">
        <v>1082.904</v>
      </c>
      <c r="G855">
        <v>1096.8040000000001</v>
      </c>
      <c r="H855">
        <v>1110.9179999999999</v>
      </c>
      <c r="I855">
        <v>1123.258</v>
      </c>
      <c r="J855">
        <v>1129.9970000000001</v>
      </c>
      <c r="K855">
        <v>1136.8119999999999</v>
      </c>
      <c r="L855">
        <v>1136.489</v>
      </c>
      <c r="M855">
        <v>1116.6990000000001</v>
      </c>
      <c r="N855">
        <v>987.59100000000001</v>
      </c>
      <c r="O855">
        <v>1030.749</v>
      </c>
      <c r="P855">
        <v>0</v>
      </c>
      <c r="Q855">
        <v>0</v>
      </c>
      <c r="R855">
        <v>1073.501</v>
      </c>
      <c r="S855">
        <v>0</v>
      </c>
      <c r="T855">
        <v>1097.444</v>
      </c>
      <c r="U855">
        <v>1121.441</v>
      </c>
      <c r="V855">
        <v>1130.7940000000001</v>
      </c>
      <c r="W855">
        <v>1136.0139999999999</v>
      </c>
      <c r="X855">
        <v>1141.3520000000001</v>
      </c>
      <c r="Y855">
        <v>1163.7190000000001</v>
      </c>
    </row>
    <row r="856" spans="1:25" x14ac:dyDescent="0.3">
      <c r="A856">
        <v>22.883333335227022</v>
      </c>
      <c r="B856">
        <v>1008.028</v>
      </c>
      <c r="C856">
        <v>1045.056</v>
      </c>
      <c r="D856">
        <v>1050.288</v>
      </c>
      <c r="E856">
        <v>1067.6479999999999</v>
      </c>
      <c r="F856">
        <v>1078.0119999999999</v>
      </c>
      <c r="G856">
        <v>1094.5309999999999</v>
      </c>
      <c r="H856">
        <v>1113.6389999999999</v>
      </c>
      <c r="I856">
        <v>1124.1310000000001</v>
      </c>
      <c r="J856">
        <v>1125.0609999999999</v>
      </c>
      <c r="K856">
        <v>1128.155</v>
      </c>
      <c r="L856">
        <v>1129.4079999999999</v>
      </c>
      <c r="M856">
        <v>1110.2950000000001</v>
      </c>
      <c r="N856">
        <v>989.32</v>
      </c>
      <c r="O856">
        <v>1032</v>
      </c>
      <c r="P856">
        <v>0</v>
      </c>
      <c r="Q856">
        <v>0</v>
      </c>
      <c r="R856">
        <v>1073.4269999999999</v>
      </c>
      <c r="S856">
        <v>0</v>
      </c>
      <c r="T856">
        <v>1094.5119999999999</v>
      </c>
      <c r="U856">
        <v>1117.4929999999999</v>
      </c>
      <c r="V856">
        <v>1130.2619999999999</v>
      </c>
      <c r="W856">
        <v>1137.0409999999999</v>
      </c>
      <c r="X856">
        <v>1143.8130000000001</v>
      </c>
      <c r="Y856">
        <v>1161.5139999999999</v>
      </c>
    </row>
    <row r="857" spans="1:25" x14ac:dyDescent="0.3">
      <c r="A857">
        <v>22.900000005789721</v>
      </c>
      <c r="B857">
        <v>1010.822</v>
      </c>
      <c r="C857">
        <v>1044.223</v>
      </c>
      <c r="D857">
        <v>1048.9559999999999</v>
      </c>
      <c r="E857">
        <v>1065.9570000000001</v>
      </c>
      <c r="F857">
        <v>1078.347</v>
      </c>
      <c r="G857">
        <v>1094.155</v>
      </c>
      <c r="H857">
        <v>1115.0730000000001</v>
      </c>
      <c r="I857">
        <v>1125.421</v>
      </c>
      <c r="J857">
        <v>1128.04</v>
      </c>
      <c r="K857">
        <v>1131.4570000000001</v>
      </c>
      <c r="L857">
        <v>1133.5260000000001</v>
      </c>
      <c r="M857">
        <v>1114.5070000000001</v>
      </c>
      <c r="N857">
        <v>988.5</v>
      </c>
      <c r="O857">
        <v>1031.4839999999999</v>
      </c>
      <c r="P857">
        <v>0</v>
      </c>
      <c r="Q857">
        <v>0</v>
      </c>
      <c r="R857">
        <v>1070.5360000000001</v>
      </c>
      <c r="S857">
        <v>0</v>
      </c>
      <c r="T857">
        <v>1093.2940000000001</v>
      </c>
      <c r="U857">
        <v>1112.655</v>
      </c>
      <c r="V857">
        <v>1127.1859999999999</v>
      </c>
      <c r="W857">
        <v>1131.3620000000001</v>
      </c>
      <c r="X857">
        <v>1142.2860000000001</v>
      </c>
      <c r="Y857">
        <v>1158.2149999999999</v>
      </c>
    </row>
    <row r="858" spans="1:25" x14ac:dyDescent="0.3">
      <c r="A858">
        <v>22.933333336437741</v>
      </c>
      <c r="B858">
        <v>1006.438</v>
      </c>
      <c r="C858">
        <v>1045.056</v>
      </c>
      <c r="D858">
        <v>1049.585</v>
      </c>
      <c r="E858">
        <v>1066.96</v>
      </c>
      <c r="F858">
        <v>1079.4659999999999</v>
      </c>
      <c r="G858">
        <v>1094.0440000000001</v>
      </c>
      <c r="H858">
        <v>1114.0170000000001</v>
      </c>
      <c r="I858">
        <v>1123.4860000000001</v>
      </c>
      <c r="J858">
        <v>1125.934</v>
      </c>
      <c r="K858">
        <v>1130.0540000000001</v>
      </c>
      <c r="L858">
        <v>1134.059</v>
      </c>
      <c r="M858">
        <v>1117.663</v>
      </c>
      <c r="N858">
        <v>991.01300000000003</v>
      </c>
      <c r="O858">
        <v>1032.1849999999999</v>
      </c>
      <c r="P858">
        <v>0</v>
      </c>
      <c r="Q858">
        <v>0</v>
      </c>
      <c r="R858">
        <v>1072.29</v>
      </c>
      <c r="S858">
        <v>0</v>
      </c>
      <c r="T858">
        <v>1094.549</v>
      </c>
      <c r="U858">
        <v>1115.7739999999999</v>
      </c>
      <c r="V858">
        <v>1127.9659999999999</v>
      </c>
      <c r="W858">
        <v>1131.876</v>
      </c>
      <c r="X858">
        <v>1142.325</v>
      </c>
      <c r="Y858">
        <v>1152.1769999999999</v>
      </c>
    </row>
    <row r="859" spans="1:25" x14ac:dyDescent="0.3">
      <c r="A859">
        <v>22.949999996523061</v>
      </c>
      <c r="B859">
        <v>993.69</v>
      </c>
      <c r="C859">
        <v>1045.575</v>
      </c>
      <c r="D859">
        <v>1048.2929999999999</v>
      </c>
      <c r="E859">
        <v>1065.867</v>
      </c>
      <c r="F859">
        <v>1080.9780000000001</v>
      </c>
      <c r="G859">
        <v>1096.261</v>
      </c>
      <c r="H859">
        <v>1113.3</v>
      </c>
      <c r="I859">
        <v>1123.6959999999999</v>
      </c>
      <c r="J859">
        <v>1124.4739999999999</v>
      </c>
      <c r="K859">
        <v>1128.1379999999999</v>
      </c>
      <c r="L859">
        <v>1134.25</v>
      </c>
      <c r="M859">
        <v>1118.3820000000001</v>
      </c>
      <c r="N859">
        <v>998.25900000000001</v>
      </c>
      <c r="O859">
        <v>1035.058</v>
      </c>
      <c r="P859">
        <v>0</v>
      </c>
      <c r="Q859">
        <v>0</v>
      </c>
      <c r="R859">
        <v>1076.97</v>
      </c>
      <c r="S859">
        <v>0</v>
      </c>
      <c r="T859">
        <v>1094.7570000000001</v>
      </c>
      <c r="U859">
        <v>1114.415</v>
      </c>
      <c r="V859">
        <v>1129.22</v>
      </c>
      <c r="W859">
        <v>1134.896</v>
      </c>
      <c r="X859">
        <v>1144.2159999999999</v>
      </c>
      <c r="Y859">
        <v>1160.116</v>
      </c>
    </row>
    <row r="860" spans="1:25" x14ac:dyDescent="0.3">
      <c r="A860">
        <v>22.98333333764846</v>
      </c>
      <c r="B860">
        <v>1001.4160000000001</v>
      </c>
      <c r="C860">
        <v>1049.0509999999999</v>
      </c>
      <c r="D860">
        <v>1052.009</v>
      </c>
      <c r="E860">
        <v>1069.7380000000001</v>
      </c>
      <c r="F860">
        <v>1084.048</v>
      </c>
      <c r="G860">
        <v>1095.7719999999999</v>
      </c>
      <c r="H860">
        <v>1115.3979999999999</v>
      </c>
      <c r="I860">
        <v>1125.9559999999999</v>
      </c>
      <c r="J860">
        <v>1125.538</v>
      </c>
      <c r="K860">
        <v>1130.777</v>
      </c>
      <c r="L860">
        <v>1134.5740000000001</v>
      </c>
      <c r="M860">
        <v>1118.836</v>
      </c>
      <c r="N860">
        <v>992.38</v>
      </c>
      <c r="O860">
        <v>1038.778</v>
      </c>
      <c r="P860">
        <v>0</v>
      </c>
      <c r="Q860">
        <v>0</v>
      </c>
      <c r="R860">
        <v>1076.4490000000001</v>
      </c>
      <c r="S860">
        <v>0</v>
      </c>
      <c r="T860">
        <v>1097.4459999999999</v>
      </c>
      <c r="U860">
        <v>1116.5319999999999</v>
      </c>
      <c r="V860">
        <v>1134.877</v>
      </c>
      <c r="W860">
        <v>1136.0730000000001</v>
      </c>
      <c r="X860">
        <v>1149.653</v>
      </c>
      <c r="Y860">
        <v>1160.634</v>
      </c>
    </row>
    <row r="861" spans="1:25" x14ac:dyDescent="0.3">
      <c r="A861">
        <v>23.01666666829648</v>
      </c>
      <c r="B861">
        <v>1005.085</v>
      </c>
      <c r="C861">
        <v>1051.155</v>
      </c>
      <c r="D861">
        <v>1056.528</v>
      </c>
      <c r="E861">
        <v>1074.5250000000001</v>
      </c>
      <c r="F861">
        <v>1089.212</v>
      </c>
      <c r="G861">
        <v>1100.7149999999999</v>
      </c>
      <c r="H861">
        <v>1117.586</v>
      </c>
      <c r="I861">
        <v>1127.1669999999999</v>
      </c>
      <c r="J861">
        <v>1129.768</v>
      </c>
      <c r="K861">
        <v>1133.982</v>
      </c>
      <c r="L861">
        <v>1136.412</v>
      </c>
      <c r="M861">
        <v>1117.3409999999999</v>
      </c>
      <c r="N861">
        <v>996.70899999999995</v>
      </c>
      <c r="O861">
        <v>1036.51</v>
      </c>
      <c r="P861">
        <v>0</v>
      </c>
      <c r="Q861">
        <v>0</v>
      </c>
      <c r="R861">
        <v>1081.0119999999999</v>
      </c>
      <c r="S861">
        <v>0</v>
      </c>
      <c r="T861">
        <v>1098.646</v>
      </c>
      <c r="U861">
        <v>1117.2650000000001</v>
      </c>
      <c r="V861">
        <v>1140.2260000000001</v>
      </c>
      <c r="W861">
        <v>1149.421</v>
      </c>
      <c r="X861">
        <v>1158.6369999999999</v>
      </c>
      <c r="Y861">
        <v>1160.6310000000001</v>
      </c>
    </row>
    <row r="862" spans="1:25" x14ac:dyDescent="0.3">
      <c r="A862">
        <v>23.03333333885918</v>
      </c>
      <c r="B862">
        <v>1005.123</v>
      </c>
      <c r="C862">
        <v>1051.3969999999999</v>
      </c>
      <c r="D862">
        <v>1055.1559999999999</v>
      </c>
      <c r="E862">
        <v>1074.527</v>
      </c>
      <c r="F862">
        <v>1091.5160000000001</v>
      </c>
      <c r="G862">
        <v>1107.26</v>
      </c>
      <c r="H862">
        <v>1125.422</v>
      </c>
      <c r="I862">
        <v>1134.173</v>
      </c>
      <c r="J862">
        <v>1132.825</v>
      </c>
      <c r="K862">
        <v>1132.8820000000001</v>
      </c>
      <c r="L862">
        <v>1135.691</v>
      </c>
      <c r="M862">
        <v>1117.4169999999999</v>
      </c>
      <c r="N862">
        <v>995.96400000000006</v>
      </c>
      <c r="O862">
        <v>1031.2090000000001</v>
      </c>
      <c r="P862">
        <v>0</v>
      </c>
      <c r="Q862">
        <v>0</v>
      </c>
      <c r="R862">
        <v>1085.076</v>
      </c>
      <c r="S862">
        <v>0</v>
      </c>
      <c r="T862">
        <v>1101.6369999999999</v>
      </c>
      <c r="U862">
        <v>1120.6859999999999</v>
      </c>
      <c r="V862">
        <v>1136.432</v>
      </c>
      <c r="W862">
        <v>1148.278</v>
      </c>
      <c r="X862">
        <v>1160.191</v>
      </c>
      <c r="Y862">
        <v>1160.114</v>
      </c>
    </row>
    <row r="863" spans="1:25" x14ac:dyDescent="0.3">
      <c r="A863">
        <v>23.0666666695072</v>
      </c>
      <c r="B863">
        <v>1015.146</v>
      </c>
      <c r="C863">
        <v>1049.0150000000001</v>
      </c>
      <c r="D863">
        <v>1051.825</v>
      </c>
      <c r="E863">
        <v>1075.107</v>
      </c>
      <c r="F863">
        <v>1094.777</v>
      </c>
      <c r="G863">
        <v>1109.693</v>
      </c>
      <c r="H863">
        <v>1123.963</v>
      </c>
      <c r="I863">
        <v>1131.9359999999999</v>
      </c>
      <c r="J863">
        <v>1130.9110000000001</v>
      </c>
      <c r="K863">
        <v>1132.277</v>
      </c>
      <c r="L863">
        <v>1135.6559999999999</v>
      </c>
      <c r="M863">
        <v>1118.894</v>
      </c>
      <c r="N863">
        <v>990.67</v>
      </c>
      <c r="O863">
        <v>1037.6189999999999</v>
      </c>
      <c r="P863">
        <v>0</v>
      </c>
      <c r="Q863">
        <v>0</v>
      </c>
      <c r="R863">
        <v>1081.0719999999999</v>
      </c>
      <c r="S863">
        <v>0</v>
      </c>
      <c r="T863">
        <v>1101.6020000000001</v>
      </c>
      <c r="U863">
        <v>1121.9349999999999</v>
      </c>
      <c r="V863">
        <v>1136.1120000000001</v>
      </c>
      <c r="W863">
        <v>1143.3579999999999</v>
      </c>
      <c r="X863">
        <v>1154.749</v>
      </c>
      <c r="Y863">
        <v>1154.365</v>
      </c>
    </row>
    <row r="864" spans="1:25" x14ac:dyDescent="0.3">
      <c r="A864">
        <v>23.100000000155219</v>
      </c>
      <c r="B864">
        <v>1003.277</v>
      </c>
      <c r="C864">
        <v>1046.5719999999999</v>
      </c>
      <c r="D864">
        <v>1050.066</v>
      </c>
      <c r="E864">
        <v>1074.9929999999999</v>
      </c>
      <c r="F864">
        <v>1091.704</v>
      </c>
      <c r="G864">
        <v>1107.8050000000001</v>
      </c>
      <c r="H864">
        <v>1122.954</v>
      </c>
      <c r="I864">
        <v>1131.079</v>
      </c>
      <c r="J864">
        <v>1133.6220000000001</v>
      </c>
      <c r="K864">
        <v>1136.1469999999999</v>
      </c>
      <c r="L864">
        <v>1136.527</v>
      </c>
      <c r="M864">
        <v>1118.683</v>
      </c>
      <c r="N864">
        <v>995.76400000000001</v>
      </c>
      <c r="O864">
        <v>1031.2090000000001</v>
      </c>
      <c r="P864">
        <v>0</v>
      </c>
      <c r="Q864">
        <v>0</v>
      </c>
      <c r="R864">
        <v>1078.5530000000001</v>
      </c>
      <c r="S864">
        <v>0</v>
      </c>
      <c r="T864">
        <v>1098.328</v>
      </c>
      <c r="U864">
        <v>1120.799</v>
      </c>
      <c r="V864">
        <v>1139.4829999999999</v>
      </c>
      <c r="W864">
        <v>1140.4749999999999</v>
      </c>
      <c r="X864">
        <v>1151.5250000000001</v>
      </c>
      <c r="Y864">
        <v>1160.364</v>
      </c>
    </row>
    <row r="865" spans="1:25" x14ac:dyDescent="0.3">
      <c r="A865">
        <v>23.116666670717919</v>
      </c>
      <c r="B865">
        <v>1003.078</v>
      </c>
      <c r="C865">
        <v>1046.6849999999999</v>
      </c>
      <c r="D865">
        <v>1049.2909999999999</v>
      </c>
      <c r="E865">
        <v>1073.932</v>
      </c>
      <c r="F865">
        <v>1088.8030000000001</v>
      </c>
      <c r="G865">
        <v>1103.3119999999999</v>
      </c>
      <c r="H865">
        <v>1119.799</v>
      </c>
      <c r="I865">
        <v>1128.537</v>
      </c>
      <c r="J865">
        <v>1129.865</v>
      </c>
      <c r="K865">
        <v>1132.5609999999999</v>
      </c>
      <c r="L865">
        <v>1133.1679999999999</v>
      </c>
      <c r="M865">
        <v>1115.7940000000001</v>
      </c>
      <c r="N865">
        <v>993.76300000000003</v>
      </c>
      <c r="O865">
        <v>1020.977</v>
      </c>
      <c r="P865">
        <v>0</v>
      </c>
      <c r="Q865">
        <v>0</v>
      </c>
      <c r="R865">
        <v>1077.809</v>
      </c>
      <c r="S865">
        <v>0</v>
      </c>
      <c r="T865">
        <v>1099.0630000000001</v>
      </c>
      <c r="U865">
        <v>1121.8589999999999</v>
      </c>
      <c r="V865">
        <v>1142.384</v>
      </c>
      <c r="W865">
        <v>1145.627</v>
      </c>
      <c r="X865">
        <v>1149.0419999999999</v>
      </c>
      <c r="Y865">
        <v>1154.7090000000001</v>
      </c>
    </row>
    <row r="866" spans="1:25" x14ac:dyDescent="0.3">
      <c r="A866">
        <v>23.150000001365939</v>
      </c>
      <c r="B866">
        <v>999.44299999999998</v>
      </c>
      <c r="C866">
        <v>1046.0940000000001</v>
      </c>
      <c r="D866">
        <v>1048.127</v>
      </c>
      <c r="E866">
        <v>1072.441</v>
      </c>
      <c r="F866">
        <v>1090.845</v>
      </c>
      <c r="G866">
        <v>1108.597</v>
      </c>
      <c r="H866">
        <v>1127.171</v>
      </c>
      <c r="I866">
        <v>1134.251</v>
      </c>
      <c r="J866">
        <v>1135.4469999999999</v>
      </c>
      <c r="K866">
        <v>1134.953</v>
      </c>
      <c r="L866">
        <v>1134.1179999999999</v>
      </c>
      <c r="M866">
        <v>1112.3</v>
      </c>
      <c r="N866">
        <v>993.38099999999997</v>
      </c>
      <c r="O866">
        <v>1023.563</v>
      </c>
      <c r="P866">
        <v>0</v>
      </c>
      <c r="Q866">
        <v>0</v>
      </c>
      <c r="R866">
        <v>1078.5550000000001</v>
      </c>
      <c r="S866">
        <v>0</v>
      </c>
      <c r="T866">
        <v>1101.32</v>
      </c>
      <c r="U866">
        <v>1119.7619999999999</v>
      </c>
      <c r="V866">
        <v>1139.4469999999999</v>
      </c>
      <c r="W866">
        <v>1149.2909999999999</v>
      </c>
      <c r="X866">
        <v>1158.2380000000001</v>
      </c>
      <c r="Y866">
        <v>1153.0419999999999</v>
      </c>
    </row>
    <row r="867" spans="1:25" x14ac:dyDescent="0.3">
      <c r="A867">
        <v>23.166666671928638</v>
      </c>
      <c r="B867">
        <v>997.18600000000004</v>
      </c>
      <c r="C867">
        <v>1046.778</v>
      </c>
      <c r="D867">
        <v>1049.44</v>
      </c>
      <c r="E867">
        <v>1073.579</v>
      </c>
      <c r="F867">
        <v>1098.03</v>
      </c>
      <c r="G867">
        <v>1114.2080000000001</v>
      </c>
      <c r="H867">
        <v>1129.221</v>
      </c>
      <c r="I867">
        <v>1137.2539999999999</v>
      </c>
      <c r="J867">
        <v>1136.624</v>
      </c>
      <c r="K867">
        <v>1137.3679999999999</v>
      </c>
      <c r="L867">
        <v>1131.8979999999999</v>
      </c>
      <c r="M867">
        <v>1112.0730000000001</v>
      </c>
      <c r="N867">
        <v>991.08799999999997</v>
      </c>
      <c r="O867">
        <v>1028.652</v>
      </c>
      <c r="P867">
        <v>0</v>
      </c>
      <c r="Q867">
        <v>0</v>
      </c>
      <c r="R867">
        <v>1081.297</v>
      </c>
      <c r="S867">
        <v>0</v>
      </c>
      <c r="T867">
        <v>1101.941</v>
      </c>
      <c r="U867">
        <v>1118.5730000000001</v>
      </c>
      <c r="V867">
        <v>1133.8150000000001</v>
      </c>
      <c r="W867">
        <v>1144.3309999999999</v>
      </c>
      <c r="X867">
        <v>1160.597</v>
      </c>
      <c r="Y867">
        <v>1156.1679999999999</v>
      </c>
    </row>
    <row r="868" spans="1:25" x14ac:dyDescent="0.3">
      <c r="A868">
        <v>23.200000002576658</v>
      </c>
      <c r="B868">
        <v>1001.854</v>
      </c>
      <c r="C868">
        <v>1047.425</v>
      </c>
      <c r="D868">
        <v>1050.8440000000001</v>
      </c>
      <c r="E868">
        <v>1074.3800000000001</v>
      </c>
      <c r="F868">
        <v>1100.586</v>
      </c>
      <c r="G868">
        <v>1113.0360000000001</v>
      </c>
      <c r="H868">
        <v>1126.165</v>
      </c>
      <c r="I868">
        <v>1132.5050000000001</v>
      </c>
      <c r="J868">
        <v>1135.9780000000001</v>
      </c>
      <c r="K868">
        <v>1139.943</v>
      </c>
      <c r="L868">
        <v>1139.3900000000001</v>
      </c>
      <c r="M868">
        <v>1117.835</v>
      </c>
      <c r="N868">
        <v>991.37900000000002</v>
      </c>
      <c r="O868">
        <v>1026.057</v>
      </c>
      <c r="P868">
        <v>0</v>
      </c>
      <c r="Q868">
        <v>0</v>
      </c>
      <c r="R868">
        <v>1081.4459999999999</v>
      </c>
      <c r="S868">
        <v>0</v>
      </c>
      <c r="T868">
        <v>1102.8810000000001</v>
      </c>
      <c r="U868">
        <v>1120.008</v>
      </c>
      <c r="V868">
        <v>1133.663</v>
      </c>
      <c r="W868">
        <v>1143.3389999999999</v>
      </c>
      <c r="X868">
        <v>1161.19</v>
      </c>
      <c r="Y868">
        <v>1161.6310000000001</v>
      </c>
    </row>
    <row r="869" spans="1:25" x14ac:dyDescent="0.3">
      <c r="A869">
        <v>23.233333333224678</v>
      </c>
      <c r="B869">
        <v>1008.231</v>
      </c>
      <c r="C869">
        <v>1049.366</v>
      </c>
      <c r="D869">
        <v>1053.729</v>
      </c>
      <c r="E869">
        <v>1073.1500000000001</v>
      </c>
      <c r="F869">
        <v>1096.0550000000001</v>
      </c>
      <c r="G869">
        <v>1113.056</v>
      </c>
      <c r="H869">
        <v>1126.848</v>
      </c>
      <c r="I869">
        <v>1133.037</v>
      </c>
      <c r="J869">
        <v>1140.058</v>
      </c>
      <c r="K869">
        <v>1144.1020000000001</v>
      </c>
      <c r="L869">
        <v>1143.454</v>
      </c>
      <c r="M869">
        <v>1120.915</v>
      </c>
      <c r="N869">
        <v>986.17399999999998</v>
      </c>
      <c r="O869">
        <v>1033.6969999999999</v>
      </c>
      <c r="P869">
        <v>0</v>
      </c>
      <c r="Q869">
        <v>0</v>
      </c>
      <c r="R869">
        <v>1082.8510000000001</v>
      </c>
      <c r="S869">
        <v>0</v>
      </c>
      <c r="T869">
        <v>1103.144</v>
      </c>
      <c r="U869">
        <v>1120.5940000000001</v>
      </c>
      <c r="V869">
        <v>1138.5319999999999</v>
      </c>
      <c r="W869">
        <v>1146.9829999999999</v>
      </c>
      <c r="X869">
        <v>1159.8489999999999</v>
      </c>
      <c r="Y869">
        <v>1164.47</v>
      </c>
    </row>
    <row r="870" spans="1:25" x14ac:dyDescent="0.3">
      <c r="A870">
        <v>23.250000003787378</v>
      </c>
      <c r="B870">
        <v>1018.21</v>
      </c>
      <c r="C870">
        <v>1051.4380000000001</v>
      </c>
      <c r="D870">
        <v>1053.8599999999999</v>
      </c>
      <c r="E870">
        <v>1073.729</v>
      </c>
      <c r="F870">
        <v>1094.5160000000001</v>
      </c>
      <c r="G870">
        <v>1114.077</v>
      </c>
      <c r="H870">
        <v>1128.444</v>
      </c>
      <c r="I870">
        <v>1134.0820000000001</v>
      </c>
      <c r="J870">
        <v>1134.6320000000001</v>
      </c>
      <c r="K870">
        <v>1137.846</v>
      </c>
      <c r="L870">
        <v>1137.579</v>
      </c>
      <c r="M870">
        <v>1117.402</v>
      </c>
      <c r="N870">
        <v>987.17600000000004</v>
      </c>
      <c r="O870">
        <v>1031.5440000000001</v>
      </c>
      <c r="P870">
        <v>0</v>
      </c>
      <c r="Q870">
        <v>0</v>
      </c>
      <c r="R870">
        <v>1085.829</v>
      </c>
      <c r="S870">
        <v>0</v>
      </c>
      <c r="T870">
        <v>1104.7439999999999</v>
      </c>
      <c r="U870">
        <v>1121.8420000000001</v>
      </c>
      <c r="V870">
        <v>1140.097</v>
      </c>
      <c r="W870">
        <v>1152.6980000000001</v>
      </c>
      <c r="X870">
        <v>1162.6880000000001</v>
      </c>
      <c r="Y870">
        <v>1160.1949999999999</v>
      </c>
    </row>
    <row r="871" spans="1:25" x14ac:dyDescent="0.3">
      <c r="A871">
        <v>23.283333334435397</v>
      </c>
      <c r="B871">
        <v>1012.12</v>
      </c>
      <c r="C871">
        <v>1047.4590000000001</v>
      </c>
      <c r="D871">
        <v>1053.875</v>
      </c>
      <c r="E871">
        <v>1074.3399999999999</v>
      </c>
      <c r="F871">
        <v>1092.134</v>
      </c>
      <c r="G871">
        <v>1108.8209999999999</v>
      </c>
      <c r="H871">
        <v>1126.6179999999999</v>
      </c>
      <c r="I871">
        <v>1131.193</v>
      </c>
      <c r="J871">
        <v>1133.0340000000001</v>
      </c>
      <c r="K871">
        <v>1139.3109999999999</v>
      </c>
      <c r="L871">
        <v>1139.0060000000001</v>
      </c>
      <c r="M871">
        <v>1116.529</v>
      </c>
      <c r="N871">
        <v>987.68200000000002</v>
      </c>
      <c r="O871">
        <v>1032.4059999999999</v>
      </c>
      <c r="P871">
        <v>0</v>
      </c>
      <c r="Q871">
        <v>0</v>
      </c>
      <c r="R871">
        <v>1085.17</v>
      </c>
      <c r="S871">
        <v>0</v>
      </c>
      <c r="T871">
        <v>1103.5360000000001</v>
      </c>
      <c r="U871">
        <v>1120.0429999999999</v>
      </c>
      <c r="V871">
        <v>1142.7070000000001</v>
      </c>
      <c r="W871">
        <v>1157.104</v>
      </c>
      <c r="X871">
        <v>1165.0429999999999</v>
      </c>
      <c r="Y871">
        <v>1158.6959999999999</v>
      </c>
    </row>
    <row r="872" spans="1:25" x14ac:dyDescent="0.3">
      <c r="A872">
        <v>23.300000004998097</v>
      </c>
      <c r="B872">
        <v>1017.623</v>
      </c>
      <c r="C872">
        <v>1053.8050000000001</v>
      </c>
      <c r="D872">
        <v>1062.175</v>
      </c>
      <c r="E872">
        <v>1076.5250000000001</v>
      </c>
      <c r="F872">
        <v>1093.748</v>
      </c>
      <c r="G872">
        <v>1109.751</v>
      </c>
      <c r="H872">
        <v>1123.376</v>
      </c>
      <c r="I872">
        <v>1130.3420000000001</v>
      </c>
      <c r="J872">
        <v>1133.133</v>
      </c>
      <c r="K872">
        <v>1139.144</v>
      </c>
      <c r="L872">
        <v>1136.55</v>
      </c>
      <c r="M872">
        <v>1116.1179999999999</v>
      </c>
      <c r="N872">
        <v>988.46799999999996</v>
      </c>
      <c r="O872">
        <v>1034.5450000000001</v>
      </c>
      <c r="P872">
        <v>0</v>
      </c>
      <c r="Q872">
        <v>0</v>
      </c>
      <c r="R872">
        <v>1088.9739999999999</v>
      </c>
      <c r="S872">
        <v>0</v>
      </c>
      <c r="T872">
        <v>1103.8409999999999</v>
      </c>
      <c r="U872">
        <v>1119.1030000000001</v>
      </c>
      <c r="V872">
        <v>1138.2660000000001</v>
      </c>
      <c r="W872">
        <v>1153.2159999999999</v>
      </c>
      <c r="X872">
        <v>1170.135</v>
      </c>
      <c r="Y872">
        <v>1162.5540000000001</v>
      </c>
    </row>
    <row r="873" spans="1:25" x14ac:dyDescent="0.3">
      <c r="A873">
        <v>23.333333335646117</v>
      </c>
      <c r="B873">
        <v>1024.7909999999999</v>
      </c>
      <c r="C873">
        <v>1057.162</v>
      </c>
      <c r="D873">
        <v>1068.433</v>
      </c>
      <c r="E873">
        <v>1082.1569999999999</v>
      </c>
      <c r="F873">
        <v>1097.088</v>
      </c>
      <c r="G873">
        <v>1111.5809999999999</v>
      </c>
      <c r="H873">
        <v>1123.4680000000001</v>
      </c>
      <c r="I873">
        <v>1133.51</v>
      </c>
      <c r="J873">
        <v>1138.874</v>
      </c>
      <c r="K873">
        <v>1143.739</v>
      </c>
      <c r="L873">
        <v>1141.259</v>
      </c>
      <c r="M873">
        <v>1118.364</v>
      </c>
      <c r="N873">
        <v>984.54</v>
      </c>
      <c r="O873">
        <v>1038.4280000000001</v>
      </c>
      <c r="P873">
        <v>0</v>
      </c>
      <c r="Q873">
        <v>0</v>
      </c>
      <c r="R873">
        <v>1093.165</v>
      </c>
      <c r="S873">
        <v>0</v>
      </c>
      <c r="T873">
        <v>1105.663</v>
      </c>
      <c r="U873">
        <v>1121.009</v>
      </c>
      <c r="V873">
        <v>1138.607</v>
      </c>
      <c r="W873">
        <v>1149.29</v>
      </c>
      <c r="X873">
        <v>1168.8420000000001</v>
      </c>
      <c r="Y873">
        <v>1166.259</v>
      </c>
    </row>
    <row r="874" spans="1:25" x14ac:dyDescent="0.3">
      <c r="A874">
        <v>23.366666666294137</v>
      </c>
      <c r="B874">
        <v>1021.879</v>
      </c>
      <c r="C874">
        <v>1058.2049999999999</v>
      </c>
      <c r="D874">
        <v>1065.8520000000001</v>
      </c>
      <c r="E874">
        <v>1081.8800000000001</v>
      </c>
      <c r="F874">
        <v>1097.694</v>
      </c>
      <c r="G874">
        <v>1113.625</v>
      </c>
      <c r="H874">
        <v>1123.9659999999999</v>
      </c>
      <c r="I874">
        <v>1136.039</v>
      </c>
      <c r="J874">
        <v>1143.4190000000001</v>
      </c>
      <c r="K874">
        <v>1145.8409999999999</v>
      </c>
      <c r="L874">
        <v>1144.6389999999999</v>
      </c>
      <c r="M874">
        <v>1124.365</v>
      </c>
      <c r="N874">
        <v>981.60500000000002</v>
      </c>
      <c r="O874">
        <v>1044.174</v>
      </c>
      <c r="P874">
        <v>0</v>
      </c>
      <c r="Q874">
        <v>0</v>
      </c>
      <c r="R874">
        <v>1089.3879999999999</v>
      </c>
      <c r="S874">
        <v>0</v>
      </c>
      <c r="T874">
        <v>1108.1869999999999</v>
      </c>
      <c r="U874">
        <v>1126.567</v>
      </c>
      <c r="V874">
        <v>1142.0830000000001</v>
      </c>
      <c r="W874">
        <v>1151.55</v>
      </c>
      <c r="X874">
        <v>1164.837</v>
      </c>
      <c r="Y874">
        <v>1166.0119999999999</v>
      </c>
    </row>
    <row r="875" spans="1:25" x14ac:dyDescent="0.3">
      <c r="A875">
        <v>23.383333336856836</v>
      </c>
      <c r="B875">
        <v>1014.5410000000001</v>
      </c>
      <c r="C875">
        <v>1056.9960000000001</v>
      </c>
      <c r="D875">
        <v>1061.32</v>
      </c>
      <c r="E875">
        <v>1078.518</v>
      </c>
      <c r="F875">
        <v>1093.71</v>
      </c>
      <c r="G875">
        <v>1110.864</v>
      </c>
      <c r="H875">
        <v>1123.204</v>
      </c>
      <c r="I875">
        <v>1134.5550000000001</v>
      </c>
      <c r="J875">
        <v>1143.778</v>
      </c>
      <c r="K875">
        <v>1144.866</v>
      </c>
      <c r="L875">
        <v>1142.8240000000001</v>
      </c>
      <c r="M875">
        <v>1119.971</v>
      </c>
      <c r="N875">
        <v>986.53800000000001</v>
      </c>
      <c r="O875">
        <v>1038.3920000000001</v>
      </c>
      <c r="P875">
        <v>0</v>
      </c>
      <c r="Q875">
        <v>0</v>
      </c>
      <c r="R875">
        <v>1090.5830000000001</v>
      </c>
      <c r="S875">
        <v>0</v>
      </c>
      <c r="T875">
        <v>1105.645</v>
      </c>
      <c r="U875">
        <v>1121.7470000000001</v>
      </c>
      <c r="V875">
        <v>1136.9480000000001</v>
      </c>
      <c r="W875">
        <v>1155.6880000000001</v>
      </c>
      <c r="X875">
        <v>1168.6690000000001</v>
      </c>
      <c r="Y875">
        <v>1164.24</v>
      </c>
    </row>
    <row r="876" spans="1:25" x14ac:dyDescent="0.3">
      <c r="A876">
        <v>23.416666667504856</v>
      </c>
      <c r="B876">
        <v>1005.11</v>
      </c>
      <c r="C876">
        <v>1054.9749999999999</v>
      </c>
      <c r="D876">
        <v>1060.377</v>
      </c>
      <c r="E876">
        <v>1077.8499999999999</v>
      </c>
      <c r="F876">
        <v>1091.4469999999999</v>
      </c>
      <c r="G876">
        <v>1107.4159999999999</v>
      </c>
      <c r="H876">
        <v>1123.8330000000001</v>
      </c>
      <c r="I876">
        <v>1135.1469999999999</v>
      </c>
      <c r="J876">
        <v>1138.9739999999999</v>
      </c>
      <c r="K876">
        <v>1139.9849999999999</v>
      </c>
      <c r="L876">
        <v>1140.538</v>
      </c>
      <c r="M876">
        <v>1116.308</v>
      </c>
      <c r="N876">
        <v>985.79499999999996</v>
      </c>
      <c r="O876">
        <v>1037.529</v>
      </c>
      <c r="P876">
        <v>0</v>
      </c>
      <c r="Q876">
        <v>0</v>
      </c>
      <c r="R876">
        <v>1087.44</v>
      </c>
      <c r="S876">
        <v>0</v>
      </c>
      <c r="T876">
        <v>1104.7270000000001</v>
      </c>
      <c r="U876">
        <v>1121.164</v>
      </c>
      <c r="V876">
        <v>1133.989</v>
      </c>
      <c r="W876">
        <v>1151.933</v>
      </c>
      <c r="X876">
        <v>1172.604</v>
      </c>
      <c r="Y876">
        <v>1162.6320000000001</v>
      </c>
    </row>
    <row r="877" spans="1:25" x14ac:dyDescent="0.3">
      <c r="A877">
        <v>23.433333338067555</v>
      </c>
      <c r="B877">
        <v>1003.521</v>
      </c>
      <c r="C877">
        <v>1055.18</v>
      </c>
      <c r="D877">
        <v>1058.3910000000001</v>
      </c>
      <c r="E877">
        <v>1079.3230000000001</v>
      </c>
      <c r="F877">
        <v>1090.68</v>
      </c>
      <c r="G877">
        <v>1104.972</v>
      </c>
      <c r="H877">
        <v>1121.3910000000001</v>
      </c>
      <c r="I877">
        <v>1134.8620000000001</v>
      </c>
      <c r="J877">
        <v>1138.325</v>
      </c>
      <c r="K877">
        <v>1140.0229999999999</v>
      </c>
      <c r="L877">
        <v>1139.26</v>
      </c>
      <c r="M877">
        <v>1115.194</v>
      </c>
      <c r="N877">
        <v>985.05200000000002</v>
      </c>
      <c r="O877">
        <v>1041.162</v>
      </c>
      <c r="P877">
        <v>0</v>
      </c>
      <c r="Q877">
        <v>0</v>
      </c>
      <c r="R877">
        <v>1087.2909999999999</v>
      </c>
      <c r="S877">
        <v>0</v>
      </c>
      <c r="T877">
        <v>1107.7550000000001</v>
      </c>
      <c r="U877">
        <v>1125.58</v>
      </c>
      <c r="V877">
        <v>1133.78</v>
      </c>
      <c r="W877">
        <v>1146.796</v>
      </c>
      <c r="X877">
        <v>1172.624</v>
      </c>
      <c r="Y877">
        <v>1169.521</v>
      </c>
    </row>
    <row r="878" spans="1:25" x14ac:dyDescent="0.3">
      <c r="A878">
        <v>23.466666668715575</v>
      </c>
      <c r="B878">
        <v>1009.949</v>
      </c>
      <c r="C878">
        <v>1059.502</v>
      </c>
      <c r="D878">
        <v>1062.3599999999999</v>
      </c>
      <c r="E878">
        <v>1081.4100000000001</v>
      </c>
      <c r="F878">
        <v>1092.1189999999999</v>
      </c>
      <c r="G878">
        <v>1105.27</v>
      </c>
      <c r="H878">
        <v>1122.9010000000001</v>
      </c>
      <c r="I878">
        <v>1136.2070000000001</v>
      </c>
      <c r="J878">
        <v>1138.895</v>
      </c>
      <c r="K878">
        <v>1141.9280000000001</v>
      </c>
      <c r="L878">
        <v>1142.2529999999999</v>
      </c>
      <c r="M878">
        <v>1120.7270000000001</v>
      </c>
      <c r="N878">
        <v>994.875</v>
      </c>
      <c r="O878">
        <v>1038.54</v>
      </c>
      <c r="P878">
        <v>0</v>
      </c>
      <c r="Q878">
        <v>0</v>
      </c>
      <c r="R878">
        <v>1084.6669999999999</v>
      </c>
      <c r="S878">
        <v>0</v>
      </c>
      <c r="T878">
        <v>1108.203</v>
      </c>
      <c r="U878">
        <v>1126.963</v>
      </c>
      <c r="V878">
        <v>1136.4349999999999</v>
      </c>
      <c r="W878">
        <v>1150.704</v>
      </c>
      <c r="X878">
        <v>1169.537</v>
      </c>
      <c r="Y878">
        <v>1165.991</v>
      </c>
    </row>
    <row r="879" spans="1:25" x14ac:dyDescent="0.3">
      <c r="A879">
        <v>23.499999999363595</v>
      </c>
      <c r="B879">
        <v>1002.897</v>
      </c>
      <c r="C879">
        <v>1059.3910000000001</v>
      </c>
      <c r="D879">
        <v>1061.748</v>
      </c>
      <c r="E879">
        <v>1081.729</v>
      </c>
      <c r="F879">
        <v>1100.0429999999999</v>
      </c>
      <c r="G879">
        <v>1110.336</v>
      </c>
      <c r="H879">
        <v>1124.325</v>
      </c>
      <c r="I879">
        <v>1138.896</v>
      </c>
      <c r="J879">
        <v>1143.2639999999999</v>
      </c>
      <c r="K879">
        <v>1143.2829999999999</v>
      </c>
      <c r="L879">
        <v>1145.8209999999999</v>
      </c>
      <c r="M879">
        <v>1123.6420000000001</v>
      </c>
      <c r="N879">
        <v>998.00599999999997</v>
      </c>
      <c r="O879">
        <v>1039.7</v>
      </c>
      <c r="P879">
        <v>0</v>
      </c>
      <c r="Q879">
        <v>0</v>
      </c>
      <c r="R879">
        <v>1086.521</v>
      </c>
      <c r="S879">
        <v>0</v>
      </c>
      <c r="T879">
        <v>1104.6500000000001</v>
      </c>
      <c r="U879">
        <v>1126.299</v>
      </c>
      <c r="V879">
        <v>1143.894</v>
      </c>
      <c r="W879">
        <v>1152.7940000000001</v>
      </c>
      <c r="X879">
        <v>1165.066</v>
      </c>
      <c r="Y879">
        <v>1167.8030000000001</v>
      </c>
    </row>
    <row r="880" spans="1:25" x14ac:dyDescent="0.3">
      <c r="A880">
        <v>23.516666669926295</v>
      </c>
      <c r="B880">
        <v>1003.32</v>
      </c>
      <c r="C880">
        <v>1058.7619999999999</v>
      </c>
      <c r="D880">
        <v>1061.1010000000001</v>
      </c>
      <c r="E880">
        <v>1081.9929999999999</v>
      </c>
      <c r="F880">
        <v>1099.011</v>
      </c>
      <c r="G880">
        <v>1109.923</v>
      </c>
      <c r="H880">
        <v>1125.58</v>
      </c>
      <c r="I880">
        <v>1137.5809999999999</v>
      </c>
      <c r="J880">
        <v>1144.259</v>
      </c>
      <c r="K880">
        <v>1145.0409999999999</v>
      </c>
      <c r="L880">
        <v>1145.8610000000001</v>
      </c>
      <c r="M880">
        <v>1122.979</v>
      </c>
      <c r="N880">
        <v>997.06200000000001</v>
      </c>
      <c r="O880">
        <v>1044.933</v>
      </c>
      <c r="P880">
        <v>0</v>
      </c>
      <c r="Q880">
        <v>0</v>
      </c>
      <c r="R880">
        <v>1088.508</v>
      </c>
      <c r="S880">
        <v>0</v>
      </c>
      <c r="T880">
        <v>1104.633</v>
      </c>
      <c r="U880">
        <v>1126.8710000000001</v>
      </c>
      <c r="V880">
        <v>1147.769</v>
      </c>
      <c r="W880">
        <v>1156.9000000000001</v>
      </c>
      <c r="X880">
        <v>1168.133</v>
      </c>
      <c r="Y880">
        <v>1168.846</v>
      </c>
    </row>
    <row r="881" spans="1:25" x14ac:dyDescent="0.3">
      <c r="A881">
        <v>23.550000000574315</v>
      </c>
      <c r="B881">
        <v>1010.884</v>
      </c>
      <c r="C881">
        <v>1057.9829999999999</v>
      </c>
      <c r="D881">
        <v>1061.25</v>
      </c>
      <c r="E881">
        <v>1082.742</v>
      </c>
      <c r="F881">
        <v>1097.7329999999999</v>
      </c>
      <c r="G881">
        <v>1108.941</v>
      </c>
      <c r="H881">
        <v>1124.7639999999999</v>
      </c>
      <c r="I881">
        <v>1137.5440000000001</v>
      </c>
      <c r="J881">
        <v>1144.164</v>
      </c>
      <c r="K881">
        <v>1143.7439999999999</v>
      </c>
      <c r="L881">
        <v>1142.4469999999999</v>
      </c>
      <c r="M881">
        <v>1120.8440000000001</v>
      </c>
      <c r="N881">
        <v>999.46500000000003</v>
      </c>
      <c r="O881">
        <v>1036.242</v>
      </c>
      <c r="P881">
        <v>0</v>
      </c>
      <c r="Q881">
        <v>0</v>
      </c>
      <c r="R881">
        <v>1092.2339999999999</v>
      </c>
      <c r="S881">
        <v>0</v>
      </c>
      <c r="T881">
        <v>1110.018</v>
      </c>
      <c r="U881">
        <v>1131.693</v>
      </c>
      <c r="V881">
        <v>1152.356</v>
      </c>
      <c r="W881">
        <v>1158.223</v>
      </c>
      <c r="X881">
        <v>1166.0139999999999</v>
      </c>
      <c r="Y881">
        <v>1166.9970000000001</v>
      </c>
    </row>
    <row r="882" spans="1:25" x14ac:dyDescent="0.3">
      <c r="A882">
        <v>23.566666671137014</v>
      </c>
      <c r="B882">
        <v>1016.686</v>
      </c>
      <c r="C882">
        <v>1058.3320000000001</v>
      </c>
      <c r="D882">
        <v>1059.7239999999999</v>
      </c>
      <c r="E882">
        <v>1082.1020000000001</v>
      </c>
      <c r="F882">
        <v>1097.0139999999999</v>
      </c>
      <c r="G882">
        <v>1107.338</v>
      </c>
      <c r="H882">
        <v>1123.337</v>
      </c>
      <c r="I882">
        <v>1136.3969999999999</v>
      </c>
      <c r="J882">
        <v>1144.5409999999999</v>
      </c>
      <c r="K882">
        <v>1145.4570000000001</v>
      </c>
      <c r="L882">
        <v>1140.5730000000001</v>
      </c>
      <c r="M882">
        <v>1116.098</v>
      </c>
      <c r="N882">
        <v>997.02200000000005</v>
      </c>
      <c r="O882">
        <v>1038.723</v>
      </c>
      <c r="P882">
        <v>0</v>
      </c>
      <c r="Q882">
        <v>0</v>
      </c>
      <c r="R882">
        <v>1093.616</v>
      </c>
      <c r="S882">
        <v>0</v>
      </c>
      <c r="T882">
        <v>1110.675</v>
      </c>
      <c r="U882">
        <v>1132.126</v>
      </c>
      <c r="V882">
        <v>1153.5409999999999</v>
      </c>
      <c r="W882">
        <v>1161.3440000000001</v>
      </c>
      <c r="X882">
        <v>1167.3009999999999</v>
      </c>
      <c r="Y882">
        <v>1169.1510000000001</v>
      </c>
    </row>
    <row r="883" spans="1:25" x14ac:dyDescent="0.3">
      <c r="A883">
        <v>23.600000001785034</v>
      </c>
      <c r="B883">
        <v>1021.841</v>
      </c>
      <c r="C883">
        <v>1059.28</v>
      </c>
      <c r="D883">
        <v>1062.4349999999999</v>
      </c>
      <c r="E883">
        <v>1085.6980000000001</v>
      </c>
      <c r="F883">
        <v>1103.8789999999999</v>
      </c>
      <c r="G883">
        <v>1115.3050000000001</v>
      </c>
      <c r="H883">
        <v>1125.008</v>
      </c>
      <c r="I883">
        <v>1136.4929999999999</v>
      </c>
      <c r="J883">
        <v>1143.1690000000001</v>
      </c>
      <c r="K883">
        <v>1145.8209999999999</v>
      </c>
      <c r="L883">
        <v>1144.5039999999999</v>
      </c>
      <c r="M883">
        <v>1122.655</v>
      </c>
      <c r="N883">
        <v>995.13</v>
      </c>
      <c r="O883">
        <v>1034.1400000000001</v>
      </c>
      <c r="P883">
        <v>0</v>
      </c>
      <c r="Q883">
        <v>0</v>
      </c>
      <c r="R883">
        <v>1092.625</v>
      </c>
      <c r="S883">
        <v>0</v>
      </c>
      <c r="T883">
        <v>1111.867</v>
      </c>
      <c r="U883">
        <v>1131.367</v>
      </c>
      <c r="V883">
        <v>1145.3820000000001</v>
      </c>
      <c r="W883">
        <v>1158.8720000000001</v>
      </c>
      <c r="X883">
        <v>1168.5550000000001</v>
      </c>
      <c r="Y883">
        <v>1168.42</v>
      </c>
    </row>
    <row r="884" spans="1:25" x14ac:dyDescent="0.3">
      <c r="A884">
        <v>23.633333332433054</v>
      </c>
      <c r="B884">
        <v>1023.913</v>
      </c>
      <c r="C884">
        <v>1060.5609999999999</v>
      </c>
      <c r="D884">
        <v>1064.143</v>
      </c>
      <c r="E884">
        <v>1083.9000000000001</v>
      </c>
      <c r="F884">
        <v>1098.952</v>
      </c>
      <c r="G884">
        <v>1111.905</v>
      </c>
      <c r="H884">
        <v>1126.451</v>
      </c>
      <c r="I884">
        <v>1138.7429999999999</v>
      </c>
      <c r="J884">
        <v>1145.8019999999999</v>
      </c>
      <c r="K884">
        <v>1151.778</v>
      </c>
      <c r="L884">
        <v>1152.066</v>
      </c>
      <c r="M884">
        <v>1125.8810000000001</v>
      </c>
      <c r="N884">
        <v>1004.797</v>
      </c>
      <c r="O884">
        <v>1033.385</v>
      </c>
      <c r="P884">
        <v>0</v>
      </c>
      <c r="Q884">
        <v>0</v>
      </c>
      <c r="R884">
        <v>1092.7750000000001</v>
      </c>
      <c r="S884">
        <v>0</v>
      </c>
      <c r="T884">
        <v>1113.2270000000001</v>
      </c>
      <c r="U884">
        <v>1130.6079999999999</v>
      </c>
      <c r="V884">
        <v>1148.1289999999999</v>
      </c>
      <c r="W884">
        <v>1162.4390000000001</v>
      </c>
      <c r="X884">
        <v>1172.2170000000001</v>
      </c>
      <c r="Y884">
        <v>1166.473</v>
      </c>
    </row>
    <row r="885" spans="1:25" x14ac:dyDescent="0.3">
      <c r="A885">
        <v>23.650000002995753</v>
      </c>
      <c r="B885">
        <v>1030.644</v>
      </c>
      <c r="C885">
        <v>1061.6949999999999</v>
      </c>
      <c r="D885">
        <v>1065.5740000000001</v>
      </c>
      <c r="E885">
        <v>1085.0820000000001</v>
      </c>
      <c r="F885">
        <v>1100.0450000000001</v>
      </c>
      <c r="G885">
        <v>1112.568</v>
      </c>
      <c r="H885">
        <v>1126.2819999999999</v>
      </c>
      <c r="I885">
        <v>1139.394</v>
      </c>
      <c r="J885">
        <v>1145.575</v>
      </c>
      <c r="K885">
        <v>1151.4159999999999</v>
      </c>
      <c r="L885">
        <v>1151.32</v>
      </c>
      <c r="M885">
        <v>1126.3579999999999</v>
      </c>
      <c r="N885">
        <v>1006.17</v>
      </c>
      <c r="O885">
        <v>1036.3150000000001</v>
      </c>
      <c r="P885">
        <v>0</v>
      </c>
      <c r="Q885">
        <v>0</v>
      </c>
      <c r="R885">
        <v>1090.287</v>
      </c>
      <c r="S885">
        <v>0</v>
      </c>
      <c r="T885">
        <v>1111.3589999999999</v>
      </c>
      <c r="U885">
        <v>1130.079</v>
      </c>
      <c r="V885">
        <v>1148.57</v>
      </c>
      <c r="W885">
        <v>1162.192</v>
      </c>
      <c r="X885">
        <v>1173.202</v>
      </c>
      <c r="Y885">
        <v>1163.9749999999999</v>
      </c>
    </row>
    <row r="886" spans="1:25" x14ac:dyDescent="0.3">
      <c r="A886">
        <v>23.683333333643773</v>
      </c>
      <c r="B886">
        <v>1024.3389999999999</v>
      </c>
      <c r="C886">
        <v>1062.643</v>
      </c>
      <c r="D886">
        <v>1067.4880000000001</v>
      </c>
      <c r="E886">
        <v>1086.1880000000001</v>
      </c>
      <c r="F886">
        <v>1100.498</v>
      </c>
      <c r="G886">
        <v>1114.4970000000001</v>
      </c>
      <c r="H886">
        <v>1128.771</v>
      </c>
      <c r="I886">
        <v>1141.723</v>
      </c>
      <c r="J886">
        <v>1147.5989999999999</v>
      </c>
      <c r="K886">
        <v>1154.0060000000001</v>
      </c>
      <c r="L886">
        <v>1151.8969999999999</v>
      </c>
      <c r="M886">
        <v>1128.6569999999999</v>
      </c>
      <c r="N886">
        <v>1003.8150000000001</v>
      </c>
      <c r="O886">
        <v>1036.8689999999999</v>
      </c>
      <c r="P886">
        <v>0</v>
      </c>
      <c r="Q886">
        <v>0</v>
      </c>
      <c r="R886">
        <v>1093.0029999999999</v>
      </c>
      <c r="S886">
        <v>0</v>
      </c>
      <c r="T886">
        <v>1112.8340000000001</v>
      </c>
      <c r="U886">
        <v>1131.049</v>
      </c>
      <c r="V886">
        <v>1151.1489999999999</v>
      </c>
      <c r="W886">
        <v>1164.1869999999999</v>
      </c>
      <c r="X886">
        <v>1174.4179999999999</v>
      </c>
      <c r="Y886">
        <v>1165.9380000000001</v>
      </c>
    </row>
    <row r="887" spans="1:25" x14ac:dyDescent="0.3">
      <c r="A887">
        <v>23.700000004206473</v>
      </c>
      <c r="B887">
        <v>1014.087</v>
      </c>
      <c r="C887">
        <v>1056.982</v>
      </c>
      <c r="D887">
        <v>1062.2339999999999</v>
      </c>
      <c r="E887">
        <v>1082.425</v>
      </c>
      <c r="F887">
        <v>1095.0440000000001</v>
      </c>
      <c r="G887">
        <v>1109.1679999999999</v>
      </c>
      <c r="H887">
        <v>1123.702</v>
      </c>
      <c r="I887">
        <v>1136.154</v>
      </c>
      <c r="J887">
        <v>1140.94</v>
      </c>
      <c r="K887">
        <v>1148.895</v>
      </c>
      <c r="L887">
        <v>1147.5219999999999</v>
      </c>
      <c r="M887">
        <v>1121.713</v>
      </c>
      <c r="N887">
        <v>1004.6180000000001</v>
      </c>
      <c r="O887">
        <v>1040.867</v>
      </c>
      <c r="P887">
        <v>0</v>
      </c>
      <c r="Q887">
        <v>0</v>
      </c>
      <c r="R887">
        <v>1094.7809999999999</v>
      </c>
      <c r="S887">
        <v>0</v>
      </c>
      <c r="T887">
        <v>1109.83</v>
      </c>
      <c r="U887">
        <v>1127.46</v>
      </c>
      <c r="V887">
        <v>1142.962</v>
      </c>
      <c r="W887">
        <v>1158.1469999999999</v>
      </c>
      <c r="X887">
        <v>1169.5409999999999</v>
      </c>
      <c r="Y887">
        <v>1162.864</v>
      </c>
    </row>
    <row r="888" spans="1:25" x14ac:dyDescent="0.3">
      <c r="A888">
        <v>23.733333334854493</v>
      </c>
      <c r="B888">
        <v>1003.6130000000001</v>
      </c>
      <c r="C888">
        <v>1056.796</v>
      </c>
      <c r="D888">
        <v>1059.171</v>
      </c>
      <c r="E888">
        <v>1080.8900000000001</v>
      </c>
      <c r="F888">
        <v>1092.1220000000001</v>
      </c>
      <c r="G888">
        <v>1106.5329999999999</v>
      </c>
      <c r="H888">
        <v>1121.864</v>
      </c>
      <c r="I888">
        <v>1137.4680000000001</v>
      </c>
      <c r="J888">
        <v>1142.58</v>
      </c>
      <c r="K888">
        <v>1151.2249999999999</v>
      </c>
      <c r="L888">
        <v>1147.617</v>
      </c>
      <c r="M888">
        <v>1121.9770000000001</v>
      </c>
      <c r="N888">
        <v>1001.914</v>
      </c>
      <c r="O888">
        <v>1039.961</v>
      </c>
      <c r="P888">
        <v>0</v>
      </c>
      <c r="Q888">
        <v>0</v>
      </c>
      <c r="R888">
        <v>1098.0150000000001</v>
      </c>
      <c r="S888">
        <v>0</v>
      </c>
      <c r="T888">
        <v>1109.6400000000001</v>
      </c>
      <c r="U888">
        <v>1128.789</v>
      </c>
      <c r="V888">
        <v>1145.7090000000001</v>
      </c>
      <c r="W888">
        <v>1163.4190000000001</v>
      </c>
      <c r="X888">
        <v>1173.01</v>
      </c>
      <c r="Y888">
        <v>1159.68</v>
      </c>
    </row>
    <row r="889" spans="1:25" x14ac:dyDescent="0.3">
      <c r="A889">
        <v>23.766666665502513</v>
      </c>
      <c r="B889">
        <v>1016.7089999999999</v>
      </c>
      <c r="C889">
        <v>1059.0229999999999</v>
      </c>
      <c r="D889">
        <v>1058.336</v>
      </c>
      <c r="E889">
        <v>1078.1310000000001</v>
      </c>
      <c r="F889">
        <v>1090.961</v>
      </c>
      <c r="G889">
        <v>1107.962</v>
      </c>
      <c r="H889">
        <v>1130.117</v>
      </c>
      <c r="I889">
        <v>1143.172</v>
      </c>
      <c r="J889">
        <v>1146.3</v>
      </c>
      <c r="K889">
        <v>1151.4359999999999</v>
      </c>
      <c r="L889">
        <v>1149.124</v>
      </c>
      <c r="M889">
        <v>1126.758</v>
      </c>
      <c r="N889">
        <v>1005.184</v>
      </c>
      <c r="O889">
        <v>1041.846</v>
      </c>
      <c r="P889">
        <v>0</v>
      </c>
      <c r="Q889">
        <v>0</v>
      </c>
      <c r="R889">
        <v>1098.3910000000001</v>
      </c>
      <c r="S889">
        <v>0</v>
      </c>
      <c r="T889">
        <v>1110.6790000000001</v>
      </c>
      <c r="U889">
        <v>1128.3330000000001</v>
      </c>
      <c r="V889">
        <v>1145.0029999999999</v>
      </c>
      <c r="W889">
        <v>1159.201</v>
      </c>
      <c r="X889">
        <v>1174.2439999999999</v>
      </c>
      <c r="Y889">
        <v>1162.173</v>
      </c>
    </row>
    <row r="890" spans="1:25" x14ac:dyDescent="0.3">
      <c r="A890">
        <v>23.783333336065212</v>
      </c>
      <c r="B890">
        <v>1021.807</v>
      </c>
      <c r="C890">
        <v>1060.99</v>
      </c>
      <c r="D890">
        <v>1062.271</v>
      </c>
      <c r="E890">
        <v>1081.338</v>
      </c>
      <c r="F890">
        <v>1091.7850000000001</v>
      </c>
      <c r="G890">
        <v>1113.627</v>
      </c>
      <c r="H890">
        <v>1131.902</v>
      </c>
      <c r="I890">
        <v>1141.894</v>
      </c>
      <c r="J890">
        <v>1146.1099999999999</v>
      </c>
      <c r="K890">
        <v>1151.7619999999999</v>
      </c>
      <c r="L890">
        <v>1153.027</v>
      </c>
      <c r="M890">
        <v>1128.808</v>
      </c>
      <c r="N890">
        <v>1010.044</v>
      </c>
      <c r="O890">
        <v>1041.2360000000001</v>
      </c>
      <c r="P890">
        <v>0</v>
      </c>
      <c r="Q890">
        <v>0</v>
      </c>
      <c r="R890">
        <v>1100.6099999999999</v>
      </c>
      <c r="S890">
        <v>0</v>
      </c>
      <c r="T890">
        <v>1113.287</v>
      </c>
      <c r="U890">
        <v>1130.953</v>
      </c>
      <c r="V890">
        <v>1144.354</v>
      </c>
      <c r="W890">
        <v>1158.2619999999999</v>
      </c>
      <c r="X890">
        <v>1174.9369999999999</v>
      </c>
      <c r="Y890">
        <v>1166.4760000000001</v>
      </c>
    </row>
    <row r="891" spans="1:25" x14ac:dyDescent="0.3">
      <c r="A891">
        <v>23.816666666713232</v>
      </c>
      <c r="B891">
        <v>1024.154</v>
      </c>
      <c r="C891">
        <v>1063.2170000000001</v>
      </c>
      <c r="D891">
        <v>1062.7159999999999</v>
      </c>
      <c r="E891">
        <v>1082.723</v>
      </c>
      <c r="F891">
        <v>1096.171</v>
      </c>
      <c r="G891">
        <v>1116.271</v>
      </c>
      <c r="H891">
        <v>1131.654</v>
      </c>
      <c r="I891">
        <v>1139.604</v>
      </c>
      <c r="J891">
        <v>1144.7159999999999</v>
      </c>
      <c r="K891">
        <v>1148.913</v>
      </c>
      <c r="L891">
        <v>1150.4010000000001</v>
      </c>
      <c r="M891">
        <v>1125.884</v>
      </c>
      <c r="N891">
        <v>1007.504</v>
      </c>
      <c r="O891">
        <v>1045.2660000000001</v>
      </c>
      <c r="P891">
        <v>0</v>
      </c>
      <c r="Q891">
        <v>0</v>
      </c>
      <c r="R891">
        <v>1092.2339999999999</v>
      </c>
      <c r="S891">
        <v>0</v>
      </c>
      <c r="T891">
        <v>1111.1320000000001</v>
      </c>
      <c r="U891">
        <v>1131.009</v>
      </c>
      <c r="V891">
        <v>1148.799</v>
      </c>
      <c r="W891">
        <v>1157.2449999999999</v>
      </c>
      <c r="X891">
        <v>1167.4780000000001</v>
      </c>
      <c r="Y891">
        <v>1164.377</v>
      </c>
    </row>
    <row r="892" spans="1:25" x14ac:dyDescent="0.3">
      <c r="A892">
        <v>23.849999997361252</v>
      </c>
      <c r="B892">
        <v>1033.425</v>
      </c>
      <c r="C892">
        <v>1063.348</v>
      </c>
      <c r="D892">
        <v>1061.9190000000001</v>
      </c>
      <c r="E892">
        <v>1081.9010000000001</v>
      </c>
      <c r="F892">
        <v>1093.864</v>
      </c>
      <c r="G892">
        <v>1110.019</v>
      </c>
      <c r="H892">
        <v>1126.9480000000001</v>
      </c>
      <c r="I892">
        <v>1134.085</v>
      </c>
      <c r="J892">
        <v>1139.0899999999999</v>
      </c>
      <c r="K892">
        <v>1143.8779999999999</v>
      </c>
      <c r="L892">
        <v>1146.931</v>
      </c>
      <c r="M892">
        <v>1121.43</v>
      </c>
      <c r="N892">
        <v>1000.014</v>
      </c>
      <c r="O892">
        <v>1047.356</v>
      </c>
      <c r="P892">
        <v>0</v>
      </c>
      <c r="Q892">
        <v>0</v>
      </c>
      <c r="R892">
        <v>1086.5250000000001</v>
      </c>
      <c r="S892">
        <v>0</v>
      </c>
      <c r="T892">
        <v>1107.173</v>
      </c>
      <c r="U892">
        <v>1133.914</v>
      </c>
      <c r="V892">
        <v>1145.671</v>
      </c>
      <c r="W892">
        <v>1149.9259999999999</v>
      </c>
      <c r="X892">
        <v>1162.653</v>
      </c>
      <c r="Y892">
        <v>1167.2670000000001</v>
      </c>
    </row>
    <row r="893" spans="1:25" x14ac:dyDescent="0.3">
      <c r="A893">
        <v>23.866666667923951</v>
      </c>
      <c r="B893">
        <v>1030.9760000000001</v>
      </c>
      <c r="C893">
        <v>1063.4590000000001</v>
      </c>
      <c r="D893">
        <v>1064.758</v>
      </c>
      <c r="E893">
        <v>1082.78</v>
      </c>
      <c r="F893">
        <v>1094.0129999999999</v>
      </c>
      <c r="G893">
        <v>1109.942</v>
      </c>
      <c r="H893">
        <v>1128.694</v>
      </c>
      <c r="I893">
        <v>1137.6389999999999</v>
      </c>
      <c r="J893">
        <v>1139.394</v>
      </c>
      <c r="K893">
        <v>1141.97</v>
      </c>
      <c r="L893">
        <v>1145.251</v>
      </c>
      <c r="M893">
        <v>1119.181</v>
      </c>
      <c r="N893">
        <v>1000.361</v>
      </c>
      <c r="O893">
        <v>1043.51</v>
      </c>
      <c r="P893">
        <v>0</v>
      </c>
      <c r="Q893">
        <v>0</v>
      </c>
      <c r="R893">
        <v>1090.269</v>
      </c>
      <c r="S893">
        <v>0</v>
      </c>
      <c r="T893">
        <v>1108.5260000000001</v>
      </c>
      <c r="U893">
        <v>1130.991</v>
      </c>
      <c r="V893">
        <v>1148.952</v>
      </c>
      <c r="W893">
        <v>1154.9059999999999</v>
      </c>
      <c r="X893">
        <v>1159.68</v>
      </c>
      <c r="Y893">
        <v>1167.0540000000001</v>
      </c>
    </row>
    <row r="894" spans="1:25" x14ac:dyDescent="0.3">
      <c r="A894">
        <v>23.899999998571971</v>
      </c>
      <c r="B894">
        <v>1021.0170000000001</v>
      </c>
      <c r="C894">
        <v>1064.07</v>
      </c>
      <c r="D894">
        <v>1065.963</v>
      </c>
      <c r="E894">
        <v>1083.9770000000001</v>
      </c>
      <c r="F894">
        <v>1094.798</v>
      </c>
      <c r="G894">
        <v>1107.999</v>
      </c>
      <c r="H894">
        <v>1125.579</v>
      </c>
      <c r="I894">
        <v>1136.837</v>
      </c>
      <c r="J894">
        <v>1139.6220000000001</v>
      </c>
      <c r="K894">
        <v>1144.105</v>
      </c>
      <c r="L894">
        <v>1146.8720000000001</v>
      </c>
      <c r="M894">
        <v>1120.181</v>
      </c>
      <c r="N894">
        <v>1007.174</v>
      </c>
      <c r="O894">
        <v>1042.973</v>
      </c>
      <c r="P894">
        <v>0</v>
      </c>
      <c r="Q894">
        <v>0</v>
      </c>
      <c r="R894">
        <v>1093.75</v>
      </c>
      <c r="S894">
        <v>0</v>
      </c>
      <c r="T894">
        <v>1110.414</v>
      </c>
      <c r="U894">
        <v>1132.432</v>
      </c>
      <c r="V894">
        <v>1149.008</v>
      </c>
      <c r="W894">
        <v>1159.4490000000001</v>
      </c>
      <c r="X894">
        <v>1165.511</v>
      </c>
      <c r="Y894">
        <v>1162.153</v>
      </c>
    </row>
    <row r="895" spans="1:25" x14ac:dyDescent="0.3">
      <c r="A895">
        <v>23.916666669134671</v>
      </c>
      <c r="B895">
        <v>1022.23</v>
      </c>
      <c r="C895">
        <v>1063.98</v>
      </c>
      <c r="D895">
        <v>1064.0360000000001</v>
      </c>
      <c r="E895">
        <v>1082.3320000000001</v>
      </c>
      <c r="F895">
        <v>1092.1610000000001</v>
      </c>
      <c r="G895">
        <v>1109.7929999999999</v>
      </c>
      <c r="H895">
        <v>1128.3920000000001</v>
      </c>
      <c r="I895">
        <v>1135.9659999999999</v>
      </c>
      <c r="J895">
        <v>1138.0229999999999</v>
      </c>
      <c r="K895">
        <v>1144.9860000000001</v>
      </c>
      <c r="L895">
        <v>1144.299</v>
      </c>
      <c r="M895">
        <v>1118.748</v>
      </c>
      <c r="N895">
        <v>1006.19</v>
      </c>
      <c r="O895">
        <v>1046.617</v>
      </c>
      <c r="P895">
        <v>0</v>
      </c>
      <c r="Q895">
        <v>0</v>
      </c>
      <c r="R895">
        <v>1094.7449999999999</v>
      </c>
      <c r="S895">
        <v>0</v>
      </c>
      <c r="T895">
        <v>1111.4179999999999</v>
      </c>
      <c r="U895">
        <v>1132.53</v>
      </c>
      <c r="V895">
        <v>1147.4659999999999</v>
      </c>
      <c r="W895">
        <v>1161.4839999999999</v>
      </c>
      <c r="X895">
        <v>1166.3430000000001</v>
      </c>
      <c r="Y895">
        <v>1164.9939999999999</v>
      </c>
    </row>
    <row r="896" spans="1:25" x14ac:dyDescent="0.3">
      <c r="A896">
        <v>23.94999999978269</v>
      </c>
      <c r="B896">
        <v>1031.7159999999999</v>
      </c>
      <c r="C896">
        <v>1063.6479999999999</v>
      </c>
      <c r="D896">
        <v>1062.441</v>
      </c>
      <c r="E896">
        <v>1080.6690000000001</v>
      </c>
      <c r="F896">
        <v>1091.8820000000001</v>
      </c>
      <c r="G896">
        <v>1110.135</v>
      </c>
      <c r="H896">
        <v>1130.0830000000001</v>
      </c>
      <c r="I896">
        <v>1138.0239999999999</v>
      </c>
      <c r="J896">
        <v>1137.7190000000001</v>
      </c>
      <c r="K896">
        <v>1146.17</v>
      </c>
      <c r="L896">
        <v>1145.5029999999999</v>
      </c>
      <c r="M896">
        <v>1118.8820000000001</v>
      </c>
      <c r="N896">
        <v>1006.649</v>
      </c>
      <c r="O896">
        <v>1053.607</v>
      </c>
      <c r="P896">
        <v>0</v>
      </c>
      <c r="Q896">
        <v>0</v>
      </c>
      <c r="R896">
        <v>1095.31</v>
      </c>
      <c r="S896">
        <v>0</v>
      </c>
      <c r="T896">
        <v>1112.27</v>
      </c>
      <c r="U896">
        <v>1134.5440000000001</v>
      </c>
      <c r="V896">
        <v>1153.529</v>
      </c>
      <c r="W896">
        <v>1153.855</v>
      </c>
      <c r="X896">
        <v>1164.5920000000001</v>
      </c>
      <c r="Y896">
        <v>1163.519</v>
      </c>
    </row>
    <row r="897" spans="1:25" x14ac:dyDescent="0.3">
      <c r="A897">
        <v>23.98333333043071</v>
      </c>
      <c r="B897">
        <v>1020.652</v>
      </c>
      <c r="C897">
        <v>1063.162</v>
      </c>
      <c r="D897">
        <v>1066.021</v>
      </c>
      <c r="E897">
        <v>1080.2750000000001</v>
      </c>
      <c r="F897">
        <v>1089.539</v>
      </c>
      <c r="G897">
        <v>1105.857</v>
      </c>
      <c r="H897">
        <v>1126.8530000000001</v>
      </c>
      <c r="I897">
        <v>1136.23</v>
      </c>
      <c r="J897">
        <v>1138.289</v>
      </c>
      <c r="K897">
        <v>1144.7370000000001</v>
      </c>
      <c r="L897">
        <v>1146.549</v>
      </c>
      <c r="M897">
        <v>1122.393</v>
      </c>
      <c r="N897">
        <v>1003.321</v>
      </c>
      <c r="O897">
        <v>1052.162</v>
      </c>
      <c r="P897">
        <v>0</v>
      </c>
      <c r="Q897">
        <v>0</v>
      </c>
      <c r="R897">
        <v>1094.95</v>
      </c>
      <c r="S897">
        <v>0</v>
      </c>
      <c r="T897">
        <v>1110.8119999999999</v>
      </c>
      <c r="U897">
        <v>1129.2829999999999</v>
      </c>
      <c r="V897">
        <v>1147.4649999999999</v>
      </c>
      <c r="W897">
        <v>1157.2080000000001</v>
      </c>
      <c r="X897">
        <v>1163.8800000000001</v>
      </c>
      <c r="Y897">
        <v>1161.5409999999999</v>
      </c>
    </row>
    <row r="898" spans="1:25" x14ac:dyDescent="0.3">
      <c r="A898">
        <v>24.00000000099341</v>
      </c>
      <c r="B898">
        <v>1024.54</v>
      </c>
      <c r="C898">
        <v>1068.047</v>
      </c>
      <c r="D898">
        <v>1073.8630000000001</v>
      </c>
      <c r="E898">
        <v>1085.1769999999999</v>
      </c>
      <c r="F898">
        <v>1092.9459999999999</v>
      </c>
      <c r="G898">
        <v>1106.0820000000001</v>
      </c>
      <c r="H898">
        <v>1129.7760000000001</v>
      </c>
      <c r="I898">
        <v>1140.501</v>
      </c>
      <c r="J898">
        <v>1141.4359999999999</v>
      </c>
      <c r="K898">
        <v>1146.1479999999999</v>
      </c>
      <c r="L898">
        <v>1148.1130000000001</v>
      </c>
      <c r="M898">
        <v>1120.5609999999999</v>
      </c>
      <c r="N898">
        <v>1003.047</v>
      </c>
      <c r="O898">
        <v>1049.3889999999999</v>
      </c>
      <c r="P898">
        <v>0</v>
      </c>
      <c r="Q898">
        <v>0</v>
      </c>
      <c r="R898">
        <v>1093.751</v>
      </c>
      <c r="S898">
        <v>0</v>
      </c>
      <c r="T898">
        <v>1109.981</v>
      </c>
      <c r="U898">
        <v>1131.2380000000001</v>
      </c>
      <c r="V898">
        <v>1148.018</v>
      </c>
      <c r="W898">
        <v>1155.405</v>
      </c>
      <c r="X898">
        <v>1166.1679999999999</v>
      </c>
      <c r="Y898">
        <v>1158.588</v>
      </c>
    </row>
    <row r="899" spans="1:25" x14ac:dyDescent="0.3">
      <c r="A899">
        <v>24.03333333164143</v>
      </c>
      <c r="B899">
        <v>1033.9970000000001</v>
      </c>
      <c r="C899">
        <v>1075.3920000000001</v>
      </c>
      <c r="D899">
        <v>1080.2570000000001</v>
      </c>
      <c r="E899">
        <v>1087.9480000000001</v>
      </c>
      <c r="F899">
        <v>1099.125</v>
      </c>
      <c r="G899">
        <v>1110.9449999999999</v>
      </c>
      <c r="H899">
        <v>1129.1500000000001</v>
      </c>
      <c r="I899">
        <v>1141.761</v>
      </c>
      <c r="J899">
        <v>1142.5429999999999</v>
      </c>
      <c r="K899">
        <v>1146.2059999999999</v>
      </c>
      <c r="L899">
        <v>1148.038</v>
      </c>
      <c r="M899">
        <v>1123.3610000000001</v>
      </c>
      <c r="N899">
        <v>1012.365</v>
      </c>
      <c r="O899">
        <v>1052.902</v>
      </c>
      <c r="P899">
        <v>0</v>
      </c>
      <c r="Q899">
        <v>0</v>
      </c>
      <c r="R899">
        <v>1094.4259999999999</v>
      </c>
      <c r="S899">
        <v>0</v>
      </c>
      <c r="T899">
        <v>1110.8499999999999</v>
      </c>
      <c r="U899">
        <v>1129.1690000000001</v>
      </c>
      <c r="V899">
        <v>1147.4459999999999</v>
      </c>
      <c r="W899">
        <v>1156.9780000000001</v>
      </c>
      <c r="X899">
        <v>1166.1500000000001</v>
      </c>
      <c r="Y899">
        <v>1159.298</v>
      </c>
    </row>
    <row r="900" spans="1:25" x14ac:dyDescent="0.3">
      <c r="A900">
        <v>24.050000002204129</v>
      </c>
      <c r="B900">
        <v>1032.0630000000001</v>
      </c>
      <c r="C900">
        <v>1073.6400000000001</v>
      </c>
      <c r="D900">
        <v>1079.4369999999999</v>
      </c>
      <c r="E900">
        <v>1089.82</v>
      </c>
      <c r="F900">
        <v>1100.6300000000001</v>
      </c>
      <c r="G900">
        <v>1111.72</v>
      </c>
      <c r="H900">
        <v>1128.3340000000001</v>
      </c>
      <c r="I900">
        <v>1143.287</v>
      </c>
      <c r="J900">
        <v>1146.702</v>
      </c>
      <c r="K900">
        <v>1151.5709999999999</v>
      </c>
      <c r="L900">
        <v>1148.6669999999999</v>
      </c>
      <c r="M900">
        <v>1125.923</v>
      </c>
      <c r="N900">
        <v>1015.022</v>
      </c>
      <c r="O900">
        <v>1054.9960000000001</v>
      </c>
      <c r="P900">
        <v>0</v>
      </c>
      <c r="Q900">
        <v>0</v>
      </c>
      <c r="R900">
        <v>1099.3889999999999</v>
      </c>
      <c r="S900">
        <v>0</v>
      </c>
      <c r="T900">
        <v>1112.702</v>
      </c>
      <c r="U900">
        <v>1128.049</v>
      </c>
      <c r="V900">
        <v>1143.4970000000001</v>
      </c>
      <c r="W900">
        <v>1157.7639999999999</v>
      </c>
      <c r="X900">
        <v>1170.0619999999999</v>
      </c>
      <c r="Y900">
        <v>1161.944</v>
      </c>
    </row>
    <row r="901" spans="1:25" x14ac:dyDescent="0.3">
      <c r="A901">
        <v>24.083333332852149</v>
      </c>
      <c r="B901">
        <v>1035.1189999999999</v>
      </c>
      <c r="C901">
        <v>1072.67</v>
      </c>
      <c r="D901">
        <v>1077.46</v>
      </c>
      <c r="E901">
        <v>1092.9649999999999</v>
      </c>
      <c r="F901">
        <v>1106.1010000000001</v>
      </c>
      <c r="G901">
        <v>1116.0830000000001</v>
      </c>
      <c r="H901">
        <v>1132.1110000000001</v>
      </c>
      <c r="I901">
        <v>1144.317</v>
      </c>
      <c r="J901">
        <v>1146.9880000000001</v>
      </c>
      <c r="K901">
        <v>1151.973</v>
      </c>
      <c r="L901">
        <v>1149.201</v>
      </c>
      <c r="M901">
        <v>1129.0550000000001</v>
      </c>
      <c r="N901">
        <v>1017.443</v>
      </c>
      <c r="O901">
        <v>1043.03</v>
      </c>
      <c r="P901">
        <v>0</v>
      </c>
      <c r="Q901">
        <v>0</v>
      </c>
      <c r="R901">
        <v>1102.2460000000001</v>
      </c>
      <c r="S901">
        <v>0</v>
      </c>
      <c r="T901">
        <v>1112.8900000000001</v>
      </c>
      <c r="U901">
        <v>1129.7950000000001</v>
      </c>
      <c r="V901">
        <v>1148.3420000000001</v>
      </c>
      <c r="W901">
        <v>1157.3230000000001</v>
      </c>
      <c r="X901">
        <v>1175.2850000000001</v>
      </c>
      <c r="Y901">
        <v>1162.576</v>
      </c>
    </row>
    <row r="902" spans="1:25" x14ac:dyDescent="0.3">
      <c r="A902">
        <v>24.116666663500169</v>
      </c>
      <c r="B902">
        <v>1036.576</v>
      </c>
      <c r="C902">
        <v>1074.3320000000001</v>
      </c>
      <c r="D902">
        <v>1079.104</v>
      </c>
      <c r="E902">
        <v>1095.95</v>
      </c>
      <c r="F902">
        <v>1113.7239999999999</v>
      </c>
      <c r="G902">
        <v>1122.8699999999999</v>
      </c>
      <c r="H902">
        <v>1135.8910000000001</v>
      </c>
      <c r="I902">
        <v>1145.598</v>
      </c>
      <c r="J902">
        <v>1149.0129999999999</v>
      </c>
      <c r="K902">
        <v>1156.961</v>
      </c>
      <c r="L902">
        <v>1155.2360000000001</v>
      </c>
      <c r="M902">
        <v>1134.126</v>
      </c>
      <c r="N902">
        <v>1015.6849999999999</v>
      </c>
      <c r="O902">
        <v>1048.8</v>
      </c>
      <c r="P902">
        <v>0</v>
      </c>
      <c r="Q902">
        <v>0</v>
      </c>
      <c r="R902">
        <v>1104.1859999999999</v>
      </c>
      <c r="S902">
        <v>0</v>
      </c>
      <c r="T902">
        <v>1116.691</v>
      </c>
      <c r="U902">
        <v>1136.9369999999999</v>
      </c>
      <c r="V902">
        <v>1158.4949999999999</v>
      </c>
      <c r="W902">
        <v>1171.529</v>
      </c>
      <c r="X902">
        <v>1176.02</v>
      </c>
      <c r="Y902">
        <v>1169.6410000000001</v>
      </c>
    </row>
    <row r="903" spans="1:25" x14ac:dyDescent="0.3">
      <c r="A903">
        <v>24.133333334062868</v>
      </c>
      <c r="B903">
        <v>1037.075</v>
      </c>
      <c r="C903">
        <v>1072.73</v>
      </c>
      <c r="D903">
        <v>1080.1300000000001</v>
      </c>
      <c r="E903">
        <v>1098.508</v>
      </c>
      <c r="F903">
        <v>1117.07</v>
      </c>
      <c r="G903">
        <v>1125.6990000000001</v>
      </c>
      <c r="H903">
        <v>1136.7280000000001</v>
      </c>
      <c r="I903">
        <v>1141.9169999999999</v>
      </c>
      <c r="J903">
        <v>1144.893</v>
      </c>
      <c r="K903">
        <v>1154.8920000000001</v>
      </c>
      <c r="L903">
        <v>1156.56</v>
      </c>
      <c r="M903">
        <v>1131.7349999999999</v>
      </c>
      <c r="N903">
        <v>1018.18</v>
      </c>
      <c r="O903">
        <v>1048.2650000000001</v>
      </c>
      <c r="P903">
        <v>0</v>
      </c>
      <c r="Q903">
        <v>0</v>
      </c>
      <c r="R903">
        <v>1104.6569999999999</v>
      </c>
      <c r="S903">
        <v>0</v>
      </c>
      <c r="T903">
        <v>1115.8789999999999</v>
      </c>
      <c r="U903">
        <v>1133.653</v>
      </c>
      <c r="V903">
        <v>1150.597</v>
      </c>
      <c r="W903">
        <v>1165.652</v>
      </c>
      <c r="X903">
        <v>1174.769</v>
      </c>
      <c r="Y903">
        <v>1169.68</v>
      </c>
    </row>
    <row r="904" spans="1:25" x14ac:dyDescent="0.3">
      <c r="A904">
        <v>24.166666664710888</v>
      </c>
      <c r="B904">
        <v>1031.366</v>
      </c>
      <c r="C904">
        <v>1069.4659999999999</v>
      </c>
      <c r="D904">
        <v>1081.0050000000001</v>
      </c>
      <c r="E904">
        <v>1099.1279999999999</v>
      </c>
      <c r="F904">
        <v>1124.4259999999999</v>
      </c>
      <c r="G904">
        <v>1126.3810000000001</v>
      </c>
      <c r="H904">
        <v>1134.828</v>
      </c>
      <c r="I904">
        <v>1141.2860000000001</v>
      </c>
      <c r="J904">
        <v>1140.886</v>
      </c>
      <c r="K904">
        <v>1151.5730000000001</v>
      </c>
      <c r="L904">
        <v>1156.75</v>
      </c>
      <c r="M904">
        <v>1132.114</v>
      </c>
      <c r="N904">
        <v>1012.751</v>
      </c>
      <c r="O904">
        <v>1049.6690000000001</v>
      </c>
      <c r="P904">
        <v>0</v>
      </c>
      <c r="Q904">
        <v>0</v>
      </c>
      <c r="R904">
        <v>1104.1110000000001</v>
      </c>
      <c r="S904">
        <v>0</v>
      </c>
      <c r="T904">
        <v>1116.029</v>
      </c>
      <c r="U904">
        <v>1132.759</v>
      </c>
      <c r="V904">
        <v>1145.884</v>
      </c>
      <c r="W904">
        <v>1160.47</v>
      </c>
      <c r="X904">
        <v>1171.298</v>
      </c>
      <c r="Y904">
        <v>1169.6600000000001</v>
      </c>
    </row>
    <row r="905" spans="1:25" x14ac:dyDescent="0.3">
      <c r="A905">
        <v>24.183333335273588</v>
      </c>
      <c r="B905">
        <v>1033.521</v>
      </c>
      <c r="C905">
        <v>1069.1869999999999</v>
      </c>
      <c r="D905">
        <v>1077.1469999999999</v>
      </c>
      <c r="E905">
        <v>1100.614</v>
      </c>
      <c r="F905">
        <v>1132.001</v>
      </c>
      <c r="G905">
        <v>1131.6400000000001</v>
      </c>
      <c r="H905">
        <v>1140.066</v>
      </c>
      <c r="I905">
        <v>1144.454</v>
      </c>
      <c r="J905">
        <v>1147.106</v>
      </c>
      <c r="K905">
        <v>1153.3</v>
      </c>
      <c r="L905">
        <v>1160.221</v>
      </c>
      <c r="M905">
        <v>1128.982</v>
      </c>
      <c r="N905">
        <v>1010.468</v>
      </c>
      <c r="O905">
        <v>1051.1479999999999</v>
      </c>
      <c r="P905">
        <v>0</v>
      </c>
      <c r="Q905">
        <v>0</v>
      </c>
      <c r="R905">
        <v>1107.402</v>
      </c>
      <c r="S905">
        <v>0</v>
      </c>
      <c r="T905">
        <v>1120.5640000000001</v>
      </c>
      <c r="U905">
        <v>1133.9749999999999</v>
      </c>
      <c r="V905">
        <v>1145.6369999999999</v>
      </c>
      <c r="W905">
        <v>1161.1030000000001</v>
      </c>
      <c r="X905">
        <v>1172.5519999999999</v>
      </c>
      <c r="Y905">
        <v>1171.048</v>
      </c>
    </row>
    <row r="906" spans="1:25" x14ac:dyDescent="0.3">
      <c r="A906">
        <v>24.216666665921608</v>
      </c>
      <c r="B906">
        <v>1039.7619999999999</v>
      </c>
      <c r="C906">
        <v>1069.7280000000001</v>
      </c>
      <c r="D906">
        <v>1079.03</v>
      </c>
      <c r="E906">
        <v>1108.098</v>
      </c>
      <c r="F906">
        <v>1135.114</v>
      </c>
      <c r="G906">
        <v>1136.2339999999999</v>
      </c>
      <c r="H906">
        <v>1143.557</v>
      </c>
      <c r="I906">
        <v>1146.4380000000001</v>
      </c>
      <c r="J906">
        <v>1150.2919999999999</v>
      </c>
      <c r="K906">
        <v>1154.335</v>
      </c>
      <c r="L906">
        <v>1155.7539999999999</v>
      </c>
      <c r="M906">
        <v>1129.913</v>
      </c>
      <c r="N906">
        <v>1016.126</v>
      </c>
      <c r="O906">
        <v>1048.616</v>
      </c>
      <c r="P906">
        <v>0</v>
      </c>
      <c r="Q906">
        <v>0</v>
      </c>
      <c r="R906">
        <v>1105.8409999999999</v>
      </c>
      <c r="S906">
        <v>0</v>
      </c>
      <c r="T906">
        <v>1122.2270000000001</v>
      </c>
      <c r="U906">
        <v>1137.9680000000001</v>
      </c>
      <c r="V906">
        <v>1149.376</v>
      </c>
      <c r="W906">
        <v>1163.021</v>
      </c>
      <c r="X906">
        <v>1173.1489999999999</v>
      </c>
      <c r="Y906">
        <v>1165.921</v>
      </c>
    </row>
    <row r="907" spans="1:25" x14ac:dyDescent="0.3">
      <c r="A907">
        <v>24.249999996569628</v>
      </c>
      <c r="B907">
        <v>1044.1969999999999</v>
      </c>
      <c r="C907">
        <v>1075.8789999999999</v>
      </c>
      <c r="D907">
        <v>1091.6389999999999</v>
      </c>
      <c r="E907">
        <v>1116.521</v>
      </c>
      <c r="F907">
        <v>1135.8720000000001</v>
      </c>
      <c r="G907">
        <v>1139.856</v>
      </c>
      <c r="H907">
        <v>1143.499</v>
      </c>
      <c r="I907">
        <v>1144.625</v>
      </c>
      <c r="J907">
        <v>1146.6849999999999</v>
      </c>
      <c r="K907">
        <v>1152.2639999999999</v>
      </c>
      <c r="L907">
        <v>1154.5070000000001</v>
      </c>
      <c r="M907">
        <v>1130.9749999999999</v>
      </c>
      <c r="N907">
        <v>1018.674</v>
      </c>
      <c r="O907">
        <v>1045.288</v>
      </c>
      <c r="P907">
        <v>0</v>
      </c>
      <c r="Q907">
        <v>0</v>
      </c>
      <c r="R907">
        <v>1106.085</v>
      </c>
      <c r="S907">
        <v>0</v>
      </c>
      <c r="T907">
        <v>1121.981</v>
      </c>
      <c r="U907">
        <v>1136.309</v>
      </c>
      <c r="V907">
        <v>1145.579</v>
      </c>
      <c r="W907">
        <v>1157.076</v>
      </c>
      <c r="X907">
        <v>1171.51</v>
      </c>
      <c r="Y907">
        <v>1169.1199999999999</v>
      </c>
    </row>
    <row r="908" spans="1:25" x14ac:dyDescent="0.3">
      <c r="A908">
        <v>24.266666667132327</v>
      </c>
      <c r="B908">
        <v>1036.538</v>
      </c>
      <c r="C908">
        <v>1077.443</v>
      </c>
      <c r="D908">
        <v>1090.5319999999999</v>
      </c>
      <c r="E908">
        <v>1116.5</v>
      </c>
      <c r="F908">
        <v>1134.751</v>
      </c>
      <c r="G908">
        <v>1137.107</v>
      </c>
      <c r="H908">
        <v>1140.77</v>
      </c>
      <c r="I908">
        <v>1142.925</v>
      </c>
      <c r="J908">
        <v>1145.2149999999999</v>
      </c>
      <c r="K908">
        <v>1150.251</v>
      </c>
      <c r="L908">
        <v>1154.1600000000001</v>
      </c>
      <c r="M908">
        <v>1135.2249999999999</v>
      </c>
      <c r="N908">
        <v>1018.966</v>
      </c>
      <c r="O908">
        <v>1044.011</v>
      </c>
      <c r="P908">
        <v>0</v>
      </c>
      <c r="Q908">
        <v>0</v>
      </c>
      <c r="R908">
        <v>1106.5160000000001</v>
      </c>
      <c r="S908">
        <v>0</v>
      </c>
      <c r="T908">
        <v>1123.3989999999999</v>
      </c>
      <c r="U908">
        <v>1136.231</v>
      </c>
      <c r="V908">
        <v>1143.5360000000001</v>
      </c>
      <c r="W908">
        <v>1156.288</v>
      </c>
      <c r="X908">
        <v>1173.7059999999999</v>
      </c>
      <c r="Y908">
        <v>1167.249</v>
      </c>
    </row>
    <row r="909" spans="1:25" x14ac:dyDescent="0.3">
      <c r="A909">
        <v>24.299999997780347</v>
      </c>
      <c r="B909">
        <v>1036.154</v>
      </c>
      <c r="C909">
        <v>1074.5940000000001</v>
      </c>
      <c r="D909">
        <v>1085.9670000000001</v>
      </c>
      <c r="E909">
        <v>1110.136</v>
      </c>
      <c r="F909">
        <v>1132.912</v>
      </c>
      <c r="G909">
        <v>1138.674</v>
      </c>
      <c r="H909">
        <v>1141.6500000000001</v>
      </c>
      <c r="I909">
        <v>1146.915</v>
      </c>
      <c r="J909">
        <v>1147.297</v>
      </c>
      <c r="K909">
        <v>1150.808</v>
      </c>
      <c r="L909">
        <v>1157.077</v>
      </c>
      <c r="M909">
        <v>1132.3240000000001</v>
      </c>
      <c r="N909">
        <v>1022.985</v>
      </c>
      <c r="O909">
        <v>1045.4000000000001</v>
      </c>
      <c r="P909">
        <v>0</v>
      </c>
      <c r="Q909">
        <v>0</v>
      </c>
      <c r="R909">
        <v>1106.18</v>
      </c>
      <c r="S909">
        <v>0</v>
      </c>
      <c r="T909">
        <v>1123.288</v>
      </c>
      <c r="U909">
        <v>1139.075</v>
      </c>
      <c r="V909">
        <v>1151.8620000000001</v>
      </c>
      <c r="W909">
        <v>1160.222</v>
      </c>
      <c r="X909">
        <v>1170.817</v>
      </c>
      <c r="Y909">
        <v>1164.7850000000001</v>
      </c>
    </row>
    <row r="910" spans="1:25" x14ac:dyDescent="0.3">
      <c r="A910">
        <v>24.333333338905746</v>
      </c>
      <c r="B910">
        <v>1041.702</v>
      </c>
      <c r="C910">
        <v>1075.6179999999999</v>
      </c>
      <c r="D910">
        <v>1083.5329999999999</v>
      </c>
      <c r="E910">
        <v>1106.405</v>
      </c>
      <c r="F910">
        <v>1128.6220000000001</v>
      </c>
      <c r="G910">
        <v>1142.145</v>
      </c>
      <c r="H910">
        <v>1149.261</v>
      </c>
      <c r="I910">
        <v>1152.1489999999999</v>
      </c>
      <c r="J910">
        <v>1151.67</v>
      </c>
      <c r="K910">
        <v>1152.0920000000001</v>
      </c>
      <c r="L910">
        <v>1155.2360000000001</v>
      </c>
      <c r="M910">
        <v>1129.761</v>
      </c>
      <c r="N910">
        <v>1021.077</v>
      </c>
      <c r="O910">
        <v>1053.4960000000001</v>
      </c>
      <c r="P910">
        <v>0</v>
      </c>
      <c r="Q910">
        <v>0</v>
      </c>
      <c r="R910">
        <v>1105.0329999999999</v>
      </c>
      <c r="S910">
        <v>0</v>
      </c>
      <c r="T910">
        <v>1125.528</v>
      </c>
      <c r="U910">
        <v>1144.759</v>
      </c>
      <c r="V910">
        <v>1157.23</v>
      </c>
      <c r="W910">
        <v>1160.9690000000001</v>
      </c>
      <c r="X910">
        <v>1168.1379999999999</v>
      </c>
      <c r="Y910">
        <v>1164.4390000000001</v>
      </c>
    </row>
    <row r="911" spans="1:25" x14ac:dyDescent="0.3">
      <c r="A911">
        <v>24.349999998991066</v>
      </c>
      <c r="B911">
        <v>1051.645</v>
      </c>
      <c r="C911">
        <v>1082.3140000000001</v>
      </c>
      <c r="D911">
        <v>1098.4860000000001</v>
      </c>
      <c r="E911">
        <v>1114.7809999999999</v>
      </c>
      <c r="F911">
        <v>1133.327</v>
      </c>
      <c r="G911">
        <v>1144.165</v>
      </c>
      <c r="H911">
        <v>1149.6790000000001</v>
      </c>
      <c r="I911">
        <v>1151.5719999999999</v>
      </c>
      <c r="J911">
        <v>1151.2460000000001</v>
      </c>
      <c r="K911">
        <v>1153.106</v>
      </c>
      <c r="L911">
        <v>1150.92</v>
      </c>
      <c r="M911">
        <v>1124.2349999999999</v>
      </c>
      <c r="N911">
        <v>1018.379</v>
      </c>
      <c r="O911">
        <v>1051.664</v>
      </c>
      <c r="P911">
        <v>0</v>
      </c>
      <c r="Q911">
        <v>0</v>
      </c>
      <c r="R911">
        <v>1105.0119999999999</v>
      </c>
      <c r="S911">
        <v>0</v>
      </c>
      <c r="T911">
        <v>1123.229</v>
      </c>
      <c r="U911">
        <v>1145.8820000000001</v>
      </c>
      <c r="V911">
        <v>1158.3209999999999</v>
      </c>
      <c r="W911">
        <v>1161.4459999999999</v>
      </c>
      <c r="X911">
        <v>1168.405</v>
      </c>
      <c r="Y911">
        <v>1164.7819999999999</v>
      </c>
    </row>
    <row r="912" spans="1:25" x14ac:dyDescent="0.3">
      <c r="A912">
        <v>24.383333329639086</v>
      </c>
      <c r="B912">
        <v>1058.2660000000001</v>
      </c>
      <c r="C912">
        <v>1083.5509999999999</v>
      </c>
      <c r="D912">
        <v>1099.5229999999999</v>
      </c>
      <c r="E912">
        <v>1115.1990000000001</v>
      </c>
      <c r="F912">
        <v>1134.7149999999999</v>
      </c>
      <c r="G912">
        <v>1146.6289999999999</v>
      </c>
      <c r="H912">
        <v>1151.9380000000001</v>
      </c>
      <c r="I912">
        <v>1153.702</v>
      </c>
      <c r="J912">
        <v>1152.8779999999999</v>
      </c>
      <c r="K912">
        <v>1153.415</v>
      </c>
      <c r="L912">
        <v>1149.28</v>
      </c>
      <c r="M912">
        <v>1124.9580000000001</v>
      </c>
      <c r="N912">
        <v>1020.105</v>
      </c>
      <c r="O912">
        <v>1059.3240000000001</v>
      </c>
      <c r="P912">
        <v>0</v>
      </c>
      <c r="Q912">
        <v>0</v>
      </c>
      <c r="R912">
        <v>1108.4929999999999</v>
      </c>
      <c r="S912">
        <v>0</v>
      </c>
      <c r="T912">
        <v>1128.0709999999999</v>
      </c>
      <c r="U912">
        <v>1149.528</v>
      </c>
      <c r="V912">
        <v>1168.5809999999999</v>
      </c>
      <c r="W912">
        <v>1168.0409999999999</v>
      </c>
      <c r="X912">
        <v>1172.1849999999999</v>
      </c>
      <c r="Y912">
        <v>1165.17</v>
      </c>
    </row>
    <row r="913" spans="1:25" x14ac:dyDescent="0.3">
      <c r="A913">
        <v>24.400000000201786</v>
      </c>
      <c r="B913">
        <v>1046.5119999999999</v>
      </c>
      <c r="C913">
        <v>1081.289</v>
      </c>
      <c r="D913">
        <v>1102.1400000000001</v>
      </c>
      <c r="E913">
        <v>1122.268</v>
      </c>
      <c r="F913">
        <v>1135.079</v>
      </c>
      <c r="G913">
        <v>1142.1869999999999</v>
      </c>
      <c r="H913">
        <v>1145.5830000000001</v>
      </c>
      <c r="I913">
        <v>1150.066</v>
      </c>
      <c r="J913">
        <v>1148.3109999999999</v>
      </c>
      <c r="K913">
        <v>1152.5940000000001</v>
      </c>
      <c r="L913">
        <v>1153.8589999999999</v>
      </c>
      <c r="M913">
        <v>1132.7249999999999</v>
      </c>
      <c r="N913">
        <v>1024.088</v>
      </c>
      <c r="O913">
        <v>1071.241</v>
      </c>
      <c r="P913">
        <v>0</v>
      </c>
      <c r="Q913">
        <v>0</v>
      </c>
      <c r="R913">
        <v>1110.989</v>
      </c>
      <c r="S913">
        <v>0</v>
      </c>
      <c r="T913">
        <v>1128.454</v>
      </c>
      <c r="U913">
        <v>1149.4169999999999</v>
      </c>
      <c r="V913">
        <v>1170.204</v>
      </c>
      <c r="W913">
        <v>1172.5940000000001</v>
      </c>
      <c r="X913">
        <v>1172.5940000000001</v>
      </c>
      <c r="Y913">
        <v>1164.903</v>
      </c>
    </row>
    <row r="914" spans="1:25" x14ac:dyDescent="0.3">
      <c r="A914">
        <v>24.433333330849806</v>
      </c>
      <c r="B914">
        <v>1039.5039999999999</v>
      </c>
      <c r="C914">
        <v>1078.47</v>
      </c>
      <c r="D914">
        <v>1093.7550000000001</v>
      </c>
      <c r="E914">
        <v>1119.1089999999999</v>
      </c>
      <c r="F914">
        <v>1132.57</v>
      </c>
      <c r="G914">
        <v>1137.0899999999999</v>
      </c>
      <c r="H914">
        <v>1142.7560000000001</v>
      </c>
      <c r="I914">
        <v>1148.059</v>
      </c>
      <c r="J914">
        <v>1145.713</v>
      </c>
      <c r="K914">
        <v>1154.124</v>
      </c>
      <c r="L914">
        <v>1155.8109999999999</v>
      </c>
      <c r="M914">
        <v>1130.2919999999999</v>
      </c>
      <c r="N914">
        <v>1024.855</v>
      </c>
      <c r="O914">
        <v>1066.21</v>
      </c>
      <c r="P914">
        <v>0</v>
      </c>
      <c r="Q914">
        <v>0</v>
      </c>
      <c r="R914">
        <v>1115.3499999999999</v>
      </c>
      <c r="S914">
        <v>0</v>
      </c>
      <c r="T914">
        <v>1131.279</v>
      </c>
      <c r="U914">
        <v>1155.0640000000001</v>
      </c>
      <c r="V914">
        <v>1171.877</v>
      </c>
      <c r="W914">
        <v>1180.0350000000001</v>
      </c>
      <c r="X914">
        <v>1178.931</v>
      </c>
      <c r="Y914">
        <v>1166.095</v>
      </c>
    </row>
    <row r="915" spans="1:25" x14ac:dyDescent="0.3">
      <c r="A915">
        <v>24.466666671975204</v>
      </c>
      <c r="B915">
        <v>1037.828</v>
      </c>
      <c r="C915">
        <v>1074.5740000000001</v>
      </c>
      <c r="D915">
        <v>1086.3969999999999</v>
      </c>
      <c r="E915">
        <v>1116.7660000000001</v>
      </c>
      <c r="F915">
        <v>1137.585</v>
      </c>
      <c r="G915">
        <v>1140.905</v>
      </c>
      <c r="H915">
        <v>1141.115</v>
      </c>
      <c r="I915">
        <v>1147.086</v>
      </c>
      <c r="J915">
        <v>1147.83</v>
      </c>
      <c r="K915">
        <v>1158.0160000000001</v>
      </c>
      <c r="L915">
        <v>1157.057</v>
      </c>
      <c r="M915">
        <v>1128.204</v>
      </c>
      <c r="N915">
        <v>1017.9589999999999</v>
      </c>
      <c r="O915">
        <v>1061.105</v>
      </c>
      <c r="P915">
        <v>0</v>
      </c>
      <c r="Q915">
        <v>0</v>
      </c>
      <c r="R915">
        <v>1113.0250000000001</v>
      </c>
      <c r="S915">
        <v>0</v>
      </c>
      <c r="T915">
        <v>1127.8050000000001</v>
      </c>
      <c r="U915">
        <v>1149.49</v>
      </c>
      <c r="V915">
        <v>1164.4960000000001</v>
      </c>
      <c r="W915">
        <v>1170.585</v>
      </c>
      <c r="X915">
        <v>1173.6880000000001</v>
      </c>
      <c r="Y915">
        <v>1166.133</v>
      </c>
    </row>
    <row r="916" spans="1:25" x14ac:dyDescent="0.3">
      <c r="A916">
        <v>24.483333332060525</v>
      </c>
      <c r="B916">
        <v>1042.2950000000001</v>
      </c>
      <c r="C916">
        <v>1075.49</v>
      </c>
      <c r="D916">
        <v>1082.8230000000001</v>
      </c>
      <c r="E916">
        <v>1110.326</v>
      </c>
      <c r="F916">
        <v>1133.711</v>
      </c>
      <c r="G916">
        <v>1138.046</v>
      </c>
      <c r="H916">
        <v>1147.05</v>
      </c>
      <c r="I916">
        <v>1151.806</v>
      </c>
      <c r="J916">
        <v>1152.0360000000001</v>
      </c>
      <c r="K916">
        <v>1158.5360000000001</v>
      </c>
      <c r="L916">
        <v>1158.2670000000001</v>
      </c>
      <c r="M916">
        <v>1132.5909999999999</v>
      </c>
      <c r="N916">
        <v>1014.532</v>
      </c>
      <c r="O916">
        <v>1060.7550000000001</v>
      </c>
      <c r="P916">
        <v>0</v>
      </c>
      <c r="Q916">
        <v>0</v>
      </c>
      <c r="R916">
        <v>1110.4770000000001</v>
      </c>
      <c r="S916">
        <v>0</v>
      </c>
      <c r="T916">
        <v>1128.9459999999999</v>
      </c>
      <c r="U916">
        <v>1145.4090000000001</v>
      </c>
      <c r="V916">
        <v>1160.913</v>
      </c>
      <c r="W916">
        <v>1176.2149999999999</v>
      </c>
      <c r="X916">
        <v>1180.172</v>
      </c>
      <c r="Y916">
        <v>1166.521</v>
      </c>
    </row>
    <row r="917" spans="1:25" x14ac:dyDescent="0.3">
      <c r="A917">
        <v>24.516666673185924</v>
      </c>
      <c r="B917">
        <v>1048.174</v>
      </c>
      <c r="C917">
        <v>1075.0419999999999</v>
      </c>
      <c r="D917">
        <v>1079.423</v>
      </c>
      <c r="E917">
        <v>1105.5989999999999</v>
      </c>
      <c r="F917">
        <v>1123.6500000000001</v>
      </c>
      <c r="G917">
        <v>1130.3320000000001</v>
      </c>
      <c r="H917">
        <v>1145.3140000000001</v>
      </c>
      <c r="I917">
        <v>1151.729</v>
      </c>
      <c r="J917">
        <v>1153.742</v>
      </c>
      <c r="K917">
        <v>1158.306</v>
      </c>
      <c r="L917">
        <v>1153.934</v>
      </c>
      <c r="M917">
        <v>1124.998</v>
      </c>
      <c r="N917">
        <v>1006.87</v>
      </c>
      <c r="O917">
        <v>1063.6310000000001</v>
      </c>
      <c r="P917">
        <v>0</v>
      </c>
      <c r="Q917">
        <v>0</v>
      </c>
      <c r="R917">
        <v>1111.1199999999999</v>
      </c>
      <c r="S917">
        <v>0</v>
      </c>
      <c r="T917">
        <v>1126.289</v>
      </c>
      <c r="U917">
        <v>1144.2270000000001</v>
      </c>
      <c r="V917">
        <v>1158.037</v>
      </c>
      <c r="W917">
        <v>1173.5360000000001</v>
      </c>
      <c r="X917">
        <v>1181.2</v>
      </c>
      <c r="Y917">
        <v>1169.45</v>
      </c>
    </row>
    <row r="918" spans="1:25" x14ac:dyDescent="0.3">
      <c r="A918">
        <v>24.533333333271244</v>
      </c>
      <c r="B918">
        <v>1048.58</v>
      </c>
      <c r="C918">
        <v>1074.837</v>
      </c>
      <c r="D918">
        <v>1076.4580000000001</v>
      </c>
      <c r="E918">
        <v>1102.364</v>
      </c>
      <c r="F918">
        <v>1118.336</v>
      </c>
      <c r="G918">
        <v>1126.915</v>
      </c>
      <c r="H918">
        <v>1140.3150000000001</v>
      </c>
      <c r="I918">
        <v>1149.511</v>
      </c>
      <c r="J918">
        <v>1153.2819999999999</v>
      </c>
      <c r="K918">
        <v>1156.1379999999999</v>
      </c>
      <c r="L918">
        <v>1152.4760000000001</v>
      </c>
      <c r="M918">
        <v>1124.2950000000001</v>
      </c>
      <c r="N918">
        <v>1005.024</v>
      </c>
      <c r="O918">
        <v>1052.3510000000001</v>
      </c>
      <c r="P918">
        <v>0</v>
      </c>
      <c r="Q918">
        <v>0</v>
      </c>
      <c r="R918">
        <v>1108.3440000000001</v>
      </c>
      <c r="S918">
        <v>0</v>
      </c>
      <c r="T918">
        <v>1122.7950000000001</v>
      </c>
      <c r="U918">
        <v>1142.566</v>
      </c>
      <c r="V918">
        <v>1154.9690000000001</v>
      </c>
      <c r="W918">
        <v>1169.7</v>
      </c>
      <c r="X918">
        <v>1179.28</v>
      </c>
      <c r="Y918">
        <v>1163.616</v>
      </c>
    </row>
    <row r="919" spans="1:25" x14ac:dyDescent="0.3">
      <c r="A919">
        <v>24.566666663919264</v>
      </c>
      <c r="B919">
        <v>1049.3</v>
      </c>
      <c r="C919">
        <v>1073.885</v>
      </c>
      <c r="D919">
        <v>1074.761</v>
      </c>
      <c r="E919">
        <v>1097.4929999999999</v>
      </c>
      <c r="F919">
        <v>1109.645</v>
      </c>
      <c r="G919">
        <v>1120.1300000000001</v>
      </c>
      <c r="H919">
        <v>1140.6010000000001</v>
      </c>
      <c r="I919">
        <v>1144.55</v>
      </c>
      <c r="J919">
        <v>1146.7059999999999</v>
      </c>
      <c r="K919">
        <v>1150.961</v>
      </c>
      <c r="L919">
        <v>1151.6320000000001</v>
      </c>
      <c r="M919">
        <v>1124.067</v>
      </c>
      <c r="N919">
        <v>1002.722</v>
      </c>
      <c r="O919">
        <v>1047.8589999999999</v>
      </c>
      <c r="P919">
        <v>0</v>
      </c>
      <c r="Q919">
        <v>0</v>
      </c>
      <c r="R919">
        <v>1103.7729999999999</v>
      </c>
      <c r="S919">
        <v>0</v>
      </c>
      <c r="T919">
        <v>1117.769</v>
      </c>
      <c r="U919">
        <v>1139.6089999999999</v>
      </c>
      <c r="V919">
        <v>1152.4179999999999</v>
      </c>
      <c r="W919">
        <v>1165.3050000000001</v>
      </c>
      <c r="X919">
        <v>1174.19</v>
      </c>
      <c r="Y919">
        <v>1162.3119999999999</v>
      </c>
    </row>
    <row r="920" spans="1:25" x14ac:dyDescent="0.3">
      <c r="A920">
        <v>24.600000005044663</v>
      </c>
      <c r="B920">
        <v>1049.433</v>
      </c>
      <c r="C920">
        <v>1071.595</v>
      </c>
      <c r="D920">
        <v>1072.3409999999999</v>
      </c>
      <c r="E920">
        <v>1094.9380000000001</v>
      </c>
      <c r="F920">
        <v>1110.5920000000001</v>
      </c>
      <c r="G920">
        <v>1122.079</v>
      </c>
      <c r="H920">
        <v>1141.1759999999999</v>
      </c>
      <c r="I920">
        <v>1145.259</v>
      </c>
      <c r="J920">
        <v>1144.6479999999999</v>
      </c>
      <c r="K920">
        <v>1149.875</v>
      </c>
      <c r="L920">
        <v>1151.827</v>
      </c>
      <c r="M920">
        <v>1121.72</v>
      </c>
      <c r="N920">
        <v>1005.977</v>
      </c>
      <c r="O920">
        <v>1046.9549999999999</v>
      </c>
      <c r="P920">
        <v>0</v>
      </c>
      <c r="Q920">
        <v>0</v>
      </c>
      <c r="R920">
        <v>1101.068</v>
      </c>
      <c r="S920">
        <v>0</v>
      </c>
      <c r="T920">
        <v>1114.9749999999999</v>
      </c>
      <c r="U920">
        <v>1135.838</v>
      </c>
      <c r="V920">
        <v>1147.739</v>
      </c>
      <c r="W920">
        <v>1162.123</v>
      </c>
      <c r="X920">
        <v>1175.2729999999999</v>
      </c>
      <c r="Y920">
        <v>1161.816</v>
      </c>
    </row>
    <row r="921" spans="1:25" x14ac:dyDescent="0.3">
      <c r="A921">
        <v>24.616666665129983</v>
      </c>
      <c r="B921">
        <v>1043.329</v>
      </c>
      <c r="C921">
        <v>1067.827</v>
      </c>
      <c r="D921">
        <v>1067.808</v>
      </c>
      <c r="E921">
        <v>1090.8150000000001</v>
      </c>
      <c r="F921">
        <v>1110.759</v>
      </c>
      <c r="G921">
        <v>1124.8440000000001</v>
      </c>
      <c r="H921">
        <v>1140.6569999999999</v>
      </c>
      <c r="I921">
        <v>1138.4639999999999</v>
      </c>
      <c r="J921">
        <v>1139.1500000000001</v>
      </c>
      <c r="K921">
        <v>1148.422</v>
      </c>
      <c r="L921">
        <v>1152.3409999999999</v>
      </c>
      <c r="M921">
        <v>1122.4349999999999</v>
      </c>
      <c r="N921">
        <v>1004.329</v>
      </c>
      <c r="O921">
        <v>1044.9190000000001</v>
      </c>
      <c r="P921">
        <v>0</v>
      </c>
      <c r="Q921">
        <v>0</v>
      </c>
      <c r="R921">
        <v>1102.287</v>
      </c>
      <c r="S921">
        <v>0</v>
      </c>
      <c r="T921">
        <v>1114.008</v>
      </c>
      <c r="U921">
        <v>1134.316</v>
      </c>
      <c r="V921">
        <v>1147.125</v>
      </c>
      <c r="W921">
        <v>1161.4680000000001</v>
      </c>
      <c r="X921">
        <v>1174.633</v>
      </c>
      <c r="Y921">
        <v>1162.982</v>
      </c>
    </row>
    <row r="922" spans="1:25" x14ac:dyDescent="0.3">
      <c r="A922">
        <v>24.650000006255382</v>
      </c>
      <c r="B922">
        <v>1033.154</v>
      </c>
      <c r="C922">
        <v>1067.009</v>
      </c>
      <c r="D922">
        <v>1065.4870000000001</v>
      </c>
      <c r="E922">
        <v>1088.5139999999999</v>
      </c>
      <c r="F922">
        <v>1105.787</v>
      </c>
      <c r="G922">
        <v>1122.8150000000001</v>
      </c>
      <c r="H922">
        <v>1142.701</v>
      </c>
      <c r="I922">
        <v>1141.174</v>
      </c>
      <c r="J922">
        <v>1141.67</v>
      </c>
      <c r="K922">
        <v>1151.039</v>
      </c>
      <c r="L922">
        <v>1153.5889999999999</v>
      </c>
      <c r="M922">
        <v>1128.0920000000001</v>
      </c>
      <c r="N922">
        <v>1007.327</v>
      </c>
      <c r="O922">
        <v>1042.1659999999999</v>
      </c>
      <c r="P922">
        <v>0</v>
      </c>
      <c r="Q922">
        <v>0</v>
      </c>
      <c r="R922">
        <v>1100.8969999999999</v>
      </c>
      <c r="S922">
        <v>0</v>
      </c>
      <c r="T922">
        <v>1115.8989999999999</v>
      </c>
      <c r="U922">
        <v>1134.546</v>
      </c>
      <c r="V922">
        <v>1150.713</v>
      </c>
      <c r="W922">
        <v>1163.693</v>
      </c>
      <c r="X922">
        <v>1175.175</v>
      </c>
      <c r="Y922">
        <v>1166.019</v>
      </c>
    </row>
    <row r="923" spans="1:25" x14ac:dyDescent="0.3">
      <c r="A923">
        <v>24.666666666340703</v>
      </c>
      <c r="B923">
        <v>1032.547</v>
      </c>
      <c r="C923">
        <v>1066.8050000000001</v>
      </c>
      <c r="D923">
        <v>1068.462</v>
      </c>
      <c r="E923">
        <v>1090.462</v>
      </c>
      <c r="F923">
        <v>1106.971</v>
      </c>
      <c r="G923">
        <v>1118.903</v>
      </c>
      <c r="H923">
        <v>1137.2439999999999</v>
      </c>
      <c r="I923">
        <v>1144.6079999999999</v>
      </c>
      <c r="J923">
        <v>1145.867</v>
      </c>
      <c r="K923">
        <v>1153.3969999999999</v>
      </c>
      <c r="L923">
        <v>1157.213</v>
      </c>
      <c r="M923">
        <v>1133.2929999999999</v>
      </c>
      <c r="N923">
        <v>1008.277</v>
      </c>
      <c r="O923">
        <v>1043.183</v>
      </c>
      <c r="P923">
        <v>0</v>
      </c>
      <c r="Q923">
        <v>0</v>
      </c>
      <c r="R923">
        <v>1101.3489999999999</v>
      </c>
      <c r="S923">
        <v>0</v>
      </c>
      <c r="T923">
        <v>1117.5239999999999</v>
      </c>
      <c r="U923">
        <v>1138.1030000000001</v>
      </c>
      <c r="V923">
        <v>1155.43</v>
      </c>
      <c r="W923">
        <v>1165.615</v>
      </c>
      <c r="X923">
        <v>1174.654</v>
      </c>
      <c r="Y923">
        <v>1168.2940000000001</v>
      </c>
    </row>
    <row r="924" spans="1:25" x14ac:dyDescent="0.3">
      <c r="A924">
        <v>24.699999996988723</v>
      </c>
      <c r="B924">
        <v>1037.075</v>
      </c>
      <c r="C924">
        <v>1068.816</v>
      </c>
      <c r="D924">
        <v>1079.4780000000001</v>
      </c>
      <c r="E924">
        <v>1098.922</v>
      </c>
      <c r="F924">
        <v>1110.684</v>
      </c>
      <c r="G924">
        <v>1116.673</v>
      </c>
      <c r="H924">
        <v>1133.8810000000001</v>
      </c>
      <c r="I924">
        <v>1143.1959999999999</v>
      </c>
      <c r="J924">
        <v>1145.5619999999999</v>
      </c>
      <c r="K924">
        <v>1154.796</v>
      </c>
      <c r="L924">
        <v>1154.95</v>
      </c>
      <c r="M924">
        <v>1130.3879999999999</v>
      </c>
      <c r="N924">
        <v>1005.335</v>
      </c>
      <c r="O924">
        <v>1045.0119999999999</v>
      </c>
      <c r="P924">
        <v>0</v>
      </c>
      <c r="Q924">
        <v>0</v>
      </c>
      <c r="R924">
        <v>1099.4110000000001</v>
      </c>
      <c r="S924">
        <v>0</v>
      </c>
      <c r="T924">
        <v>1117.4860000000001</v>
      </c>
      <c r="U924">
        <v>1136.2159999999999</v>
      </c>
      <c r="V924">
        <v>1151.9590000000001</v>
      </c>
      <c r="W924">
        <v>1160.913</v>
      </c>
      <c r="X924">
        <v>1168.6980000000001</v>
      </c>
      <c r="Y924">
        <v>1165.421</v>
      </c>
    </row>
    <row r="925" spans="1:25" x14ac:dyDescent="0.3">
      <c r="A925">
        <v>24.733333338114122</v>
      </c>
      <c r="B925">
        <v>1034.8679999999999</v>
      </c>
      <c r="C925">
        <v>1073.087</v>
      </c>
      <c r="D925">
        <v>1086.943</v>
      </c>
      <c r="E925">
        <v>1099.808</v>
      </c>
      <c r="F925">
        <v>1110.989</v>
      </c>
      <c r="G925">
        <v>1119.604</v>
      </c>
      <c r="H925">
        <v>1135.99</v>
      </c>
      <c r="I925">
        <v>1142.626</v>
      </c>
      <c r="J925">
        <v>1143.1790000000001</v>
      </c>
      <c r="K925">
        <v>1152.421</v>
      </c>
      <c r="L925">
        <v>1153.0920000000001</v>
      </c>
      <c r="M925">
        <v>1127.6379999999999</v>
      </c>
      <c r="N925">
        <v>1006.2140000000001</v>
      </c>
      <c r="O925">
        <v>1050.4860000000001</v>
      </c>
      <c r="P925">
        <v>0</v>
      </c>
      <c r="Q925">
        <v>0</v>
      </c>
      <c r="R925">
        <v>1095.8030000000001</v>
      </c>
      <c r="S925">
        <v>0</v>
      </c>
      <c r="T925">
        <v>1117.431</v>
      </c>
      <c r="U925">
        <v>1137.57</v>
      </c>
      <c r="V925">
        <v>1152.268</v>
      </c>
      <c r="W925">
        <v>1157.4829999999999</v>
      </c>
      <c r="X925">
        <v>1161.203</v>
      </c>
      <c r="Y925">
        <v>1164.405</v>
      </c>
    </row>
    <row r="926" spans="1:25" x14ac:dyDescent="0.3">
      <c r="A926">
        <v>24.749999998199442</v>
      </c>
      <c r="B926">
        <v>1036.229</v>
      </c>
      <c r="C926">
        <v>1077.6890000000001</v>
      </c>
      <c r="D926">
        <v>1091.098</v>
      </c>
      <c r="E926">
        <v>1106.8589999999999</v>
      </c>
      <c r="F926">
        <v>1115.3140000000001</v>
      </c>
      <c r="G926">
        <v>1122.3420000000001</v>
      </c>
      <c r="H926">
        <v>1138.847</v>
      </c>
      <c r="I926">
        <v>1145.6379999999999</v>
      </c>
      <c r="J926">
        <v>1146.402</v>
      </c>
      <c r="K926">
        <v>1153.3209999999999</v>
      </c>
      <c r="L926">
        <v>1155.2760000000001</v>
      </c>
      <c r="M926">
        <v>1126.7819999999999</v>
      </c>
      <c r="N926">
        <v>1011.876</v>
      </c>
      <c r="O926">
        <v>1057.8409999999999</v>
      </c>
      <c r="P926">
        <v>0</v>
      </c>
      <c r="Q926">
        <v>0</v>
      </c>
      <c r="R926">
        <v>1099.675</v>
      </c>
      <c r="S926">
        <v>0</v>
      </c>
      <c r="T926">
        <v>1120.547</v>
      </c>
      <c r="U926">
        <v>1140.316</v>
      </c>
      <c r="V926">
        <v>1156.829</v>
      </c>
      <c r="W926">
        <v>1164.096</v>
      </c>
      <c r="X926">
        <v>1170.53</v>
      </c>
      <c r="Y926">
        <v>1165.981</v>
      </c>
    </row>
    <row r="927" spans="1:25" x14ac:dyDescent="0.3">
      <c r="A927">
        <v>24.783333339324841</v>
      </c>
      <c r="B927">
        <v>1036.835</v>
      </c>
      <c r="C927">
        <v>1077.502</v>
      </c>
      <c r="D927">
        <v>1089.992</v>
      </c>
      <c r="E927">
        <v>1107.5909999999999</v>
      </c>
      <c r="F927">
        <v>1120.0360000000001</v>
      </c>
      <c r="G927">
        <v>1126.5150000000001</v>
      </c>
      <c r="H927">
        <v>1138.922</v>
      </c>
      <c r="I927">
        <v>1143.768</v>
      </c>
      <c r="J927">
        <v>1147.106</v>
      </c>
      <c r="K927">
        <v>1149.758</v>
      </c>
      <c r="L927">
        <v>1151.9770000000001</v>
      </c>
      <c r="M927">
        <v>1122.567</v>
      </c>
      <c r="N927">
        <v>1010.395</v>
      </c>
      <c r="O927">
        <v>1057.0409999999999</v>
      </c>
      <c r="P927">
        <v>0</v>
      </c>
      <c r="Q927">
        <v>0</v>
      </c>
      <c r="R927">
        <v>1105.3910000000001</v>
      </c>
      <c r="S927">
        <v>0</v>
      </c>
      <c r="T927">
        <v>1121.585</v>
      </c>
      <c r="U927">
        <v>1139.0940000000001</v>
      </c>
      <c r="V927">
        <v>1154.546</v>
      </c>
      <c r="W927">
        <v>1164.114</v>
      </c>
      <c r="X927">
        <v>1176.9849999999999</v>
      </c>
      <c r="Y927">
        <v>1171.203</v>
      </c>
    </row>
    <row r="928" spans="1:25" x14ac:dyDescent="0.3">
      <c r="A928">
        <v>24.799999999410161</v>
      </c>
      <c r="B928">
        <v>1030.9449999999999</v>
      </c>
      <c r="C928">
        <v>1074.7809999999999</v>
      </c>
      <c r="D928">
        <v>1084.3019999999999</v>
      </c>
      <c r="E928">
        <v>1104.1510000000001</v>
      </c>
      <c r="F928">
        <v>1117.6559999999999</v>
      </c>
      <c r="G928">
        <v>1124.087</v>
      </c>
      <c r="H928">
        <v>1132.325</v>
      </c>
      <c r="I928">
        <v>1140.106</v>
      </c>
      <c r="J928">
        <v>1146.3440000000001</v>
      </c>
      <c r="K928">
        <v>1148.7670000000001</v>
      </c>
      <c r="L928">
        <v>1151.48</v>
      </c>
      <c r="M928">
        <v>1124.827</v>
      </c>
      <c r="N928">
        <v>1006.213</v>
      </c>
      <c r="O928">
        <v>1056.894</v>
      </c>
      <c r="P928">
        <v>0</v>
      </c>
      <c r="Q928">
        <v>0</v>
      </c>
      <c r="R928">
        <v>1106.971</v>
      </c>
      <c r="S928">
        <v>0</v>
      </c>
      <c r="T928">
        <v>1122.096</v>
      </c>
      <c r="U928">
        <v>1143.807</v>
      </c>
      <c r="V928">
        <v>1161.278</v>
      </c>
      <c r="W928">
        <v>1169.277</v>
      </c>
      <c r="X928">
        <v>1177.2750000000001</v>
      </c>
      <c r="Y928">
        <v>1169.797</v>
      </c>
    </row>
    <row r="929" spans="1:25" x14ac:dyDescent="0.3">
      <c r="A929">
        <v>24.833333330058181</v>
      </c>
      <c r="B929">
        <v>1028.278</v>
      </c>
      <c r="C929">
        <v>1070.087</v>
      </c>
      <c r="D929">
        <v>1079.463</v>
      </c>
      <c r="E929">
        <v>1101.972</v>
      </c>
      <c r="F929">
        <v>1120.191</v>
      </c>
      <c r="G929">
        <v>1127.5250000000001</v>
      </c>
      <c r="H929">
        <v>1133.7139999999999</v>
      </c>
      <c r="I929">
        <v>1149.876</v>
      </c>
      <c r="J929">
        <v>1152.8630000000001</v>
      </c>
      <c r="K929">
        <v>1154.876</v>
      </c>
      <c r="L929">
        <v>1154.6659999999999</v>
      </c>
      <c r="M929">
        <v>1126.31</v>
      </c>
      <c r="N929">
        <v>1005.028</v>
      </c>
      <c r="O929">
        <v>1057.0640000000001</v>
      </c>
      <c r="P929">
        <v>0</v>
      </c>
      <c r="Q929">
        <v>0</v>
      </c>
      <c r="R929">
        <v>1107.3689999999999</v>
      </c>
      <c r="S929">
        <v>0</v>
      </c>
      <c r="T929">
        <v>1126.1400000000001</v>
      </c>
      <c r="U929">
        <v>1153.1120000000001</v>
      </c>
      <c r="V929">
        <v>1167.2170000000001</v>
      </c>
      <c r="W929">
        <v>1172.942</v>
      </c>
      <c r="X929">
        <v>1183.2570000000001</v>
      </c>
      <c r="Y929">
        <v>1169.183</v>
      </c>
    </row>
    <row r="930" spans="1:25" x14ac:dyDescent="0.3">
      <c r="A930">
        <v>24.86666667118358</v>
      </c>
      <c r="B930">
        <v>1032.365</v>
      </c>
      <c r="C930">
        <v>1073.423</v>
      </c>
      <c r="D930">
        <v>1082.9939999999999</v>
      </c>
      <c r="E930">
        <v>1103.1559999999999</v>
      </c>
      <c r="F930">
        <v>1122.95</v>
      </c>
      <c r="G930">
        <v>1131.2449999999999</v>
      </c>
      <c r="H930">
        <v>1147.1099999999999</v>
      </c>
      <c r="I930">
        <v>1156.2760000000001</v>
      </c>
      <c r="J930">
        <v>1155.259</v>
      </c>
      <c r="K930">
        <v>1154.0899999999999</v>
      </c>
      <c r="L930">
        <v>1159.2860000000001</v>
      </c>
      <c r="M930">
        <v>1129.366</v>
      </c>
      <c r="N930">
        <v>1000.807</v>
      </c>
      <c r="O930">
        <v>1056.079</v>
      </c>
      <c r="P930">
        <v>0</v>
      </c>
      <c r="Q930">
        <v>0</v>
      </c>
      <c r="R930">
        <v>1105.375</v>
      </c>
      <c r="S930">
        <v>0</v>
      </c>
      <c r="T930">
        <v>1126.8599999999999</v>
      </c>
      <c r="U930">
        <v>1152.7860000000001</v>
      </c>
      <c r="V930">
        <v>1170.146</v>
      </c>
      <c r="W930">
        <v>1175.0609999999999</v>
      </c>
      <c r="X930">
        <v>1177.355</v>
      </c>
      <c r="Y930">
        <v>1168.2380000000001</v>
      </c>
    </row>
    <row r="931" spans="1:25" x14ac:dyDescent="0.3">
      <c r="A931">
        <v>24.883333331268901</v>
      </c>
      <c r="B931">
        <v>1040.5219999999999</v>
      </c>
      <c r="C931">
        <v>1074.8009999999999</v>
      </c>
      <c r="D931">
        <v>1080.8409999999999</v>
      </c>
      <c r="E931">
        <v>1100.1279999999999</v>
      </c>
      <c r="F931">
        <v>1119.623</v>
      </c>
      <c r="G931">
        <v>1133.5989999999999</v>
      </c>
      <c r="H931">
        <v>1149.3219999999999</v>
      </c>
      <c r="I931">
        <v>1154.377</v>
      </c>
      <c r="J931">
        <v>1153.3219999999999</v>
      </c>
      <c r="K931">
        <v>1154.2809999999999</v>
      </c>
      <c r="L931">
        <v>1157.31</v>
      </c>
      <c r="M931">
        <v>1131.2070000000001</v>
      </c>
      <c r="N931">
        <v>1005.355</v>
      </c>
      <c r="O931">
        <v>1056.933</v>
      </c>
      <c r="P931">
        <v>0</v>
      </c>
      <c r="Q931">
        <v>0</v>
      </c>
      <c r="R931">
        <v>1105.4690000000001</v>
      </c>
      <c r="S931">
        <v>0</v>
      </c>
      <c r="T931">
        <v>1122.874</v>
      </c>
      <c r="U931">
        <v>1143.713</v>
      </c>
      <c r="V931">
        <v>1156.9269999999999</v>
      </c>
      <c r="W931">
        <v>1169.144</v>
      </c>
      <c r="X931">
        <v>1177.971</v>
      </c>
      <c r="Y931">
        <v>1166.5219999999999</v>
      </c>
    </row>
    <row r="932" spans="1:25" x14ac:dyDescent="0.3">
      <c r="A932">
        <v>24.9166666723943</v>
      </c>
      <c r="B932">
        <v>1026.0139999999999</v>
      </c>
      <c r="C932">
        <v>1075.883</v>
      </c>
      <c r="D932">
        <v>1082.5630000000001</v>
      </c>
      <c r="E932">
        <v>1101.2190000000001</v>
      </c>
      <c r="F932">
        <v>1120.9839999999999</v>
      </c>
      <c r="G932">
        <v>1133.049</v>
      </c>
      <c r="H932">
        <v>1148.827</v>
      </c>
      <c r="I932">
        <v>1152.287</v>
      </c>
      <c r="J932">
        <v>1152.364</v>
      </c>
      <c r="K932">
        <v>1156.5630000000001</v>
      </c>
      <c r="L932">
        <v>1160.2829999999999</v>
      </c>
      <c r="M932">
        <v>1132.954</v>
      </c>
      <c r="N932">
        <v>1004.68</v>
      </c>
      <c r="O932">
        <v>1054.9659999999999</v>
      </c>
      <c r="P932">
        <v>0</v>
      </c>
      <c r="Q932">
        <v>0</v>
      </c>
      <c r="R932">
        <v>1105.4880000000001</v>
      </c>
      <c r="S932">
        <v>0</v>
      </c>
      <c r="T932">
        <v>1121.135</v>
      </c>
      <c r="U932">
        <v>1137.2660000000001</v>
      </c>
      <c r="V932">
        <v>1148.0060000000001</v>
      </c>
      <c r="W932">
        <v>1163.0250000000001</v>
      </c>
      <c r="X932">
        <v>1180.2719999999999</v>
      </c>
      <c r="Y932">
        <v>1164.942</v>
      </c>
    </row>
    <row r="933" spans="1:25" x14ac:dyDescent="0.3">
      <c r="A933">
        <v>24.93333333247962</v>
      </c>
      <c r="B933">
        <v>1029.07</v>
      </c>
      <c r="C933">
        <v>1072.249</v>
      </c>
      <c r="D933">
        <v>1082.6020000000001</v>
      </c>
      <c r="E933">
        <v>1100.412</v>
      </c>
      <c r="F933">
        <v>1118.7370000000001</v>
      </c>
      <c r="G933">
        <v>1129.0820000000001</v>
      </c>
      <c r="H933">
        <v>1146.538</v>
      </c>
      <c r="I933">
        <v>1151.617</v>
      </c>
      <c r="J933">
        <v>1155.663</v>
      </c>
      <c r="K933">
        <v>1159.4590000000001</v>
      </c>
      <c r="L933">
        <v>1161.511</v>
      </c>
      <c r="M933">
        <v>1133.202</v>
      </c>
      <c r="N933">
        <v>1008.627</v>
      </c>
      <c r="O933">
        <v>1052.059</v>
      </c>
      <c r="P933">
        <v>0</v>
      </c>
      <c r="Q933">
        <v>0</v>
      </c>
      <c r="R933">
        <v>1106.223</v>
      </c>
      <c r="S933">
        <v>0</v>
      </c>
      <c r="T933">
        <v>1124.432</v>
      </c>
      <c r="U933">
        <v>1140.0709999999999</v>
      </c>
      <c r="V933">
        <v>1148.58</v>
      </c>
      <c r="W933">
        <v>1161.3</v>
      </c>
      <c r="X933">
        <v>1177.202</v>
      </c>
      <c r="Y933">
        <v>1165.31</v>
      </c>
    </row>
    <row r="934" spans="1:25" x14ac:dyDescent="0.3">
      <c r="A934">
        <v>24.96666666312764</v>
      </c>
      <c r="B934">
        <v>1035.2560000000001</v>
      </c>
      <c r="C934">
        <v>1074.952</v>
      </c>
      <c r="D934">
        <v>1085.634</v>
      </c>
      <c r="E934">
        <v>1102.9690000000001</v>
      </c>
      <c r="F934">
        <v>1120.229</v>
      </c>
      <c r="G934">
        <v>1126.519</v>
      </c>
      <c r="H934">
        <v>1145.6030000000001</v>
      </c>
      <c r="I934">
        <v>1152.422</v>
      </c>
      <c r="J934">
        <v>1154.7809999999999</v>
      </c>
      <c r="K934">
        <v>1158.941</v>
      </c>
      <c r="L934">
        <v>1161.28</v>
      </c>
      <c r="M934">
        <v>1132.423</v>
      </c>
      <c r="N934">
        <v>1021.027</v>
      </c>
      <c r="O934">
        <v>1054.4469999999999</v>
      </c>
      <c r="P934">
        <v>0</v>
      </c>
      <c r="Q934">
        <v>0</v>
      </c>
      <c r="R934">
        <v>1108.874</v>
      </c>
      <c r="S934">
        <v>0</v>
      </c>
      <c r="T934">
        <v>1126.9939999999999</v>
      </c>
      <c r="U934">
        <v>1145.126</v>
      </c>
      <c r="V934">
        <v>1158.539</v>
      </c>
      <c r="W934">
        <v>1171.7080000000001</v>
      </c>
      <c r="X934">
        <v>1176.4110000000001</v>
      </c>
      <c r="Y934">
        <v>1163.9069999999999</v>
      </c>
    </row>
    <row r="935" spans="1:25" x14ac:dyDescent="0.3">
      <c r="A935">
        <v>25.000000004253039</v>
      </c>
      <c r="B935">
        <v>1047.1959999999999</v>
      </c>
      <c r="C935">
        <v>1076.9269999999999</v>
      </c>
      <c r="D935">
        <v>1082.17</v>
      </c>
      <c r="E935">
        <v>1100.223</v>
      </c>
      <c r="F935">
        <v>1117.337</v>
      </c>
      <c r="G935">
        <v>1124.7339999999999</v>
      </c>
      <c r="H935">
        <v>1140.8330000000001</v>
      </c>
      <c r="I935">
        <v>1147.491</v>
      </c>
      <c r="J935">
        <v>1150.086</v>
      </c>
      <c r="K935">
        <v>1156.18</v>
      </c>
      <c r="L935">
        <v>1153.6489999999999</v>
      </c>
      <c r="M935">
        <v>1128.0940000000001</v>
      </c>
      <c r="N935">
        <v>1014.864</v>
      </c>
      <c r="O935">
        <v>1060.0139999999999</v>
      </c>
      <c r="P935">
        <v>0</v>
      </c>
      <c r="Q935">
        <v>0</v>
      </c>
      <c r="R935">
        <v>1108.5719999999999</v>
      </c>
      <c r="S935">
        <v>0</v>
      </c>
      <c r="T935">
        <v>1123.652</v>
      </c>
      <c r="U935">
        <v>1142.0160000000001</v>
      </c>
      <c r="V935">
        <v>1155.854</v>
      </c>
      <c r="W935">
        <v>1164.75</v>
      </c>
      <c r="X935">
        <v>1173.269</v>
      </c>
      <c r="Y935">
        <v>1165.713</v>
      </c>
    </row>
    <row r="936" spans="1:25" x14ac:dyDescent="0.3">
      <c r="A936">
        <v>25.016666664338359</v>
      </c>
      <c r="B936">
        <v>1025.3</v>
      </c>
      <c r="C936">
        <v>1077.4690000000001</v>
      </c>
      <c r="D936">
        <v>1082.059</v>
      </c>
      <c r="E936">
        <v>1099.171</v>
      </c>
      <c r="F936">
        <v>1113.692</v>
      </c>
      <c r="G936">
        <v>1127.317</v>
      </c>
      <c r="H936">
        <v>1141.1780000000001</v>
      </c>
      <c r="I936">
        <v>1148.6369999999999</v>
      </c>
      <c r="J936">
        <v>1147.3779999999999</v>
      </c>
      <c r="K936">
        <v>1151.56</v>
      </c>
      <c r="L936">
        <v>1151.963</v>
      </c>
      <c r="M936">
        <v>1127.298</v>
      </c>
      <c r="N936">
        <v>1010.564</v>
      </c>
      <c r="O936">
        <v>1063.2260000000001</v>
      </c>
      <c r="P936">
        <v>0</v>
      </c>
      <c r="Q936">
        <v>0</v>
      </c>
      <c r="R936">
        <v>1104.8499999999999</v>
      </c>
      <c r="S936">
        <v>0</v>
      </c>
      <c r="T936">
        <v>1118.963</v>
      </c>
      <c r="U936">
        <v>1142.971</v>
      </c>
      <c r="V936">
        <v>1160.5139999999999</v>
      </c>
      <c r="W936">
        <v>1164.1569999999999</v>
      </c>
      <c r="X936">
        <v>1171.5350000000001</v>
      </c>
      <c r="Y936">
        <v>1165.4639999999999</v>
      </c>
    </row>
    <row r="937" spans="1:25" x14ac:dyDescent="0.3">
      <c r="A937">
        <v>25.050000005463758</v>
      </c>
      <c r="B937">
        <v>1035.6610000000001</v>
      </c>
      <c r="C937">
        <v>1077.2449999999999</v>
      </c>
      <c r="D937">
        <v>1082.788</v>
      </c>
      <c r="E937">
        <v>1100.0160000000001</v>
      </c>
      <c r="F937">
        <v>1111.8589999999999</v>
      </c>
      <c r="G937">
        <v>1123.729</v>
      </c>
      <c r="H937">
        <v>1136.124</v>
      </c>
      <c r="I937">
        <v>1149.5329999999999</v>
      </c>
      <c r="J937">
        <v>1150.105</v>
      </c>
      <c r="K937">
        <v>1157.5609999999999</v>
      </c>
      <c r="L937">
        <v>1158.596</v>
      </c>
      <c r="M937">
        <v>1131.4359999999999</v>
      </c>
      <c r="N937">
        <v>1005.21</v>
      </c>
      <c r="O937">
        <v>1055.894</v>
      </c>
      <c r="P937">
        <v>0</v>
      </c>
      <c r="Q937">
        <v>0</v>
      </c>
      <c r="R937">
        <v>1104.191</v>
      </c>
      <c r="S937">
        <v>0</v>
      </c>
      <c r="T937">
        <v>1119.8320000000001</v>
      </c>
      <c r="U937">
        <v>1146.9960000000001</v>
      </c>
      <c r="V937">
        <v>1164.1179999999999</v>
      </c>
      <c r="W937">
        <v>1163.7539999999999</v>
      </c>
      <c r="X937">
        <v>1163.5619999999999</v>
      </c>
      <c r="Y937">
        <v>1163.8879999999999</v>
      </c>
    </row>
    <row r="938" spans="1:25" x14ac:dyDescent="0.3">
      <c r="A938">
        <v>25.083333336111778</v>
      </c>
      <c r="B938">
        <v>1044.443</v>
      </c>
      <c r="C938">
        <v>1078.009</v>
      </c>
      <c r="D938">
        <v>1080.152</v>
      </c>
      <c r="E938">
        <v>1099.1510000000001</v>
      </c>
      <c r="F938">
        <v>1111.1220000000001</v>
      </c>
      <c r="G938">
        <v>1122.175</v>
      </c>
      <c r="H938">
        <v>1137.152</v>
      </c>
      <c r="I938">
        <v>1150.3720000000001</v>
      </c>
      <c r="J938">
        <v>1149.819</v>
      </c>
      <c r="K938">
        <v>1157.4459999999999</v>
      </c>
      <c r="L938">
        <v>1161.913</v>
      </c>
      <c r="M938">
        <v>1139.498</v>
      </c>
      <c r="N938">
        <v>1009.723</v>
      </c>
      <c r="O938">
        <v>1056.2470000000001</v>
      </c>
      <c r="P938">
        <v>0</v>
      </c>
      <c r="Q938">
        <v>0</v>
      </c>
      <c r="R938">
        <v>1105.47</v>
      </c>
      <c r="S938">
        <v>0</v>
      </c>
      <c r="T938">
        <v>1119.9829999999999</v>
      </c>
      <c r="U938">
        <v>1142.5889999999999</v>
      </c>
      <c r="V938">
        <v>1160.7439999999999</v>
      </c>
      <c r="W938">
        <v>1167.0050000000001</v>
      </c>
      <c r="X938">
        <v>1172.325</v>
      </c>
      <c r="Y938">
        <v>1166.4849999999999</v>
      </c>
    </row>
    <row r="939" spans="1:25" x14ac:dyDescent="0.3">
      <c r="A939">
        <v>25.100000006674478</v>
      </c>
      <c r="B939">
        <v>1046.6790000000001</v>
      </c>
      <c r="C939">
        <v>1074.5039999999999</v>
      </c>
      <c r="D939">
        <v>1076.816</v>
      </c>
      <c r="E939">
        <v>1095.673</v>
      </c>
      <c r="F939">
        <v>1107.162</v>
      </c>
      <c r="G939">
        <v>1119.133</v>
      </c>
      <c r="H939">
        <v>1136.086</v>
      </c>
      <c r="I939">
        <v>1151.0029999999999</v>
      </c>
      <c r="J939">
        <v>1153.2850000000001</v>
      </c>
      <c r="K939">
        <v>1160.4939999999999</v>
      </c>
      <c r="L939">
        <v>1163.5809999999999</v>
      </c>
      <c r="M939">
        <v>1136.4659999999999</v>
      </c>
      <c r="N939">
        <v>1013.856</v>
      </c>
      <c r="O939">
        <v>1060.9059999999999</v>
      </c>
      <c r="P939">
        <v>0</v>
      </c>
      <c r="Q939">
        <v>0</v>
      </c>
      <c r="R939">
        <v>1107.425</v>
      </c>
      <c r="S939">
        <v>0</v>
      </c>
      <c r="T939">
        <v>1119.038</v>
      </c>
      <c r="U939">
        <v>1139.174</v>
      </c>
      <c r="V939">
        <v>1152.748</v>
      </c>
      <c r="W939">
        <v>1165.9069999999999</v>
      </c>
      <c r="X939">
        <v>1173.52</v>
      </c>
      <c r="Y939">
        <v>1168.412</v>
      </c>
    </row>
    <row r="940" spans="1:25" x14ac:dyDescent="0.3">
      <c r="A940">
        <v>25.133333337322497</v>
      </c>
      <c r="B940">
        <v>1048.473</v>
      </c>
      <c r="C940">
        <v>1072.1189999999999</v>
      </c>
      <c r="D940">
        <v>1075.7349999999999</v>
      </c>
      <c r="E940">
        <v>1092.8800000000001</v>
      </c>
      <c r="F940">
        <v>1105.433</v>
      </c>
      <c r="G940">
        <v>1116.6579999999999</v>
      </c>
      <c r="H940">
        <v>1136.675</v>
      </c>
      <c r="I940">
        <v>1150.316</v>
      </c>
      <c r="J940">
        <v>1152.461</v>
      </c>
      <c r="K940">
        <v>1161.722</v>
      </c>
      <c r="L940">
        <v>1166.0229999999999</v>
      </c>
      <c r="M940">
        <v>1138.9459999999999</v>
      </c>
      <c r="N940">
        <v>1014.59</v>
      </c>
      <c r="O940">
        <v>1061.6489999999999</v>
      </c>
      <c r="P940">
        <v>0</v>
      </c>
      <c r="Q940">
        <v>0</v>
      </c>
      <c r="R940">
        <v>1107.3510000000001</v>
      </c>
      <c r="S940">
        <v>0</v>
      </c>
      <c r="T940">
        <v>1122.326</v>
      </c>
      <c r="U940">
        <v>1138.183</v>
      </c>
      <c r="V940">
        <v>1150.239</v>
      </c>
      <c r="W940">
        <v>1165.213</v>
      </c>
      <c r="X940">
        <v>1172.441</v>
      </c>
      <c r="Y940">
        <v>1168.972</v>
      </c>
    </row>
    <row r="941" spans="1:25" x14ac:dyDescent="0.3">
      <c r="A941">
        <v>25.149999997407818</v>
      </c>
      <c r="B941">
        <v>1051.579</v>
      </c>
      <c r="C941">
        <v>1076.8720000000001</v>
      </c>
      <c r="D941">
        <v>1086.664</v>
      </c>
      <c r="E941">
        <v>1102.894</v>
      </c>
      <c r="F941">
        <v>1112.521</v>
      </c>
      <c r="G941">
        <v>1118.2829999999999</v>
      </c>
      <c r="H941">
        <v>1136.163</v>
      </c>
      <c r="I941">
        <v>1150.354</v>
      </c>
      <c r="J941">
        <v>1153.5540000000001</v>
      </c>
      <c r="K941">
        <v>1158.271</v>
      </c>
      <c r="L941">
        <v>1162.7190000000001</v>
      </c>
      <c r="M941">
        <v>1135.8589999999999</v>
      </c>
      <c r="N941">
        <v>1010.345</v>
      </c>
      <c r="O941">
        <v>1063.096</v>
      </c>
      <c r="P941">
        <v>0</v>
      </c>
      <c r="Q941">
        <v>0</v>
      </c>
      <c r="R941">
        <v>1105.038</v>
      </c>
      <c r="S941">
        <v>0</v>
      </c>
      <c r="T941">
        <v>1125.817</v>
      </c>
      <c r="U941">
        <v>1145.9090000000001</v>
      </c>
      <c r="V941">
        <v>1157.7529999999999</v>
      </c>
      <c r="W941">
        <v>1162.7</v>
      </c>
      <c r="X941">
        <v>1165.3679999999999</v>
      </c>
      <c r="Y941">
        <v>1172.942</v>
      </c>
    </row>
    <row r="942" spans="1:25" x14ac:dyDescent="0.3">
      <c r="A942">
        <v>25.183333338533217</v>
      </c>
      <c r="B942">
        <v>1050.9680000000001</v>
      </c>
      <c r="C942">
        <v>1092.635</v>
      </c>
      <c r="D942">
        <v>1105.77</v>
      </c>
      <c r="E942">
        <v>1119.2080000000001</v>
      </c>
      <c r="F942">
        <v>1123.633</v>
      </c>
      <c r="G942">
        <v>1124.7909999999999</v>
      </c>
      <c r="H942">
        <v>1138.067</v>
      </c>
      <c r="I942">
        <v>1152.211</v>
      </c>
      <c r="J942">
        <v>1156.2760000000001</v>
      </c>
      <c r="K942">
        <v>1158.385</v>
      </c>
      <c r="L942">
        <v>1157.675</v>
      </c>
      <c r="M942">
        <v>1131.4349999999999</v>
      </c>
      <c r="N942">
        <v>1011.202</v>
      </c>
      <c r="O942">
        <v>1059.402</v>
      </c>
      <c r="P942">
        <v>0</v>
      </c>
      <c r="Q942">
        <v>0</v>
      </c>
      <c r="R942">
        <v>1105.5630000000001</v>
      </c>
      <c r="S942">
        <v>0</v>
      </c>
      <c r="T942">
        <v>1125.5889999999999</v>
      </c>
      <c r="U942">
        <v>1146.556</v>
      </c>
      <c r="V942">
        <v>1162.4690000000001</v>
      </c>
      <c r="W942">
        <v>1169.163</v>
      </c>
      <c r="X942">
        <v>1172.903</v>
      </c>
      <c r="Y942">
        <v>1173.095</v>
      </c>
    </row>
    <row r="943" spans="1:25" x14ac:dyDescent="0.3">
      <c r="A943">
        <v>25.216666669181237</v>
      </c>
      <c r="B943">
        <v>1052.242</v>
      </c>
      <c r="C943">
        <v>1092.242</v>
      </c>
      <c r="D943">
        <v>1113.8610000000001</v>
      </c>
      <c r="E943">
        <v>1127.923</v>
      </c>
      <c r="F943">
        <v>1137.704</v>
      </c>
      <c r="G943">
        <v>1136.3130000000001</v>
      </c>
      <c r="H943">
        <v>1143.046</v>
      </c>
      <c r="I943">
        <v>1150.2380000000001</v>
      </c>
      <c r="J943">
        <v>1155.355</v>
      </c>
      <c r="K943">
        <v>1155.7570000000001</v>
      </c>
      <c r="L943">
        <v>1154.76</v>
      </c>
      <c r="M943">
        <v>1132.0229999999999</v>
      </c>
      <c r="N943">
        <v>1022.731</v>
      </c>
      <c r="O943">
        <v>1058.1949999999999</v>
      </c>
      <c r="P943">
        <v>0</v>
      </c>
      <c r="Q943">
        <v>0</v>
      </c>
      <c r="R943">
        <v>1105.2619999999999</v>
      </c>
      <c r="S943">
        <v>0</v>
      </c>
      <c r="T943">
        <v>1121.2670000000001</v>
      </c>
      <c r="U943">
        <v>1140.318</v>
      </c>
      <c r="V943">
        <v>1150.9639999999999</v>
      </c>
      <c r="W943">
        <v>1161.203</v>
      </c>
      <c r="X943">
        <v>1173.981</v>
      </c>
      <c r="Y943">
        <v>1172.1890000000001</v>
      </c>
    </row>
    <row r="944" spans="1:25" x14ac:dyDescent="0.3">
      <c r="A944">
        <v>25.233333339743936</v>
      </c>
      <c r="B944">
        <v>1052.17</v>
      </c>
      <c r="C944">
        <v>1087.8430000000001</v>
      </c>
      <c r="D944">
        <v>1102.2729999999999</v>
      </c>
      <c r="E944">
        <v>1119.7190000000001</v>
      </c>
      <c r="F944">
        <v>1135.384</v>
      </c>
      <c r="G944">
        <v>1138.7929999999999</v>
      </c>
      <c r="H944">
        <v>1143.3900000000001</v>
      </c>
      <c r="I944">
        <v>1151.962</v>
      </c>
      <c r="J944">
        <v>1155.202</v>
      </c>
      <c r="K944">
        <v>1156.9280000000001</v>
      </c>
      <c r="L944">
        <v>1160.954</v>
      </c>
      <c r="M944">
        <v>1136.694</v>
      </c>
      <c r="N944">
        <v>1024.4929999999999</v>
      </c>
      <c r="O944">
        <v>1059.625</v>
      </c>
      <c r="P944">
        <v>0</v>
      </c>
      <c r="Q944">
        <v>0</v>
      </c>
      <c r="R944">
        <v>1108.95</v>
      </c>
      <c r="S944">
        <v>0</v>
      </c>
      <c r="T944">
        <v>1123.1020000000001</v>
      </c>
      <c r="U944">
        <v>1141.521</v>
      </c>
      <c r="V944">
        <v>1151.08</v>
      </c>
      <c r="W944">
        <v>1164.0609999999999</v>
      </c>
      <c r="X944">
        <v>1177.317</v>
      </c>
      <c r="Y944">
        <v>1174.6379999999999</v>
      </c>
    </row>
    <row r="945" spans="1:25" x14ac:dyDescent="0.3">
      <c r="A945">
        <v>25.266666670391956</v>
      </c>
      <c r="B945">
        <v>1051.412</v>
      </c>
      <c r="C945">
        <v>1080.0229999999999</v>
      </c>
      <c r="D945">
        <v>1087.376</v>
      </c>
      <c r="E945">
        <v>1108.423</v>
      </c>
      <c r="F945">
        <v>1124.337</v>
      </c>
      <c r="G945">
        <v>1133.5619999999999</v>
      </c>
      <c r="H945">
        <v>1142.837</v>
      </c>
      <c r="I945">
        <v>1152.058</v>
      </c>
      <c r="J945">
        <v>1151.0419999999999</v>
      </c>
      <c r="K945">
        <v>1154.973</v>
      </c>
      <c r="L945">
        <v>1158.079</v>
      </c>
      <c r="M945">
        <v>1136.7139999999999</v>
      </c>
      <c r="N945">
        <v>1023.961</v>
      </c>
      <c r="O945">
        <v>1058.6600000000001</v>
      </c>
      <c r="P945">
        <v>0</v>
      </c>
      <c r="Q945">
        <v>0</v>
      </c>
      <c r="R945">
        <v>1110.367</v>
      </c>
      <c r="S945">
        <v>0</v>
      </c>
      <c r="T945">
        <v>1127.0889999999999</v>
      </c>
      <c r="U945">
        <v>1145.165</v>
      </c>
      <c r="V945">
        <v>1161.549</v>
      </c>
      <c r="W945">
        <v>1164.675</v>
      </c>
      <c r="X945">
        <v>1175.6410000000001</v>
      </c>
      <c r="Y945">
        <v>1174.1369999999999</v>
      </c>
    </row>
    <row r="946" spans="1:25" x14ac:dyDescent="0.3">
      <c r="A946">
        <v>25.283333330477276</v>
      </c>
      <c r="B946">
        <v>1046.44</v>
      </c>
      <c r="C946">
        <v>1080.135</v>
      </c>
      <c r="D946">
        <v>1089.248</v>
      </c>
      <c r="E946">
        <v>1110.8209999999999</v>
      </c>
      <c r="F946">
        <v>1130.26</v>
      </c>
      <c r="G946">
        <v>1145.146</v>
      </c>
      <c r="H946">
        <v>1148.866</v>
      </c>
      <c r="I946">
        <v>1153.44</v>
      </c>
      <c r="J946">
        <v>1155.664</v>
      </c>
      <c r="K946">
        <v>1158.0029999999999</v>
      </c>
      <c r="L946">
        <v>1160.0540000000001</v>
      </c>
      <c r="M946">
        <v>1136.886</v>
      </c>
      <c r="N946">
        <v>1020.037</v>
      </c>
      <c r="O946">
        <v>1060.777</v>
      </c>
      <c r="P946">
        <v>0</v>
      </c>
      <c r="Q946">
        <v>0</v>
      </c>
      <c r="R946">
        <v>1109.8009999999999</v>
      </c>
      <c r="S946">
        <v>0</v>
      </c>
      <c r="T946">
        <v>1124.8879999999999</v>
      </c>
      <c r="U946">
        <v>1142.2660000000001</v>
      </c>
      <c r="V946">
        <v>1158.751</v>
      </c>
      <c r="W946">
        <v>1167.3340000000001</v>
      </c>
      <c r="X946">
        <v>1178.9559999999999</v>
      </c>
      <c r="Y946">
        <v>1171.1310000000001</v>
      </c>
    </row>
    <row r="947" spans="1:25" x14ac:dyDescent="0.3">
      <c r="A947">
        <v>25.316666671602675</v>
      </c>
      <c r="B947">
        <v>1037.558</v>
      </c>
      <c r="C947">
        <v>1078.83</v>
      </c>
      <c r="D947">
        <v>1085.354</v>
      </c>
      <c r="E947">
        <v>1104.6990000000001</v>
      </c>
      <c r="F947">
        <v>1123.3309999999999</v>
      </c>
      <c r="G947">
        <v>1138.7929999999999</v>
      </c>
      <c r="H947">
        <v>1146.0229999999999</v>
      </c>
      <c r="I947">
        <v>1151.886</v>
      </c>
      <c r="J947">
        <v>1154.819</v>
      </c>
      <c r="K947">
        <v>1157.5229999999999</v>
      </c>
      <c r="L947">
        <v>1161.319</v>
      </c>
      <c r="M947">
        <v>1135.6500000000001</v>
      </c>
      <c r="N947">
        <v>1023.668</v>
      </c>
      <c r="O947">
        <v>1058.846</v>
      </c>
      <c r="P947">
        <v>0</v>
      </c>
      <c r="Q947">
        <v>0</v>
      </c>
      <c r="R947">
        <v>1105.9970000000001</v>
      </c>
      <c r="S947">
        <v>0</v>
      </c>
      <c r="T947">
        <v>1123.4449999999999</v>
      </c>
      <c r="U947">
        <v>1143.162</v>
      </c>
      <c r="V947">
        <v>1155.606</v>
      </c>
      <c r="W947">
        <v>1166.7940000000001</v>
      </c>
      <c r="X947">
        <v>1182.308</v>
      </c>
      <c r="Y947">
        <v>1171.5930000000001</v>
      </c>
    </row>
    <row r="948" spans="1:25" x14ac:dyDescent="0.3">
      <c r="A948">
        <v>25.350000002250695</v>
      </c>
      <c r="B948">
        <v>1033.7660000000001</v>
      </c>
      <c r="C948">
        <v>1077.9359999999999</v>
      </c>
      <c r="D948">
        <v>1083.876</v>
      </c>
      <c r="E948">
        <v>1101.8050000000001</v>
      </c>
      <c r="F948">
        <v>1119.682</v>
      </c>
      <c r="G948">
        <v>1131.779</v>
      </c>
      <c r="H948">
        <v>1140.74</v>
      </c>
      <c r="I948">
        <v>1147.6079999999999</v>
      </c>
      <c r="J948">
        <v>1154.7249999999999</v>
      </c>
      <c r="K948">
        <v>1156.9680000000001</v>
      </c>
      <c r="L948">
        <v>1156.7380000000001</v>
      </c>
      <c r="M948">
        <v>1134.019</v>
      </c>
      <c r="N948">
        <v>1020.625</v>
      </c>
      <c r="O948">
        <v>1064.2850000000001</v>
      </c>
      <c r="P948">
        <v>0</v>
      </c>
      <c r="Q948">
        <v>0</v>
      </c>
      <c r="R948">
        <v>1103.704</v>
      </c>
      <c r="S948">
        <v>0</v>
      </c>
      <c r="T948">
        <v>1119.172</v>
      </c>
      <c r="U948">
        <v>1138.47</v>
      </c>
      <c r="V948">
        <v>1148.3520000000001</v>
      </c>
      <c r="W948">
        <v>1164.4269999999999</v>
      </c>
      <c r="X948">
        <v>1180.778</v>
      </c>
      <c r="Y948">
        <v>1171.691</v>
      </c>
    </row>
    <row r="949" spans="1:25" x14ac:dyDescent="0.3">
      <c r="A949">
        <v>25.366666672813395</v>
      </c>
      <c r="B949">
        <v>1037.116</v>
      </c>
      <c r="C949">
        <v>1076.3320000000001</v>
      </c>
      <c r="D949">
        <v>1081.2729999999999</v>
      </c>
      <c r="E949">
        <v>1099.7539999999999</v>
      </c>
      <c r="F949">
        <v>1113.768</v>
      </c>
      <c r="G949">
        <v>1126.539</v>
      </c>
      <c r="H949">
        <v>1138.298</v>
      </c>
      <c r="I949">
        <v>1143.296</v>
      </c>
      <c r="J949">
        <v>1150.6220000000001</v>
      </c>
      <c r="K949">
        <v>1157.2739999999999</v>
      </c>
      <c r="L949">
        <v>1158.521</v>
      </c>
      <c r="M949">
        <v>1135.8409999999999</v>
      </c>
      <c r="N949">
        <v>1014.5170000000001</v>
      </c>
      <c r="O949">
        <v>1057.529</v>
      </c>
      <c r="P949">
        <v>0</v>
      </c>
      <c r="Q949">
        <v>0</v>
      </c>
      <c r="R949">
        <v>1106.693</v>
      </c>
      <c r="S949">
        <v>0</v>
      </c>
      <c r="T949">
        <v>1120.135</v>
      </c>
      <c r="U949">
        <v>1136.5050000000001</v>
      </c>
      <c r="V949">
        <v>1148.847</v>
      </c>
      <c r="W949">
        <v>1163.046</v>
      </c>
      <c r="X949">
        <v>1174.3309999999999</v>
      </c>
      <c r="Y949">
        <v>1167.4690000000001</v>
      </c>
    </row>
    <row r="950" spans="1:25" x14ac:dyDescent="0.3">
      <c r="A950">
        <v>25.400000003461415</v>
      </c>
      <c r="B950">
        <v>1040.7080000000001</v>
      </c>
      <c r="C950">
        <v>1073.8150000000001</v>
      </c>
      <c r="D950">
        <v>1082.5450000000001</v>
      </c>
      <c r="E950">
        <v>1100.374</v>
      </c>
      <c r="F950">
        <v>1112.2940000000001</v>
      </c>
      <c r="G950">
        <v>1129.1769999999999</v>
      </c>
      <c r="H950">
        <v>1143.3520000000001</v>
      </c>
      <c r="I950">
        <v>1147.1479999999999</v>
      </c>
      <c r="J950">
        <v>1151.0609999999999</v>
      </c>
      <c r="K950">
        <v>1155.068</v>
      </c>
      <c r="L950">
        <v>1154.0899999999999</v>
      </c>
      <c r="M950">
        <v>1128.4549999999999</v>
      </c>
      <c r="N950">
        <v>1012.4640000000001</v>
      </c>
      <c r="O950">
        <v>1056.7850000000001</v>
      </c>
      <c r="P950">
        <v>0</v>
      </c>
      <c r="Q950">
        <v>0</v>
      </c>
      <c r="R950">
        <v>1104.962</v>
      </c>
      <c r="S950">
        <v>0</v>
      </c>
      <c r="T950">
        <v>1118.8489999999999</v>
      </c>
      <c r="U950">
        <v>1136.3900000000001</v>
      </c>
      <c r="V950">
        <v>1148.732</v>
      </c>
      <c r="W950">
        <v>1164.463</v>
      </c>
      <c r="X950">
        <v>1171.5730000000001</v>
      </c>
      <c r="Y950">
        <v>1164.0989999999999</v>
      </c>
    </row>
    <row r="951" spans="1:25" x14ac:dyDescent="0.3">
      <c r="A951">
        <v>25.416666663546735</v>
      </c>
      <c r="B951">
        <v>1027.635</v>
      </c>
      <c r="C951">
        <v>1073.444</v>
      </c>
      <c r="D951">
        <v>1087.92</v>
      </c>
      <c r="E951">
        <v>1104.7190000000001</v>
      </c>
      <c r="F951">
        <v>1115.413</v>
      </c>
      <c r="G951">
        <v>1131.191</v>
      </c>
      <c r="H951">
        <v>1144.6890000000001</v>
      </c>
      <c r="I951">
        <v>1149.096</v>
      </c>
      <c r="J951">
        <v>1152.635</v>
      </c>
      <c r="K951">
        <v>1156.067</v>
      </c>
      <c r="L951">
        <v>1158.0419999999999</v>
      </c>
      <c r="M951">
        <v>1131.722</v>
      </c>
      <c r="N951">
        <v>1013.6559999999999</v>
      </c>
      <c r="O951">
        <v>1054.337</v>
      </c>
      <c r="P951">
        <v>0</v>
      </c>
      <c r="Q951">
        <v>0</v>
      </c>
      <c r="R951">
        <v>1106.8820000000001</v>
      </c>
      <c r="S951">
        <v>0</v>
      </c>
      <c r="T951">
        <v>1119.21</v>
      </c>
      <c r="U951">
        <v>1136.982</v>
      </c>
      <c r="V951">
        <v>1149.6300000000001</v>
      </c>
      <c r="W951">
        <v>1163.9280000000001</v>
      </c>
      <c r="X951">
        <v>1173.194</v>
      </c>
      <c r="Y951">
        <v>1165.1569999999999</v>
      </c>
    </row>
    <row r="952" spans="1:25" x14ac:dyDescent="0.3">
      <c r="A952">
        <v>25.450000004672134</v>
      </c>
      <c r="B952">
        <v>1027.0619999999999</v>
      </c>
      <c r="C952">
        <v>1072.0809999999999</v>
      </c>
      <c r="D952">
        <v>1084.866</v>
      </c>
      <c r="E952">
        <v>1100.26</v>
      </c>
      <c r="F952">
        <v>1113.087</v>
      </c>
      <c r="G952">
        <v>1126.8219999999999</v>
      </c>
      <c r="H952">
        <v>1142.3209999999999</v>
      </c>
      <c r="I952">
        <v>1149.6469999999999</v>
      </c>
      <c r="J952">
        <v>1153.8599999999999</v>
      </c>
      <c r="K952">
        <v>1156.2760000000001</v>
      </c>
      <c r="L952">
        <v>1160.4749999999999</v>
      </c>
      <c r="M952">
        <v>1139.288</v>
      </c>
      <c r="N952">
        <v>1019.284</v>
      </c>
      <c r="O952">
        <v>1051.2449999999999</v>
      </c>
      <c r="P952">
        <v>0</v>
      </c>
      <c r="Q952">
        <v>0</v>
      </c>
      <c r="R952">
        <v>1104.51</v>
      </c>
      <c r="S952">
        <v>0</v>
      </c>
      <c r="T952">
        <v>1121.078</v>
      </c>
      <c r="U952">
        <v>1143.79</v>
      </c>
      <c r="V952">
        <v>1153.4190000000001</v>
      </c>
      <c r="W952">
        <v>1160.7239999999999</v>
      </c>
      <c r="X952">
        <v>1170.7819999999999</v>
      </c>
      <c r="Y952">
        <v>1164.981</v>
      </c>
    </row>
    <row r="953" spans="1:25" x14ac:dyDescent="0.3">
      <c r="A953">
        <v>25.483333335320154</v>
      </c>
      <c r="B953">
        <v>1034.2819999999999</v>
      </c>
      <c r="C953">
        <v>1072.7170000000001</v>
      </c>
      <c r="D953">
        <v>1079.7629999999999</v>
      </c>
      <c r="E953">
        <v>1097.1030000000001</v>
      </c>
      <c r="F953">
        <v>1110.104</v>
      </c>
      <c r="G953">
        <v>1125.4960000000001</v>
      </c>
      <c r="H953">
        <v>1141.675</v>
      </c>
      <c r="I953">
        <v>1148.848</v>
      </c>
      <c r="J953">
        <v>1150.8710000000001</v>
      </c>
      <c r="K953">
        <v>1156.7570000000001</v>
      </c>
      <c r="L953">
        <v>1162.49</v>
      </c>
      <c r="M953">
        <v>1143.106</v>
      </c>
      <c r="N953">
        <v>1014.426</v>
      </c>
      <c r="O953">
        <v>1054.4860000000001</v>
      </c>
      <c r="P953">
        <v>0</v>
      </c>
      <c r="Q953">
        <v>0</v>
      </c>
      <c r="R953">
        <v>1104.625</v>
      </c>
      <c r="S953">
        <v>0</v>
      </c>
      <c r="T953">
        <v>1120.193</v>
      </c>
      <c r="U953">
        <v>1137.115</v>
      </c>
      <c r="V953">
        <v>1147.3219999999999</v>
      </c>
      <c r="W953">
        <v>1163.046</v>
      </c>
      <c r="X953">
        <v>1176.201</v>
      </c>
      <c r="Y953">
        <v>1166.1400000000001</v>
      </c>
    </row>
    <row r="954" spans="1:25" x14ac:dyDescent="0.3">
      <c r="A954">
        <v>25.500000005882853</v>
      </c>
      <c r="B954">
        <v>1040.7860000000001</v>
      </c>
      <c r="C954">
        <v>1074.787</v>
      </c>
      <c r="D954">
        <v>1081.0509999999999</v>
      </c>
      <c r="E954">
        <v>1101.0920000000001</v>
      </c>
      <c r="F954">
        <v>1112.4290000000001</v>
      </c>
      <c r="G954">
        <v>1126.5419999999999</v>
      </c>
      <c r="H954">
        <v>1145.702</v>
      </c>
      <c r="I954">
        <v>1152.4259999999999</v>
      </c>
      <c r="J954">
        <v>1151.2940000000001</v>
      </c>
      <c r="K954">
        <v>1158.5999999999999</v>
      </c>
      <c r="L954">
        <v>1163.067</v>
      </c>
      <c r="M954">
        <v>1137.48</v>
      </c>
      <c r="N954">
        <v>1012.394</v>
      </c>
      <c r="O954">
        <v>1055.0809999999999</v>
      </c>
      <c r="P954">
        <v>0</v>
      </c>
      <c r="Q954">
        <v>0</v>
      </c>
      <c r="R954">
        <v>1106.7329999999999</v>
      </c>
      <c r="S954">
        <v>0</v>
      </c>
      <c r="T954">
        <v>1119.0609999999999</v>
      </c>
      <c r="U954">
        <v>1136.6590000000001</v>
      </c>
      <c r="V954">
        <v>1154.1320000000001</v>
      </c>
      <c r="W954">
        <v>1168.377</v>
      </c>
      <c r="X954">
        <v>1180.547</v>
      </c>
      <c r="Y954">
        <v>1163.431</v>
      </c>
    </row>
    <row r="955" spans="1:25" x14ac:dyDescent="0.3">
      <c r="A955">
        <v>25.533333336530873</v>
      </c>
      <c r="B955">
        <v>1050.896</v>
      </c>
      <c r="C955">
        <v>1076.9849999999999</v>
      </c>
      <c r="D955">
        <v>1084.98</v>
      </c>
      <c r="E955">
        <v>1100.94</v>
      </c>
      <c r="F955">
        <v>1113.675</v>
      </c>
      <c r="G955">
        <v>1128.021</v>
      </c>
      <c r="H955">
        <v>1144.04</v>
      </c>
      <c r="I955">
        <v>1149.9159999999999</v>
      </c>
      <c r="J955">
        <v>1149.5920000000001</v>
      </c>
      <c r="K955">
        <v>1157.7159999999999</v>
      </c>
      <c r="L955">
        <v>1157.6010000000001</v>
      </c>
      <c r="M955">
        <v>1133.981</v>
      </c>
      <c r="N955">
        <v>1014.2430000000001</v>
      </c>
      <c r="O955">
        <v>1053.1880000000001</v>
      </c>
      <c r="P955">
        <v>0</v>
      </c>
      <c r="Q955">
        <v>0</v>
      </c>
      <c r="R955">
        <v>1110.444</v>
      </c>
      <c r="S955">
        <v>0</v>
      </c>
      <c r="T955">
        <v>1122.971</v>
      </c>
      <c r="U955">
        <v>1138.8710000000001</v>
      </c>
      <c r="V955">
        <v>1150.8330000000001</v>
      </c>
      <c r="W955">
        <v>1166.2170000000001</v>
      </c>
      <c r="X955">
        <v>1178.2629999999999</v>
      </c>
      <c r="Y955">
        <v>1166.5640000000001</v>
      </c>
    </row>
    <row r="956" spans="1:25" x14ac:dyDescent="0.3">
      <c r="A956">
        <v>25.549999996616194</v>
      </c>
      <c r="B956">
        <v>1052.4290000000001</v>
      </c>
      <c r="C956">
        <v>1075.586</v>
      </c>
      <c r="D956">
        <v>1084.174</v>
      </c>
      <c r="E956">
        <v>1096.6320000000001</v>
      </c>
      <c r="F956">
        <v>1107.7650000000001</v>
      </c>
      <c r="G956">
        <v>1119.9269999999999</v>
      </c>
      <c r="H956">
        <v>1138.5640000000001</v>
      </c>
      <c r="I956">
        <v>1146.252</v>
      </c>
      <c r="J956">
        <v>1148.1790000000001</v>
      </c>
      <c r="K956">
        <v>1154.5509999999999</v>
      </c>
      <c r="L956">
        <v>1156.6030000000001</v>
      </c>
      <c r="M956">
        <v>1136.3530000000001</v>
      </c>
      <c r="N956">
        <v>1013.6180000000001</v>
      </c>
      <c r="O956">
        <v>1049.6010000000001</v>
      </c>
      <c r="P956">
        <v>0</v>
      </c>
      <c r="Q956">
        <v>0</v>
      </c>
      <c r="R956">
        <v>1108.1590000000001</v>
      </c>
      <c r="S956">
        <v>0</v>
      </c>
      <c r="T956">
        <v>1122.97</v>
      </c>
      <c r="U956">
        <v>1140.701</v>
      </c>
      <c r="V956">
        <v>1152.308</v>
      </c>
      <c r="W956">
        <v>1170.9380000000001</v>
      </c>
      <c r="X956">
        <v>1178.5119999999999</v>
      </c>
      <c r="Y956">
        <v>1171.0920000000001</v>
      </c>
    </row>
    <row r="957" spans="1:25" x14ac:dyDescent="0.3">
      <c r="A957">
        <v>25.583333337741593</v>
      </c>
      <c r="B957">
        <v>1041.578</v>
      </c>
      <c r="C957">
        <v>1073.8340000000001</v>
      </c>
      <c r="D957">
        <v>1081.048</v>
      </c>
      <c r="E957">
        <v>1095.335</v>
      </c>
      <c r="F957">
        <v>1106.825</v>
      </c>
      <c r="G957">
        <v>1120.5129999999999</v>
      </c>
      <c r="H957">
        <v>1141.3499999999999</v>
      </c>
      <c r="I957">
        <v>1148.1220000000001</v>
      </c>
      <c r="J957">
        <v>1147.2639999999999</v>
      </c>
      <c r="K957">
        <v>1157.0830000000001</v>
      </c>
      <c r="L957">
        <v>1156.6220000000001</v>
      </c>
      <c r="M957">
        <v>1134.55</v>
      </c>
      <c r="N957">
        <v>1015.654</v>
      </c>
      <c r="O957">
        <v>1047.9559999999999</v>
      </c>
      <c r="P957">
        <v>0</v>
      </c>
      <c r="Q957">
        <v>0</v>
      </c>
      <c r="R957">
        <v>1104.982</v>
      </c>
      <c r="S957">
        <v>0</v>
      </c>
      <c r="T957">
        <v>1120.645</v>
      </c>
      <c r="U957">
        <v>1137.5150000000001</v>
      </c>
      <c r="V957">
        <v>1152.5</v>
      </c>
      <c r="W957">
        <v>1168.067</v>
      </c>
      <c r="X957">
        <v>1175.8150000000001</v>
      </c>
      <c r="Y957">
        <v>1171.4970000000001</v>
      </c>
    </row>
    <row r="958" spans="1:25" x14ac:dyDescent="0.3">
      <c r="A958">
        <v>25.616666668389612</v>
      </c>
      <c r="B958">
        <v>1038.499</v>
      </c>
      <c r="C958">
        <v>1074.825</v>
      </c>
      <c r="D958">
        <v>1083.0719999999999</v>
      </c>
      <c r="E958">
        <v>1099.249</v>
      </c>
      <c r="F958">
        <v>1110.087</v>
      </c>
      <c r="G958">
        <v>1126.845</v>
      </c>
      <c r="H958">
        <v>1147.3430000000001</v>
      </c>
      <c r="I958">
        <v>1154.6110000000001</v>
      </c>
      <c r="J958">
        <v>1153.48</v>
      </c>
      <c r="K958">
        <v>1159.999</v>
      </c>
      <c r="L958">
        <v>1160.095</v>
      </c>
      <c r="M958">
        <v>1135.7860000000001</v>
      </c>
      <c r="N958">
        <v>1018.279</v>
      </c>
      <c r="O958">
        <v>1043.873</v>
      </c>
      <c r="P958">
        <v>0</v>
      </c>
      <c r="Q958">
        <v>0</v>
      </c>
      <c r="R958">
        <v>1104.0630000000001</v>
      </c>
      <c r="S958">
        <v>0</v>
      </c>
      <c r="T958">
        <v>1121.819</v>
      </c>
      <c r="U958">
        <v>1138.357</v>
      </c>
      <c r="V958">
        <v>1154.6500000000001</v>
      </c>
      <c r="W958">
        <v>1167.529</v>
      </c>
      <c r="X958">
        <v>1175.027</v>
      </c>
      <c r="Y958">
        <v>1173.7550000000001</v>
      </c>
    </row>
    <row r="959" spans="1:25" x14ac:dyDescent="0.3">
      <c r="A959">
        <v>25.633333338952312</v>
      </c>
      <c r="B959">
        <v>1034.2629999999999</v>
      </c>
      <c r="C959">
        <v>1074.394</v>
      </c>
      <c r="D959">
        <v>1081.816</v>
      </c>
      <c r="E959">
        <v>1099.7919999999999</v>
      </c>
      <c r="F959">
        <v>1112.3520000000001</v>
      </c>
      <c r="G959">
        <v>1127.337</v>
      </c>
      <c r="H959">
        <v>1146.0999999999999</v>
      </c>
      <c r="I959">
        <v>1152.289</v>
      </c>
      <c r="J959">
        <v>1151.5609999999999</v>
      </c>
      <c r="K959">
        <v>1158.751</v>
      </c>
      <c r="L959">
        <v>1161.1089999999999</v>
      </c>
      <c r="M959">
        <v>1132.1769999999999</v>
      </c>
      <c r="N959">
        <v>1016.865</v>
      </c>
      <c r="O959">
        <v>1045.0540000000001</v>
      </c>
      <c r="P959">
        <v>0</v>
      </c>
      <c r="Q959">
        <v>0</v>
      </c>
      <c r="R959">
        <v>1103.1389999999999</v>
      </c>
      <c r="S959">
        <v>0</v>
      </c>
      <c r="T959">
        <v>1120.154</v>
      </c>
      <c r="U959">
        <v>1137.6110000000001</v>
      </c>
      <c r="V959">
        <v>1151.5989999999999</v>
      </c>
      <c r="W959">
        <v>1163.5820000000001</v>
      </c>
      <c r="X959">
        <v>1180.3699999999999</v>
      </c>
      <c r="Y959">
        <v>1172.442</v>
      </c>
    </row>
    <row r="960" spans="1:25" x14ac:dyDescent="0.3">
      <c r="A960">
        <v>25.666666669600332</v>
      </c>
      <c r="B960">
        <v>1026.348</v>
      </c>
      <c r="C960">
        <v>1073.0719999999999</v>
      </c>
      <c r="D960">
        <v>1079.2239999999999</v>
      </c>
      <c r="E960">
        <v>1098.29</v>
      </c>
      <c r="F960">
        <v>1110.7860000000001</v>
      </c>
      <c r="G960">
        <v>1123.808</v>
      </c>
      <c r="H960">
        <v>1143.432</v>
      </c>
      <c r="I960">
        <v>1151.9849999999999</v>
      </c>
      <c r="J960">
        <v>1155.1669999999999</v>
      </c>
      <c r="K960">
        <v>1159.098</v>
      </c>
      <c r="L960">
        <v>1161.7059999999999</v>
      </c>
      <c r="M960">
        <v>1136.1659999999999</v>
      </c>
      <c r="N960">
        <v>1017.472</v>
      </c>
      <c r="O960">
        <v>1051.3230000000001</v>
      </c>
      <c r="P960">
        <v>0</v>
      </c>
      <c r="Q960">
        <v>0</v>
      </c>
      <c r="R960">
        <v>1108.8589999999999</v>
      </c>
      <c r="S960">
        <v>0</v>
      </c>
      <c r="T960">
        <v>1121.5920000000001</v>
      </c>
      <c r="U960">
        <v>1136.8499999999999</v>
      </c>
      <c r="V960">
        <v>1149.441</v>
      </c>
      <c r="W960">
        <v>1166.3340000000001</v>
      </c>
      <c r="X960">
        <v>1183.5509999999999</v>
      </c>
      <c r="Y960">
        <v>1174.8340000000001</v>
      </c>
    </row>
    <row r="961" spans="1:25" x14ac:dyDescent="0.3">
      <c r="A961">
        <v>25.683333329685652</v>
      </c>
      <c r="B961">
        <v>1025.799</v>
      </c>
      <c r="C961">
        <v>1072.384</v>
      </c>
      <c r="D961">
        <v>1079.598</v>
      </c>
      <c r="E961">
        <v>1100.7729999999999</v>
      </c>
      <c r="F961">
        <v>1114.6410000000001</v>
      </c>
      <c r="G961">
        <v>1128.5930000000001</v>
      </c>
      <c r="H961">
        <v>1142.136</v>
      </c>
      <c r="I961">
        <v>1151.6600000000001</v>
      </c>
      <c r="J961">
        <v>1151.5830000000001</v>
      </c>
      <c r="K961">
        <v>1157.201</v>
      </c>
      <c r="L961">
        <v>1162.2819999999999</v>
      </c>
      <c r="M961">
        <v>1137.1759999999999</v>
      </c>
      <c r="N961">
        <v>1020.884</v>
      </c>
      <c r="O961">
        <v>1044.9090000000001</v>
      </c>
      <c r="P961">
        <v>0</v>
      </c>
      <c r="Q961">
        <v>0</v>
      </c>
      <c r="R961">
        <v>1108.652</v>
      </c>
      <c r="S961">
        <v>0</v>
      </c>
      <c r="T961">
        <v>1121.1780000000001</v>
      </c>
      <c r="U961">
        <v>1139.1020000000001</v>
      </c>
      <c r="V961">
        <v>1152.7909999999999</v>
      </c>
      <c r="W961">
        <v>1165.5450000000001</v>
      </c>
      <c r="X961">
        <v>1179.056</v>
      </c>
      <c r="Y961">
        <v>1170.595</v>
      </c>
    </row>
    <row r="962" spans="1:25" x14ac:dyDescent="0.3">
      <c r="A962">
        <v>25.716666670811051</v>
      </c>
      <c r="B962">
        <v>1031.298</v>
      </c>
      <c r="C962">
        <v>1074.114</v>
      </c>
      <c r="D962">
        <v>1080.21</v>
      </c>
      <c r="E962">
        <v>1100.1489999999999</v>
      </c>
      <c r="F962">
        <v>1115.6389999999999</v>
      </c>
      <c r="G962">
        <v>1130.5070000000001</v>
      </c>
      <c r="H962">
        <v>1143.8869999999999</v>
      </c>
      <c r="I962">
        <v>1152.788</v>
      </c>
      <c r="J962">
        <v>1153.037</v>
      </c>
      <c r="K962">
        <v>1158.712</v>
      </c>
      <c r="L962">
        <v>1162.777</v>
      </c>
      <c r="M962">
        <v>1136.6379999999999</v>
      </c>
      <c r="N962">
        <v>1021.449</v>
      </c>
      <c r="O962">
        <v>1050.0260000000001</v>
      </c>
      <c r="P962">
        <v>0</v>
      </c>
      <c r="Q962">
        <v>0</v>
      </c>
      <c r="R962">
        <v>1107.596</v>
      </c>
      <c r="S962">
        <v>0</v>
      </c>
      <c r="T962">
        <v>1123.2929999999999</v>
      </c>
      <c r="U962">
        <v>1147.1300000000001</v>
      </c>
      <c r="V962">
        <v>1160.4949999999999</v>
      </c>
      <c r="W962">
        <v>1166.1780000000001</v>
      </c>
      <c r="X962">
        <v>1178.5899999999999</v>
      </c>
      <c r="Y962">
        <v>1170.5139999999999</v>
      </c>
    </row>
    <row r="963" spans="1:25" x14ac:dyDescent="0.3">
      <c r="A963">
        <v>25.750000001459071</v>
      </c>
      <c r="B963">
        <v>1032.6079999999999</v>
      </c>
      <c r="C963">
        <v>1075.309</v>
      </c>
      <c r="D963">
        <v>1083.241</v>
      </c>
      <c r="E963">
        <v>1104.42</v>
      </c>
      <c r="F963">
        <v>1119.779</v>
      </c>
      <c r="G963">
        <v>1134.3810000000001</v>
      </c>
      <c r="H963">
        <v>1145.3579999999999</v>
      </c>
      <c r="I963">
        <v>1150.9880000000001</v>
      </c>
      <c r="J963">
        <v>1153.212</v>
      </c>
      <c r="K963">
        <v>1157.7750000000001</v>
      </c>
      <c r="L963">
        <v>1159.75</v>
      </c>
      <c r="M963">
        <v>1134.4570000000001</v>
      </c>
      <c r="N963">
        <v>1021.617</v>
      </c>
      <c r="O963">
        <v>1048.6610000000001</v>
      </c>
      <c r="P963">
        <v>0</v>
      </c>
      <c r="Q963">
        <v>0</v>
      </c>
      <c r="R963">
        <v>1106.3009999999999</v>
      </c>
      <c r="S963">
        <v>0</v>
      </c>
      <c r="T963">
        <v>1121.0440000000001</v>
      </c>
      <c r="U963">
        <v>1141.7339999999999</v>
      </c>
      <c r="V963">
        <v>1157.123</v>
      </c>
      <c r="W963">
        <v>1168.4349999999999</v>
      </c>
      <c r="X963">
        <v>1176.684</v>
      </c>
      <c r="Y963">
        <v>1171.268</v>
      </c>
    </row>
    <row r="964" spans="1:25" x14ac:dyDescent="0.3">
      <c r="A964">
        <v>25.766666672021771</v>
      </c>
      <c r="B964">
        <v>1038.077</v>
      </c>
      <c r="C964">
        <v>1075.4960000000001</v>
      </c>
      <c r="D964">
        <v>1086.0119999999999</v>
      </c>
      <c r="E964">
        <v>1111.5039999999999</v>
      </c>
      <c r="F964">
        <v>1126.6369999999999</v>
      </c>
      <c r="G964">
        <v>1134.04</v>
      </c>
      <c r="H964">
        <v>1146.2370000000001</v>
      </c>
      <c r="I964">
        <v>1153.059</v>
      </c>
      <c r="J964">
        <v>1152.2729999999999</v>
      </c>
      <c r="K964">
        <v>1155.3599999999999</v>
      </c>
      <c r="L964">
        <v>1158.5039999999999</v>
      </c>
      <c r="M964">
        <v>1132.9010000000001</v>
      </c>
      <c r="N964">
        <v>1019.472</v>
      </c>
      <c r="O964">
        <v>1053.4860000000001</v>
      </c>
      <c r="P964">
        <v>0</v>
      </c>
      <c r="Q964">
        <v>0</v>
      </c>
      <c r="R964">
        <v>1104.9849999999999</v>
      </c>
      <c r="S964">
        <v>0</v>
      </c>
      <c r="T964">
        <v>1123.0119999999999</v>
      </c>
      <c r="U964">
        <v>1149.6510000000001</v>
      </c>
      <c r="V964">
        <v>1165.7180000000001</v>
      </c>
      <c r="W964">
        <v>1174.3530000000001</v>
      </c>
      <c r="X964">
        <v>1181.982</v>
      </c>
      <c r="Y964">
        <v>1168.8789999999999</v>
      </c>
    </row>
    <row r="965" spans="1:25" x14ac:dyDescent="0.3">
      <c r="A965">
        <v>25.80000000266979</v>
      </c>
      <c r="B965">
        <v>1042.17</v>
      </c>
      <c r="C965">
        <v>1077.749</v>
      </c>
      <c r="D965">
        <v>1088.818</v>
      </c>
      <c r="E965">
        <v>1112.9179999999999</v>
      </c>
      <c r="F965">
        <v>1130.0129999999999</v>
      </c>
      <c r="G965">
        <v>1134.3409999999999</v>
      </c>
      <c r="H965">
        <v>1145.337</v>
      </c>
      <c r="I965">
        <v>1153.6310000000001</v>
      </c>
      <c r="J965">
        <v>1154.2260000000001</v>
      </c>
      <c r="K965">
        <v>1158.674</v>
      </c>
      <c r="L965">
        <v>1159</v>
      </c>
      <c r="M965">
        <v>1132.69</v>
      </c>
      <c r="N965">
        <v>1022.6420000000001</v>
      </c>
      <c r="O965">
        <v>1054.299</v>
      </c>
      <c r="P965">
        <v>0</v>
      </c>
      <c r="Q965">
        <v>0</v>
      </c>
      <c r="R965">
        <v>1107.3330000000001</v>
      </c>
      <c r="S965">
        <v>0</v>
      </c>
      <c r="T965">
        <v>1127.413</v>
      </c>
      <c r="U965">
        <v>1149</v>
      </c>
      <c r="V965">
        <v>1163.7360000000001</v>
      </c>
      <c r="W965">
        <v>1175.4680000000001</v>
      </c>
      <c r="X965">
        <v>1185.951</v>
      </c>
      <c r="Y965">
        <v>1175.2170000000001</v>
      </c>
    </row>
    <row r="966" spans="1:25" x14ac:dyDescent="0.3">
      <c r="A966">
        <v>25.83333333331781</v>
      </c>
      <c r="B966">
        <v>1044.8910000000001</v>
      </c>
      <c r="C966">
        <v>1079.933</v>
      </c>
      <c r="D966">
        <v>1090.8989999999999</v>
      </c>
      <c r="E966">
        <v>1113.942</v>
      </c>
      <c r="F966">
        <v>1130.9659999999999</v>
      </c>
      <c r="G966">
        <v>1137.462</v>
      </c>
      <c r="H966">
        <v>1145.4739999999999</v>
      </c>
      <c r="I966">
        <v>1150.797</v>
      </c>
      <c r="J966">
        <v>1150.893</v>
      </c>
      <c r="K966">
        <v>1157.239</v>
      </c>
      <c r="L966">
        <v>1160.384</v>
      </c>
      <c r="M966">
        <v>1134.7049999999999</v>
      </c>
      <c r="N966">
        <v>1021.82</v>
      </c>
      <c r="O966">
        <v>1051.009</v>
      </c>
      <c r="P966">
        <v>0</v>
      </c>
      <c r="Q966">
        <v>0</v>
      </c>
      <c r="R966">
        <v>1105.7</v>
      </c>
      <c r="S966">
        <v>0</v>
      </c>
      <c r="T966">
        <v>1127.2070000000001</v>
      </c>
      <c r="U966">
        <v>1153.136</v>
      </c>
      <c r="V966">
        <v>1163.931</v>
      </c>
      <c r="W966">
        <v>1173.7940000000001</v>
      </c>
      <c r="X966">
        <v>1185.451</v>
      </c>
      <c r="Y966">
        <v>1175.625</v>
      </c>
    </row>
    <row r="967" spans="1:25" x14ac:dyDescent="0.3">
      <c r="A967">
        <v>25.85000000388051</v>
      </c>
      <c r="B967">
        <v>1038.299</v>
      </c>
      <c r="C967">
        <v>1074.0989999999999</v>
      </c>
      <c r="D967">
        <v>1084.066</v>
      </c>
      <c r="E967">
        <v>1106.2080000000001</v>
      </c>
      <c r="F967">
        <v>1123.259</v>
      </c>
      <c r="G967">
        <v>1134.6679999999999</v>
      </c>
      <c r="H967">
        <v>1143.8340000000001</v>
      </c>
      <c r="I967">
        <v>1147.134</v>
      </c>
      <c r="J967">
        <v>1148.241</v>
      </c>
      <c r="K967">
        <v>1155.2460000000001</v>
      </c>
      <c r="L967">
        <v>1160.078</v>
      </c>
      <c r="M967">
        <v>1136.0730000000001</v>
      </c>
      <c r="N967">
        <v>1020.573</v>
      </c>
      <c r="O967">
        <v>1046.703</v>
      </c>
      <c r="P967">
        <v>0</v>
      </c>
      <c r="Q967">
        <v>0</v>
      </c>
      <c r="R967">
        <v>1104.5909999999999</v>
      </c>
      <c r="S967">
        <v>0</v>
      </c>
      <c r="T967">
        <v>1121.896</v>
      </c>
      <c r="U967">
        <v>1142.499</v>
      </c>
      <c r="V967">
        <v>1153.559</v>
      </c>
      <c r="W967">
        <v>1166.664</v>
      </c>
      <c r="X967">
        <v>1181.479</v>
      </c>
      <c r="Y967">
        <v>1173.3710000000001</v>
      </c>
    </row>
    <row r="968" spans="1:25" x14ac:dyDescent="0.3">
      <c r="A968">
        <v>25.88333333452853</v>
      </c>
      <c r="B968">
        <v>1039.348</v>
      </c>
      <c r="C968">
        <v>1074.8820000000001</v>
      </c>
      <c r="D968">
        <v>1084.5340000000001</v>
      </c>
      <c r="E968">
        <v>1105.8689999999999</v>
      </c>
      <c r="F968">
        <v>1121.442</v>
      </c>
      <c r="G968">
        <v>1134.857</v>
      </c>
      <c r="H968">
        <v>1148.088</v>
      </c>
      <c r="I968">
        <v>1150.759</v>
      </c>
      <c r="J968">
        <v>1151.5260000000001</v>
      </c>
      <c r="K968">
        <v>1157.048</v>
      </c>
      <c r="L968">
        <v>1158.5619999999999</v>
      </c>
      <c r="M968">
        <v>1134.345</v>
      </c>
      <c r="N968">
        <v>1024.24</v>
      </c>
      <c r="O968">
        <v>1052.193</v>
      </c>
      <c r="P968">
        <v>0</v>
      </c>
      <c r="Q968">
        <v>0</v>
      </c>
      <c r="R968">
        <v>1107.58</v>
      </c>
      <c r="S968">
        <v>0</v>
      </c>
      <c r="T968">
        <v>1125.8030000000001</v>
      </c>
      <c r="U968">
        <v>1143.566</v>
      </c>
      <c r="V968">
        <v>1152.8679999999999</v>
      </c>
      <c r="W968">
        <v>1165.5260000000001</v>
      </c>
      <c r="X968">
        <v>1182.932</v>
      </c>
      <c r="Y968">
        <v>1176.049</v>
      </c>
    </row>
    <row r="969" spans="1:25" x14ac:dyDescent="0.3">
      <c r="A969">
        <v>25.900000005091229</v>
      </c>
      <c r="B969">
        <v>1034.818</v>
      </c>
      <c r="C969">
        <v>1077.249</v>
      </c>
      <c r="D969">
        <v>1085.9010000000001</v>
      </c>
      <c r="E969">
        <v>1104.1769999999999</v>
      </c>
      <c r="F969">
        <v>1119.307</v>
      </c>
      <c r="G969">
        <v>1132.4269999999999</v>
      </c>
      <c r="H969">
        <v>1146.4469999999999</v>
      </c>
      <c r="I969">
        <v>1152.3309999999999</v>
      </c>
      <c r="J969">
        <v>1155.2639999999999</v>
      </c>
      <c r="K969">
        <v>1158.2560000000001</v>
      </c>
      <c r="L969">
        <v>1158.6199999999999</v>
      </c>
      <c r="M969">
        <v>1132.693</v>
      </c>
      <c r="N969">
        <v>1020.352</v>
      </c>
      <c r="O969">
        <v>1049.364</v>
      </c>
      <c r="P969">
        <v>0</v>
      </c>
      <c r="Q969">
        <v>0</v>
      </c>
      <c r="R969">
        <v>1109.9559999999999</v>
      </c>
      <c r="S969">
        <v>0</v>
      </c>
      <c r="T969">
        <v>1127.0930000000001</v>
      </c>
      <c r="U969">
        <v>1144.883</v>
      </c>
      <c r="V969">
        <v>1160.633</v>
      </c>
      <c r="W969">
        <v>1171.674</v>
      </c>
      <c r="X969">
        <v>1185.1990000000001</v>
      </c>
      <c r="Y969">
        <v>1176.2809999999999</v>
      </c>
    </row>
    <row r="970" spans="1:25" x14ac:dyDescent="0.3">
      <c r="A970">
        <v>25.933333335739249</v>
      </c>
      <c r="B970">
        <v>1047.479</v>
      </c>
      <c r="C970">
        <v>1080.1199999999999</v>
      </c>
      <c r="D970">
        <v>1087.2670000000001</v>
      </c>
      <c r="E970">
        <v>1106.433</v>
      </c>
      <c r="F970">
        <v>1121.952</v>
      </c>
      <c r="G970">
        <v>1134.5719999999999</v>
      </c>
      <c r="H970">
        <v>1145.6079999999999</v>
      </c>
      <c r="I970">
        <v>1152.9829999999999</v>
      </c>
      <c r="J970">
        <v>1154.9770000000001</v>
      </c>
      <c r="K970">
        <v>1158.0060000000001</v>
      </c>
      <c r="L970">
        <v>1158.8309999999999</v>
      </c>
      <c r="M970">
        <v>1136.414</v>
      </c>
      <c r="N970">
        <v>1024.1120000000001</v>
      </c>
      <c r="O970">
        <v>1048.847</v>
      </c>
      <c r="P970">
        <v>0</v>
      </c>
      <c r="Q970">
        <v>0</v>
      </c>
      <c r="R970">
        <v>1108.2760000000001</v>
      </c>
      <c r="S970">
        <v>0</v>
      </c>
      <c r="T970">
        <v>1127.549</v>
      </c>
      <c r="U970">
        <v>1145.818</v>
      </c>
      <c r="V970">
        <v>1162.3969999999999</v>
      </c>
      <c r="W970">
        <v>1172.8689999999999</v>
      </c>
      <c r="X970">
        <v>1181.1489999999999</v>
      </c>
      <c r="Y970">
        <v>1172.9269999999999</v>
      </c>
    </row>
    <row r="971" spans="1:25" x14ac:dyDescent="0.3">
      <c r="A971">
        <v>25.966666666387269</v>
      </c>
      <c r="B971">
        <v>1053.9870000000001</v>
      </c>
      <c r="C971">
        <v>1081.2760000000001</v>
      </c>
      <c r="D971">
        <v>1090.8810000000001</v>
      </c>
      <c r="E971">
        <v>1112.827</v>
      </c>
      <c r="F971">
        <v>1127.606</v>
      </c>
      <c r="G971">
        <v>1131.877</v>
      </c>
      <c r="H971">
        <v>1141.201</v>
      </c>
      <c r="I971">
        <v>1149.614</v>
      </c>
      <c r="J971">
        <v>1154.172</v>
      </c>
      <c r="K971">
        <v>1159.08</v>
      </c>
      <c r="L971">
        <v>1160.633</v>
      </c>
      <c r="M971">
        <v>1135.711</v>
      </c>
      <c r="N971">
        <v>1022.021</v>
      </c>
      <c r="O971">
        <v>1055.1559999999999</v>
      </c>
      <c r="P971">
        <v>0</v>
      </c>
      <c r="Q971">
        <v>0</v>
      </c>
      <c r="R971">
        <v>1108.3699999999999</v>
      </c>
      <c r="S971">
        <v>0</v>
      </c>
      <c r="T971">
        <v>1122.9739999999999</v>
      </c>
      <c r="U971">
        <v>1140.4760000000001</v>
      </c>
      <c r="V971">
        <v>1154.9580000000001</v>
      </c>
      <c r="W971">
        <v>1167.877</v>
      </c>
      <c r="X971">
        <v>1180.1610000000001</v>
      </c>
      <c r="Y971">
        <v>1173.3699999999999</v>
      </c>
    </row>
    <row r="972" spans="1:25" x14ac:dyDescent="0.3">
      <c r="A972">
        <v>25.983333336949968</v>
      </c>
      <c r="B972">
        <v>1054.0809999999999</v>
      </c>
      <c r="C972">
        <v>1081.184</v>
      </c>
      <c r="D972">
        <v>1087.83</v>
      </c>
      <c r="E972">
        <v>1110.316</v>
      </c>
      <c r="F972">
        <v>1124.76</v>
      </c>
      <c r="G972">
        <v>1132.106</v>
      </c>
      <c r="H972">
        <v>1141.5840000000001</v>
      </c>
      <c r="I972">
        <v>1150.875</v>
      </c>
      <c r="J972">
        <v>1153.77</v>
      </c>
      <c r="K972">
        <v>1159.6949999999999</v>
      </c>
      <c r="L972">
        <v>1163.146</v>
      </c>
      <c r="M972">
        <v>1142.175</v>
      </c>
      <c r="N972">
        <v>1018.4829999999999</v>
      </c>
      <c r="O972">
        <v>1062.248</v>
      </c>
      <c r="P972">
        <v>0</v>
      </c>
      <c r="Q972">
        <v>0</v>
      </c>
      <c r="R972">
        <v>1109.8430000000001</v>
      </c>
      <c r="S972">
        <v>0</v>
      </c>
      <c r="T972">
        <v>1124.817</v>
      </c>
      <c r="U972">
        <v>1142.556</v>
      </c>
      <c r="V972">
        <v>1153.904</v>
      </c>
      <c r="W972">
        <v>1167.3</v>
      </c>
      <c r="X972">
        <v>1181.0530000000001</v>
      </c>
      <c r="Y972">
        <v>1177.1679999999999</v>
      </c>
    </row>
    <row r="973" spans="1:25" x14ac:dyDescent="0.3">
      <c r="A973">
        <v>26.016666667597988</v>
      </c>
      <c r="B973">
        <v>1054.5840000000001</v>
      </c>
      <c r="C973">
        <v>1078.855</v>
      </c>
      <c r="D973">
        <v>1082.646</v>
      </c>
      <c r="E973">
        <v>1103.954</v>
      </c>
      <c r="F973">
        <v>1116.42</v>
      </c>
      <c r="G973">
        <v>1127.2670000000001</v>
      </c>
      <c r="H973">
        <v>1140.8030000000001</v>
      </c>
      <c r="I973">
        <v>1149.922</v>
      </c>
      <c r="J973">
        <v>1149.922</v>
      </c>
      <c r="K973">
        <v>1158.527</v>
      </c>
      <c r="L973">
        <v>1166.6849999999999</v>
      </c>
      <c r="M973">
        <v>1143.684</v>
      </c>
      <c r="N973">
        <v>1021.822</v>
      </c>
      <c r="O973">
        <v>1054.9549999999999</v>
      </c>
      <c r="P973">
        <v>0</v>
      </c>
      <c r="Q973">
        <v>0</v>
      </c>
      <c r="R973">
        <v>1112.1500000000001</v>
      </c>
      <c r="S973">
        <v>0</v>
      </c>
      <c r="T973">
        <v>1123.6030000000001</v>
      </c>
      <c r="U973">
        <v>1140.6310000000001</v>
      </c>
      <c r="V973">
        <v>1152.3530000000001</v>
      </c>
      <c r="W973">
        <v>1169.229</v>
      </c>
      <c r="X973">
        <v>1183.3030000000001</v>
      </c>
      <c r="Y973">
        <v>1176.9970000000001</v>
      </c>
    </row>
    <row r="974" spans="1:25" x14ac:dyDescent="0.3">
      <c r="A974">
        <v>26.033333338160688</v>
      </c>
      <c r="B974">
        <v>1050.6769999999999</v>
      </c>
      <c r="C974">
        <v>1078.405</v>
      </c>
      <c r="D974">
        <v>1081.7260000000001</v>
      </c>
      <c r="E974">
        <v>1101.883</v>
      </c>
      <c r="F974">
        <v>1112.865</v>
      </c>
      <c r="G974">
        <v>1126.011</v>
      </c>
      <c r="H974">
        <v>1142.67</v>
      </c>
      <c r="I974">
        <v>1154.325</v>
      </c>
      <c r="J974">
        <v>1157.489</v>
      </c>
      <c r="K974">
        <v>1161.8599999999999</v>
      </c>
      <c r="L974">
        <v>1166.297</v>
      </c>
      <c r="M974">
        <v>1142.6890000000001</v>
      </c>
      <c r="N974">
        <v>1024.1849999999999</v>
      </c>
      <c r="O974">
        <v>1048.9390000000001</v>
      </c>
      <c r="P974">
        <v>0</v>
      </c>
      <c r="Q974">
        <v>0</v>
      </c>
      <c r="R974">
        <v>1112.6010000000001</v>
      </c>
      <c r="S974">
        <v>0</v>
      </c>
      <c r="T974">
        <v>1127.9480000000001</v>
      </c>
      <c r="U974">
        <v>1145.0160000000001</v>
      </c>
      <c r="V974">
        <v>1154.8810000000001</v>
      </c>
      <c r="W974">
        <v>1174.18</v>
      </c>
      <c r="X974">
        <v>1185.1410000000001</v>
      </c>
      <c r="Y974">
        <v>1174.623</v>
      </c>
    </row>
    <row r="975" spans="1:25" x14ac:dyDescent="0.3">
      <c r="A975">
        <v>26.066666668808708</v>
      </c>
      <c r="B975">
        <v>1052.0840000000001</v>
      </c>
      <c r="C975">
        <v>1080.7380000000001</v>
      </c>
      <c r="D975">
        <v>1083.8810000000001</v>
      </c>
      <c r="E975">
        <v>1104.048</v>
      </c>
      <c r="F975">
        <v>1117.0809999999999</v>
      </c>
      <c r="G975">
        <v>1129.7729999999999</v>
      </c>
      <c r="H975">
        <v>1147.9570000000001</v>
      </c>
      <c r="I975">
        <v>1157.626</v>
      </c>
      <c r="J975">
        <v>1161.499</v>
      </c>
      <c r="K975">
        <v>1162.9939999999999</v>
      </c>
      <c r="L975">
        <v>1163.838</v>
      </c>
      <c r="M975">
        <v>1141.528</v>
      </c>
      <c r="N975">
        <v>1021.822</v>
      </c>
      <c r="O975">
        <v>1053.749</v>
      </c>
      <c r="P975">
        <v>0</v>
      </c>
      <c r="Q975">
        <v>0</v>
      </c>
      <c r="R975">
        <v>1110.979</v>
      </c>
      <c r="S975">
        <v>0</v>
      </c>
      <c r="T975">
        <v>1131.519</v>
      </c>
      <c r="U975">
        <v>1152.4680000000001</v>
      </c>
      <c r="V975">
        <v>1168.8440000000001</v>
      </c>
      <c r="W975">
        <v>1180.8610000000001</v>
      </c>
      <c r="X975">
        <v>1186.8879999999999</v>
      </c>
      <c r="Y975">
        <v>1174.857</v>
      </c>
    </row>
    <row r="976" spans="1:25" x14ac:dyDescent="0.3">
      <c r="A976">
        <v>26.099999999456728</v>
      </c>
      <c r="B976">
        <v>1047.5719999999999</v>
      </c>
      <c r="C976">
        <v>1083.954</v>
      </c>
      <c r="D976">
        <v>1097.615</v>
      </c>
      <c r="E976">
        <v>1113.999</v>
      </c>
      <c r="F976">
        <v>1127.037</v>
      </c>
      <c r="G976">
        <v>1138.1489999999999</v>
      </c>
      <c r="H976">
        <v>1155.0730000000001</v>
      </c>
      <c r="I976">
        <v>1162.5889999999999</v>
      </c>
      <c r="J976">
        <v>1164.5450000000001</v>
      </c>
      <c r="K976">
        <v>1166.914</v>
      </c>
      <c r="L976">
        <v>1167.9159999999999</v>
      </c>
      <c r="M976">
        <v>1146.4290000000001</v>
      </c>
      <c r="N976">
        <v>1024.278</v>
      </c>
      <c r="O976">
        <v>1054.136</v>
      </c>
      <c r="P976">
        <v>0</v>
      </c>
      <c r="Q976">
        <v>0</v>
      </c>
      <c r="R976">
        <v>1110.4849999999999</v>
      </c>
      <c r="S976">
        <v>0</v>
      </c>
      <c r="T976">
        <v>1131.0419999999999</v>
      </c>
      <c r="U976">
        <v>1154.019</v>
      </c>
      <c r="V976">
        <v>1168.5139999999999</v>
      </c>
      <c r="W976">
        <v>1180.0450000000001</v>
      </c>
      <c r="X976">
        <v>1184.8309999999999</v>
      </c>
      <c r="Y976">
        <v>1175.491</v>
      </c>
    </row>
    <row r="977" spans="1:25" x14ac:dyDescent="0.3">
      <c r="A977">
        <v>26.116666670019427</v>
      </c>
      <c r="B977">
        <v>1047.5540000000001</v>
      </c>
      <c r="C977">
        <v>1091.7239999999999</v>
      </c>
      <c r="D977">
        <v>1110.6369999999999</v>
      </c>
      <c r="E977">
        <v>1127.3409999999999</v>
      </c>
      <c r="F977">
        <v>1141.8510000000001</v>
      </c>
      <c r="G977">
        <v>1151.7380000000001</v>
      </c>
      <c r="H977">
        <v>1164.8910000000001</v>
      </c>
      <c r="I977">
        <v>1165.758</v>
      </c>
      <c r="J977">
        <v>1165.4110000000001</v>
      </c>
      <c r="K977">
        <v>1166.992</v>
      </c>
      <c r="L977">
        <v>1170.153</v>
      </c>
      <c r="M977">
        <v>1144.521</v>
      </c>
      <c r="N977">
        <v>1017.401</v>
      </c>
      <c r="O977">
        <v>1061.171</v>
      </c>
      <c r="P977">
        <v>0</v>
      </c>
      <c r="Q977">
        <v>0</v>
      </c>
      <c r="R977">
        <v>1113.1500000000001</v>
      </c>
      <c r="S977">
        <v>0</v>
      </c>
      <c r="T977">
        <v>1133.567</v>
      </c>
      <c r="U977">
        <v>1154.652</v>
      </c>
      <c r="V977">
        <v>1166.105</v>
      </c>
      <c r="W977">
        <v>1177.67</v>
      </c>
      <c r="X977">
        <v>1187.0409999999999</v>
      </c>
      <c r="Y977">
        <v>1177.6120000000001</v>
      </c>
    </row>
    <row r="978" spans="1:25" x14ac:dyDescent="0.3">
      <c r="A978">
        <v>26.150000000667447</v>
      </c>
      <c r="B978">
        <v>1051.2159999999999</v>
      </c>
      <c r="C978">
        <v>1091.52</v>
      </c>
      <c r="D978">
        <v>1121.8800000000001</v>
      </c>
      <c r="E978">
        <v>1138.6469999999999</v>
      </c>
      <c r="F978">
        <v>1151.586</v>
      </c>
      <c r="G978">
        <v>1156.7249999999999</v>
      </c>
      <c r="H978">
        <v>1164.164</v>
      </c>
      <c r="I978">
        <v>1163.5119999999999</v>
      </c>
      <c r="J978">
        <v>1164.432</v>
      </c>
      <c r="K978">
        <v>1167.6679999999999</v>
      </c>
      <c r="L978">
        <v>1169.653</v>
      </c>
      <c r="M978">
        <v>1145.3050000000001</v>
      </c>
      <c r="N978">
        <v>1024.3530000000001</v>
      </c>
      <c r="O978">
        <v>1065.33</v>
      </c>
      <c r="P978">
        <v>0</v>
      </c>
      <c r="Q978">
        <v>0</v>
      </c>
      <c r="R978">
        <v>1117.5719999999999</v>
      </c>
      <c r="S978">
        <v>0</v>
      </c>
      <c r="T978">
        <v>1138.2090000000001</v>
      </c>
      <c r="U978">
        <v>1157.05</v>
      </c>
      <c r="V978">
        <v>1166.28</v>
      </c>
      <c r="W978">
        <v>1186.9269999999999</v>
      </c>
      <c r="X978">
        <v>1187.0039999999999</v>
      </c>
      <c r="Y978">
        <v>1176.3610000000001</v>
      </c>
    </row>
    <row r="979" spans="1:25" x14ac:dyDescent="0.3">
      <c r="A979">
        <v>26.166666671230146</v>
      </c>
      <c r="B979">
        <v>1052.7139999999999</v>
      </c>
      <c r="C979">
        <v>1090.06</v>
      </c>
      <c r="D979">
        <v>1113.454</v>
      </c>
      <c r="E979">
        <v>1128.2550000000001</v>
      </c>
      <c r="F979">
        <v>1143.3599999999999</v>
      </c>
      <c r="G979">
        <v>1147.462</v>
      </c>
      <c r="H979">
        <v>1159.3900000000001</v>
      </c>
      <c r="I979">
        <v>1162.5350000000001</v>
      </c>
      <c r="J979">
        <v>1164.03</v>
      </c>
      <c r="K979">
        <v>1169.095</v>
      </c>
      <c r="L979">
        <v>1170.232</v>
      </c>
      <c r="M979">
        <v>1145.7829999999999</v>
      </c>
      <c r="N979">
        <v>1041.6590000000001</v>
      </c>
      <c r="O979">
        <v>1061.6369999999999</v>
      </c>
      <c r="P979">
        <v>0</v>
      </c>
      <c r="Q979">
        <v>0</v>
      </c>
      <c r="R979">
        <v>1118.6690000000001</v>
      </c>
      <c r="S979">
        <v>0</v>
      </c>
      <c r="T979">
        <v>1137.751</v>
      </c>
      <c r="U979">
        <v>1158.202</v>
      </c>
      <c r="V979">
        <v>1167.7650000000001</v>
      </c>
      <c r="W979">
        <v>1184.079</v>
      </c>
      <c r="X979">
        <v>1192.1010000000001</v>
      </c>
      <c r="Y979">
        <v>1178.366</v>
      </c>
    </row>
    <row r="980" spans="1:25" x14ac:dyDescent="0.3">
      <c r="A980">
        <v>26.200000001878166</v>
      </c>
      <c r="B980">
        <v>1050.585</v>
      </c>
      <c r="C980">
        <v>1087.6990000000001</v>
      </c>
      <c r="D980">
        <v>1100.3040000000001</v>
      </c>
      <c r="E980">
        <v>1118.1179999999999</v>
      </c>
      <c r="F980">
        <v>1136.2439999999999</v>
      </c>
      <c r="G980">
        <v>1146.4100000000001</v>
      </c>
      <c r="H980">
        <v>1160.232</v>
      </c>
      <c r="I980">
        <v>1162.4749999999999</v>
      </c>
      <c r="J980">
        <v>1164.4110000000001</v>
      </c>
      <c r="K980">
        <v>1169.787</v>
      </c>
      <c r="L980">
        <v>1170.808</v>
      </c>
      <c r="M980">
        <v>1147.8409999999999</v>
      </c>
      <c r="N980">
        <v>1037.5999999999999</v>
      </c>
      <c r="O980">
        <v>1066.739</v>
      </c>
      <c r="P980">
        <v>0</v>
      </c>
      <c r="Q980">
        <v>0</v>
      </c>
      <c r="R980">
        <v>1115.606</v>
      </c>
      <c r="S980">
        <v>0</v>
      </c>
      <c r="T980">
        <v>1134.0419999999999</v>
      </c>
      <c r="U980">
        <v>1156.2819999999999</v>
      </c>
      <c r="V980">
        <v>1169.652</v>
      </c>
      <c r="W980">
        <v>1180.6659999999999</v>
      </c>
      <c r="X980">
        <v>1187.971</v>
      </c>
      <c r="Y980">
        <v>1174.374</v>
      </c>
    </row>
    <row r="981" spans="1:25" x14ac:dyDescent="0.3">
      <c r="A981">
        <v>26.233333332526186</v>
      </c>
      <c r="B981">
        <v>1053.8599999999999</v>
      </c>
      <c r="C981">
        <v>1086.0909999999999</v>
      </c>
      <c r="D981">
        <v>1097.748</v>
      </c>
      <c r="E981">
        <v>1116.0229999999999</v>
      </c>
      <c r="F981">
        <v>1133.17</v>
      </c>
      <c r="G981">
        <v>1144.5609999999999</v>
      </c>
      <c r="H981">
        <v>1154.059</v>
      </c>
      <c r="I981">
        <v>1159.4659999999999</v>
      </c>
      <c r="J981">
        <v>1160.885</v>
      </c>
      <c r="K981">
        <v>1163.8</v>
      </c>
      <c r="L981">
        <v>1163.2049999999999</v>
      </c>
      <c r="M981">
        <v>1140.288</v>
      </c>
      <c r="N981">
        <v>1031.1389999999999</v>
      </c>
      <c r="O981">
        <v>1073.8219999999999</v>
      </c>
      <c r="P981">
        <v>0</v>
      </c>
      <c r="Q981">
        <v>0</v>
      </c>
      <c r="R981">
        <v>1115.607</v>
      </c>
      <c r="S981">
        <v>0</v>
      </c>
      <c r="T981">
        <v>1132.107</v>
      </c>
      <c r="U981">
        <v>1149.4449999999999</v>
      </c>
      <c r="V981">
        <v>1162.8979999999999</v>
      </c>
      <c r="W981">
        <v>1177.691</v>
      </c>
      <c r="X981">
        <v>1186.345</v>
      </c>
      <c r="Y981">
        <v>1178.153</v>
      </c>
    </row>
    <row r="982" spans="1:25" x14ac:dyDescent="0.3">
      <c r="A982">
        <v>26.250000003088886</v>
      </c>
      <c r="B982">
        <v>1043.8040000000001</v>
      </c>
      <c r="C982">
        <v>1089.6489999999999</v>
      </c>
      <c r="D982">
        <v>1103.8610000000001</v>
      </c>
      <c r="E982">
        <v>1119.9159999999999</v>
      </c>
      <c r="F982">
        <v>1133.893</v>
      </c>
      <c r="G982">
        <v>1144.6579999999999</v>
      </c>
      <c r="H982">
        <v>1153.8109999999999</v>
      </c>
      <c r="I982">
        <v>1158.739</v>
      </c>
      <c r="J982">
        <v>1160.7909999999999</v>
      </c>
      <c r="K982">
        <v>1164.0309999999999</v>
      </c>
      <c r="L982">
        <v>1166.7439999999999</v>
      </c>
      <c r="M982">
        <v>1140.6320000000001</v>
      </c>
      <c r="N982">
        <v>1029.4280000000001</v>
      </c>
      <c r="O982">
        <v>1070.729</v>
      </c>
      <c r="P982">
        <v>0</v>
      </c>
      <c r="Q982">
        <v>0</v>
      </c>
      <c r="R982">
        <v>1118.8389999999999</v>
      </c>
      <c r="S982">
        <v>0</v>
      </c>
      <c r="T982">
        <v>1134.671</v>
      </c>
      <c r="U982">
        <v>1153.6959999999999</v>
      </c>
      <c r="V982">
        <v>1169.751</v>
      </c>
      <c r="W982">
        <v>1183.653</v>
      </c>
      <c r="X982">
        <v>1184.1569999999999</v>
      </c>
      <c r="Y982">
        <v>1173.162</v>
      </c>
    </row>
    <row r="983" spans="1:25" x14ac:dyDescent="0.3">
      <c r="A983">
        <v>26.283333333736906</v>
      </c>
      <c r="B983">
        <v>1052.5840000000001</v>
      </c>
      <c r="C983">
        <v>1091.521</v>
      </c>
      <c r="D983">
        <v>1102.4880000000001</v>
      </c>
      <c r="E983">
        <v>1117.7429999999999</v>
      </c>
      <c r="F983">
        <v>1133.5889999999999</v>
      </c>
      <c r="G983">
        <v>1147.671</v>
      </c>
      <c r="H983">
        <v>1159.4290000000001</v>
      </c>
      <c r="I983">
        <v>1162.8989999999999</v>
      </c>
      <c r="J983">
        <v>1163.2829999999999</v>
      </c>
      <c r="K983">
        <v>1167.3019999999999</v>
      </c>
      <c r="L983">
        <v>1165.992</v>
      </c>
      <c r="M983">
        <v>1139.4870000000001</v>
      </c>
      <c r="N983">
        <v>1027.5119999999999</v>
      </c>
      <c r="O983">
        <v>1070.933</v>
      </c>
      <c r="P983">
        <v>0</v>
      </c>
      <c r="Q983">
        <v>0</v>
      </c>
      <c r="R983">
        <v>1121.087</v>
      </c>
      <c r="S983">
        <v>0</v>
      </c>
      <c r="T983">
        <v>1135.98</v>
      </c>
      <c r="U983">
        <v>1153.3889999999999</v>
      </c>
      <c r="V983">
        <v>1168.4590000000001</v>
      </c>
      <c r="W983">
        <v>1179.4860000000001</v>
      </c>
      <c r="X983">
        <v>1183.962</v>
      </c>
      <c r="Y983">
        <v>1175.8019999999999</v>
      </c>
    </row>
    <row r="984" spans="1:25" x14ac:dyDescent="0.3">
      <c r="A984">
        <v>26.316666664384925</v>
      </c>
      <c r="B984">
        <v>1052.0840000000001</v>
      </c>
      <c r="C984">
        <v>1088.4870000000001</v>
      </c>
      <c r="D984">
        <v>1096.1120000000001</v>
      </c>
      <c r="E984">
        <v>1113.6420000000001</v>
      </c>
      <c r="F984">
        <v>1129.165</v>
      </c>
      <c r="G984">
        <v>1144.6569999999999</v>
      </c>
      <c r="H984">
        <v>1158.527</v>
      </c>
      <c r="I984">
        <v>1163.1479999999999</v>
      </c>
      <c r="J984">
        <v>1163.2439999999999</v>
      </c>
      <c r="K984">
        <v>1167.7070000000001</v>
      </c>
      <c r="L984">
        <v>1166.7619999999999</v>
      </c>
      <c r="M984">
        <v>1142.2529999999999</v>
      </c>
      <c r="N984">
        <v>1028.451</v>
      </c>
      <c r="O984">
        <v>1065.7760000000001</v>
      </c>
      <c r="P984">
        <v>0</v>
      </c>
      <c r="Q984">
        <v>0</v>
      </c>
      <c r="R984">
        <v>1119.348</v>
      </c>
      <c r="S984">
        <v>0</v>
      </c>
      <c r="T984">
        <v>1136.454</v>
      </c>
      <c r="U984">
        <v>1155.3820000000001</v>
      </c>
      <c r="V984">
        <v>1170.54</v>
      </c>
      <c r="W984">
        <v>1179.6020000000001</v>
      </c>
      <c r="X984">
        <v>1182.3920000000001</v>
      </c>
      <c r="Y984">
        <v>1173.431</v>
      </c>
    </row>
    <row r="985" spans="1:25" x14ac:dyDescent="0.3">
      <c r="A985">
        <v>26.333333334947625</v>
      </c>
      <c r="B985">
        <v>1044.71</v>
      </c>
      <c r="C985">
        <v>1082.31</v>
      </c>
      <c r="D985">
        <v>1090.3789999999999</v>
      </c>
      <c r="E985">
        <v>1108.374</v>
      </c>
      <c r="F985">
        <v>1124.7809999999999</v>
      </c>
      <c r="G985">
        <v>1142.2919999999999</v>
      </c>
      <c r="H985">
        <v>1157.454</v>
      </c>
      <c r="I985">
        <v>1162.2670000000001</v>
      </c>
      <c r="J985">
        <v>1165.106</v>
      </c>
      <c r="K985">
        <v>1168.941</v>
      </c>
      <c r="L985">
        <v>1172.3910000000001</v>
      </c>
      <c r="M985">
        <v>1145.097</v>
      </c>
      <c r="N985">
        <v>1034.03</v>
      </c>
      <c r="O985">
        <v>1069.2750000000001</v>
      </c>
      <c r="P985">
        <v>0</v>
      </c>
      <c r="Q985">
        <v>0</v>
      </c>
      <c r="R985">
        <v>1119.1980000000001</v>
      </c>
      <c r="S985">
        <v>0</v>
      </c>
      <c r="T985">
        <v>1135.5250000000001</v>
      </c>
      <c r="U985">
        <v>1153.9649999999999</v>
      </c>
      <c r="V985">
        <v>1168.1320000000001</v>
      </c>
      <c r="W985">
        <v>1182.451</v>
      </c>
      <c r="X985">
        <v>1186.6559999999999</v>
      </c>
      <c r="Y985">
        <v>1175.5719999999999</v>
      </c>
    </row>
    <row r="986" spans="1:25" x14ac:dyDescent="0.3">
      <c r="A986">
        <v>26.366666665595645</v>
      </c>
      <c r="B986">
        <v>1050.643</v>
      </c>
      <c r="C986">
        <v>1087.4580000000001</v>
      </c>
      <c r="D986">
        <v>1103.146</v>
      </c>
      <c r="E986">
        <v>1119.0840000000001</v>
      </c>
      <c r="F986">
        <v>1131.501</v>
      </c>
      <c r="G986">
        <v>1144.5619999999999</v>
      </c>
      <c r="H986">
        <v>1160.2719999999999</v>
      </c>
      <c r="I986">
        <v>1168.1890000000001</v>
      </c>
      <c r="J986">
        <v>1166.6659999999999</v>
      </c>
      <c r="K986">
        <v>1168.806</v>
      </c>
      <c r="L986">
        <v>1170.598</v>
      </c>
      <c r="M986">
        <v>1147.1179999999999</v>
      </c>
      <c r="N986">
        <v>1031.25</v>
      </c>
      <c r="O986">
        <v>1064.607</v>
      </c>
      <c r="P986">
        <v>0</v>
      </c>
      <c r="Q986">
        <v>0</v>
      </c>
      <c r="R986">
        <v>1121.2570000000001</v>
      </c>
      <c r="S986">
        <v>0</v>
      </c>
      <c r="T986">
        <v>1135.961</v>
      </c>
      <c r="U986">
        <v>1152.8900000000001</v>
      </c>
      <c r="V986">
        <v>1165.799</v>
      </c>
      <c r="W986">
        <v>1185.5899999999999</v>
      </c>
      <c r="X986">
        <v>1190.57</v>
      </c>
      <c r="Y986">
        <v>1179.873</v>
      </c>
    </row>
    <row r="987" spans="1:25" x14ac:dyDescent="0.3">
      <c r="A987">
        <v>26.383333336158344</v>
      </c>
      <c r="B987">
        <v>1060.616</v>
      </c>
      <c r="C987">
        <v>1089.105</v>
      </c>
      <c r="D987">
        <v>1106.079</v>
      </c>
      <c r="E987">
        <v>1127.6089999999999</v>
      </c>
      <c r="F987">
        <v>1137.4649999999999</v>
      </c>
      <c r="G987">
        <v>1146.9459999999999</v>
      </c>
      <c r="H987">
        <v>1161.019</v>
      </c>
      <c r="I987">
        <v>1169.422</v>
      </c>
      <c r="J987">
        <v>1169.557</v>
      </c>
      <c r="K987">
        <v>1169.133</v>
      </c>
      <c r="L987">
        <v>1171.5419999999999</v>
      </c>
      <c r="M987">
        <v>1146.431</v>
      </c>
      <c r="N987">
        <v>1032.741</v>
      </c>
      <c r="O987">
        <v>1064.2170000000001</v>
      </c>
      <c r="P987">
        <v>0</v>
      </c>
      <c r="Q987">
        <v>0</v>
      </c>
      <c r="R987">
        <v>1122.73</v>
      </c>
      <c r="S987">
        <v>0</v>
      </c>
      <c r="T987">
        <v>1138.5329999999999</v>
      </c>
      <c r="U987">
        <v>1154.04</v>
      </c>
      <c r="V987">
        <v>1171.7539999999999</v>
      </c>
      <c r="W987">
        <v>1187.547</v>
      </c>
      <c r="X987">
        <v>1190.7829999999999</v>
      </c>
      <c r="Y987">
        <v>1176.6880000000001</v>
      </c>
    </row>
    <row r="988" spans="1:25" x14ac:dyDescent="0.3">
      <c r="A988">
        <v>26.416666666806364</v>
      </c>
      <c r="B988">
        <v>1063.7360000000001</v>
      </c>
      <c r="C988">
        <v>1094.5730000000001</v>
      </c>
      <c r="D988">
        <v>1107.134</v>
      </c>
      <c r="E988">
        <v>1127.6669999999999</v>
      </c>
      <c r="F988">
        <v>1136.2090000000001</v>
      </c>
      <c r="G988">
        <v>1144.8679999999999</v>
      </c>
      <c r="H988">
        <v>1159.7750000000001</v>
      </c>
      <c r="I988">
        <v>1168.595</v>
      </c>
      <c r="J988">
        <v>1169.655</v>
      </c>
      <c r="K988">
        <v>1169.25</v>
      </c>
      <c r="L988">
        <v>1173.876</v>
      </c>
      <c r="M988">
        <v>1150.134</v>
      </c>
      <c r="N988">
        <v>1036.682</v>
      </c>
      <c r="O988">
        <v>1070.58</v>
      </c>
      <c r="P988">
        <v>0</v>
      </c>
      <c r="Q988">
        <v>0</v>
      </c>
      <c r="R988">
        <v>1121.8630000000001</v>
      </c>
      <c r="S988">
        <v>0</v>
      </c>
      <c r="T988">
        <v>1138.5730000000001</v>
      </c>
      <c r="U988">
        <v>1155.231</v>
      </c>
      <c r="V988">
        <v>1171.5050000000001</v>
      </c>
      <c r="W988">
        <v>1185.7070000000001</v>
      </c>
      <c r="X988">
        <v>1194.8040000000001</v>
      </c>
      <c r="Y988">
        <v>1177.943</v>
      </c>
    </row>
    <row r="989" spans="1:25" x14ac:dyDescent="0.3">
      <c r="A989">
        <v>26.449999997454384</v>
      </c>
      <c r="B989">
        <v>1060.3009999999999</v>
      </c>
      <c r="C989">
        <v>1098.539</v>
      </c>
      <c r="D989">
        <v>1109.43</v>
      </c>
      <c r="E989">
        <v>1124.838</v>
      </c>
      <c r="F989">
        <v>1135.81</v>
      </c>
      <c r="G989">
        <v>1143.722</v>
      </c>
      <c r="H989">
        <v>1163.1669999999999</v>
      </c>
      <c r="I989">
        <v>1170.117</v>
      </c>
      <c r="J989">
        <v>1168.748</v>
      </c>
      <c r="K989">
        <v>1171.2919999999999</v>
      </c>
      <c r="L989">
        <v>1174.627</v>
      </c>
      <c r="M989">
        <v>1148.3389999999999</v>
      </c>
      <c r="N989">
        <v>1040.162</v>
      </c>
      <c r="O989">
        <v>1068.771</v>
      </c>
      <c r="P989">
        <v>0</v>
      </c>
      <c r="Q989">
        <v>0</v>
      </c>
      <c r="R989">
        <v>1123.8699999999999</v>
      </c>
      <c r="S989">
        <v>0</v>
      </c>
      <c r="T989">
        <v>1139.029</v>
      </c>
      <c r="U989">
        <v>1155.8430000000001</v>
      </c>
      <c r="V989">
        <v>1171.7550000000001</v>
      </c>
      <c r="W989">
        <v>1186.9269999999999</v>
      </c>
      <c r="X989">
        <v>1195.777</v>
      </c>
      <c r="Y989">
        <v>1181.559</v>
      </c>
    </row>
    <row r="990" spans="1:25" x14ac:dyDescent="0.3">
      <c r="A990">
        <v>26.466666668017083</v>
      </c>
      <c r="B990">
        <v>1061.451</v>
      </c>
      <c r="C990">
        <v>1102.412</v>
      </c>
      <c r="D990">
        <v>1116.816</v>
      </c>
      <c r="E990">
        <v>1127.723</v>
      </c>
      <c r="F990">
        <v>1140.04</v>
      </c>
      <c r="G990">
        <v>1148.2049999999999</v>
      </c>
      <c r="H990">
        <v>1163.5889999999999</v>
      </c>
      <c r="I990">
        <v>1170.039</v>
      </c>
      <c r="J990">
        <v>1166.5889999999999</v>
      </c>
      <c r="K990">
        <v>1170.81</v>
      </c>
      <c r="L990">
        <v>1171.8699999999999</v>
      </c>
      <c r="M990">
        <v>1147.06</v>
      </c>
      <c r="N990">
        <v>1043.2850000000001</v>
      </c>
      <c r="O990">
        <v>1065.2190000000001</v>
      </c>
      <c r="P990">
        <v>0</v>
      </c>
      <c r="Q990">
        <v>0</v>
      </c>
      <c r="R990">
        <v>1125.2360000000001</v>
      </c>
      <c r="S990">
        <v>0</v>
      </c>
      <c r="T990">
        <v>1140.498</v>
      </c>
      <c r="U990">
        <v>1156.9349999999999</v>
      </c>
      <c r="V990">
        <v>1172.7760000000001</v>
      </c>
      <c r="W990">
        <v>1191.0740000000001</v>
      </c>
      <c r="X990">
        <v>1194.49</v>
      </c>
      <c r="Y990">
        <v>1181.249</v>
      </c>
    </row>
    <row r="991" spans="1:25" x14ac:dyDescent="0.3">
      <c r="A991">
        <v>26.499999998665103</v>
      </c>
      <c r="B991">
        <v>1067.058</v>
      </c>
      <c r="C991">
        <v>1100.5329999999999</v>
      </c>
      <c r="D991">
        <v>1111.395</v>
      </c>
      <c r="E991">
        <v>1122.731</v>
      </c>
      <c r="F991">
        <v>1140.7660000000001</v>
      </c>
      <c r="G991">
        <v>1152.9870000000001</v>
      </c>
      <c r="H991">
        <v>1168.5940000000001</v>
      </c>
      <c r="I991">
        <v>1170.56</v>
      </c>
      <c r="J991">
        <v>1169.481</v>
      </c>
      <c r="K991">
        <v>1173.953</v>
      </c>
      <c r="L991">
        <v>1174.569</v>
      </c>
      <c r="M991">
        <v>1149.5609999999999</v>
      </c>
      <c r="N991">
        <v>1048.8320000000001</v>
      </c>
      <c r="O991">
        <v>1066.1669999999999</v>
      </c>
      <c r="P991">
        <v>0</v>
      </c>
      <c r="Q991">
        <v>0</v>
      </c>
      <c r="R991">
        <v>1126.395</v>
      </c>
      <c r="S991">
        <v>0</v>
      </c>
      <c r="T991">
        <v>1144.4480000000001</v>
      </c>
      <c r="U991">
        <v>1162.7460000000001</v>
      </c>
      <c r="V991">
        <v>1174.8579999999999</v>
      </c>
      <c r="W991">
        <v>1188.4000000000001</v>
      </c>
      <c r="X991">
        <v>1193.1089999999999</v>
      </c>
      <c r="Y991">
        <v>1185.4549999999999</v>
      </c>
    </row>
    <row r="992" spans="1:25" x14ac:dyDescent="0.3">
      <c r="A992">
        <v>26.516666669227803</v>
      </c>
      <c r="B992">
        <v>1064.9780000000001</v>
      </c>
      <c r="C992">
        <v>1097.8620000000001</v>
      </c>
      <c r="D992">
        <v>1102.1120000000001</v>
      </c>
      <c r="E992">
        <v>1118.2149999999999</v>
      </c>
      <c r="F992">
        <v>1135.829</v>
      </c>
      <c r="G992">
        <v>1147.404</v>
      </c>
      <c r="H992">
        <v>1166.8209999999999</v>
      </c>
      <c r="I992">
        <v>1172.5060000000001</v>
      </c>
      <c r="J992">
        <v>1168.806</v>
      </c>
      <c r="K992">
        <v>1175.3009999999999</v>
      </c>
      <c r="L992">
        <v>1175.1079999999999</v>
      </c>
      <c r="M992">
        <v>1148.3389999999999</v>
      </c>
      <c r="N992">
        <v>1042.5830000000001</v>
      </c>
      <c r="O992">
        <v>1062.6210000000001</v>
      </c>
      <c r="P992">
        <v>0</v>
      </c>
      <c r="Q992">
        <v>0</v>
      </c>
      <c r="R992">
        <v>1123.338</v>
      </c>
      <c r="S992">
        <v>0</v>
      </c>
      <c r="T992">
        <v>1139.163</v>
      </c>
      <c r="U992">
        <v>1156.7249999999999</v>
      </c>
      <c r="V992">
        <v>1168.729</v>
      </c>
      <c r="W992">
        <v>1184.001</v>
      </c>
      <c r="X992">
        <v>1190.7059999999999</v>
      </c>
      <c r="Y992">
        <v>1179.021</v>
      </c>
    </row>
    <row r="993" spans="1:25" x14ac:dyDescent="0.3">
      <c r="A993">
        <v>26.549999999875823</v>
      </c>
      <c r="B993">
        <v>1057.5909999999999</v>
      </c>
      <c r="C993">
        <v>1097.1849999999999</v>
      </c>
      <c r="D993">
        <v>1102.864</v>
      </c>
      <c r="E993">
        <v>1119.953</v>
      </c>
      <c r="F993">
        <v>1134.424</v>
      </c>
      <c r="G993">
        <v>1143.1310000000001</v>
      </c>
      <c r="H993">
        <v>1162.3620000000001</v>
      </c>
      <c r="I993">
        <v>1170.194</v>
      </c>
      <c r="J993">
        <v>1171.8510000000001</v>
      </c>
      <c r="K993">
        <v>1176.1110000000001</v>
      </c>
      <c r="L993">
        <v>1178.828</v>
      </c>
      <c r="M993">
        <v>1149.655</v>
      </c>
      <c r="N993">
        <v>1040.346</v>
      </c>
      <c r="O993">
        <v>1067.634</v>
      </c>
      <c r="P993">
        <v>0</v>
      </c>
      <c r="Q993">
        <v>0</v>
      </c>
      <c r="R993">
        <v>1125.4829999999999</v>
      </c>
      <c r="S993">
        <v>0</v>
      </c>
      <c r="T993">
        <v>1137.58</v>
      </c>
      <c r="U993">
        <v>1152.7370000000001</v>
      </c>
      <c r="V993">
        <v>1163.915</v>
      </c>
      <c r="W993">
        <v>1183.2070000000001</v>
      </c>
      <c r="X993">
        <v>1195.348</v>
      </c>
      <c r="Y993">
        <v>1180.5519999999999</v>
      </c>
    </row>
    <row r="994" spans="1:25" x14ac:dyDescent="0.3">
      <c r="A994">
        <v>26.583333330523843</v>
      </c>
      <c r="B994">
        <v>1069.5360000000001</v>
      </c>
      <c r="C994">
        <v>1099.048</v>
      </c>
      <c r="D994">
        <v>1110.0360000000001</v>
      </c>
      <c r="E994">
        <v>1122.998</v>
      </c>
      <c r="F994">
        <v>1133.5329999999999</v>
      </c>
      <c r="G994">
        <v>1139.8130000000001</v>
      </c>
      <c r="H994">
        <v>1159.2760000000001</v>
      </c>
      <c r="I994">
        <v>1170.4649999999999</v>
      </c>
      <c r="J994">
        <v>1174.57</v>
      </c>
      <c r="K994">
        <v>1177.692</v>
      </c>
      <c r="L994">
        <v>1180.6690000000001</v>
      </c>
      <c r="M994">
        <v>1152.623</v>
      </c>
      <c r="N994">
        <v>1041.327</v>
      </c>
      <c r="O994">
        <v>1064.7940000000001</v>
      </c>
      <c r="P994">
        <v>0</v>
      </c>
      <c r="Q994">
        <v>0</v>
      </c>
      <c r="R994">
        <v>1126.585</v>
      </c>
      <c r="S994">
        <v>0</v>
      </c>
      <c r="T994">
        <v>1141.701</v>
      </c>
      <c r="U994">
        <v>1164.492</v>
      </c>
      <c r="V994">
        <v>1172.912</v>
      </c>
      <c r="W994">
        <v>1183.479</v>
      </c>
      <c r="X994">
        <v>1193.693</v>
      </c>
      <c r="Y994">
        <v>1182.8009999999999</v>
      </c>
    </row>
    <row r="995" spans="1:25" x14ac:dyDescent="0.3">
      <c r="A995">
        <v>26.600000001086542</v>
      </c>
      <c r="B995">
        <v>1070.451</v>
      </c>
      <c r="C995">
        <v>1097.1869999999999</v>
      </c>
      <c r="D995">
        <v>1109.6020000000001</v>
      </c>
      <c r="E995">
        <v>1125.201</v>
      </c>
      <c r="F995">
        <v>1136.3430000000001</v>
      </c>
      <c r="G995">
        <v>1144.373</v>
      </c>
      <c r="H995">
        <v>1159.7950000000001</v>
      </c>
      <c r="I995">
        <v>1170.08</v>
      </c>
      <c r="J995">
        <v>1172.085</v>
      </c>
      <c r="K995">
        <v>1175.5730000000001</v>
      </c>
      <c r="L995">
        <v>1178.6189999999999</v>
      </c>
      <c r="M995">
        <v>1151.819</v>
      </c>
      <c r="N995">
        <v>1041.2909999999999</v>
      </c>
      <c r="O995">
        <v>1065.0920000000001</v>
      </c>
      <c r="P995">
        <v>0</v>
      </c>
      <c r="Q995">
        <v>0</v>
      </c>
      <c r="R995">
        <v>1122.999</v>
      </c>
      <c r="S995">
        <v>0</v>
      </c>
      <c r="T995">
        <v>1139.242</v>
      </c>
      <c r="U995">
        <v>1157.5139999999999</v>
      </c>
      <c r="V995">
        <v>1171.2370000000001</v>
      </c>
      <c r="W995">
        <v>1186.5609999999999</v>
      </c>
      <c r="X995">
        <v>1190.4949999999999</v>
      </c>
      <c r="Y995">
        <v>1178.7149999999999</v>
      </c>
    </row>
    <row r="996" spans="1:25" x14ac:dyDescent="0.3">
      <c r="A996">
        <v>26.633333331734562</v>
      </c>
      <c r="B996">
        <v>1066.539</v>
      </c>
      <c r="C996">
        <v>1096.039</v>
      </c>
      <c r="D996">
        <v>1109.432</v>
      </c>
      <c r="E996">
        <v>1126.605</v>
      </c>
      <c r="F996">
        <v>1138.9359999999999</v>
      </c>
      <c r="G996">
        <v>1148.5129999999999</v>
      </c>
      <c r="H996">
        <v>1161.98</v>
      </c>
      <c r="I996">
        <v>1170.5229999999999</v>
      </c>
      <c r="J996">
        <v>1173.279</v>
      </c>
      <c r="K996">
        <v>1175.92</v>
      </c>
      <c r="L996">
        <v>1179.0999999999999</v>
      </c>
      <c r="M996">
        <v>1148.0360000000001</v>
      </c>
      <c r="N996">
        <v>1044.3969999999999</v>
      </c>
      <c r="O996">
        <v>1063.2170000000001</v>
      </c>
      <c r="P996">
        <v>0</v>
      </c>
      <c r="Q996">
        <v>0</v>
      </c>
      <c r="R996">
        <v>1122.184</v>
      </c>
      <c r="S996">
        <v>0</v>
      </c>
      <c r="T996">
        <v>1141.0719999999999</v>
      </c>
      <c r="U996">
        <v>1159.9670000000001</v>
      </c>
      <c r="V996">
        <v>1169.116</v>
      </c>
      <c r="W996">
        <v>1186.8320000000001</v>
      </c>
      <c r="X996">
        <v>1187.123</v>
      </c>
      <c r="Y996">
        <v>1175.3409999999999</v>
      </c>
    </row>
    <row r="997" spans="1:25" x14ac:dyDescent="0.3">
      <c r="A997">
        <v>26.650000002297261</v>
      </c>
      <c r="B997">
        <v>1063.4570000000001</v>
      </c>
      <c r="C997">
        <v>1106.3240000000001</v>
      </c>
      <c r="D997">
        <v>1121.8620000000001</v>
      </c>
      <c r="E997">
        <v>1134.462</v>
      </c>
      <c r="F997">
        <v>1143.2080000000001</v>
      </c>
      <c r="G997">
        <v>1154.1759999999999</v>
      </c>
      <c r="H997">
        <v>1168.0740000000001</v>
      </c>
      <c r="I997">
        <v>1172.3720000000001</v>
      </c>
      <c r="J997">
        <v>1173.355</v>
      </c>
      <c r="K997">
        <v>1176.42</v>
      </c>
      <c r="L997">
        <v>1178.771</v>
      </c>
      <c r="M997">
        <v>1151.146</v>
      </c>
      <c r="N997">
        <v>1055.049</v>
      </c>
      <c r="O997">
        <v>1068.9949999999999</v>
      </c>
      <c r="P997">
        <v>0</v>
      </c>
      <c r="Q997">
        <v>0</v>
      </c>
      <c r="R997">
        <v>1123.567</v>
      </c>
      <c r="S997">
        <v>0</v>
      </c>
      <c r="T997">
        <v>1143.0930000000001</v>
      </c>
      <c r="U997">
        <v>1164.338</v>
      </c>
      <c r="V997">
        <v>1173.663</v>
      </c>
      <c r="W997">
        <v>1188.982</v>
      </c>
      <c r="X997">
        <v>1186.501</v>
      </c>
      <c r="Y997">
        <v>1177.557</v>
      </c>
    </row>
    <row r="998" spans="1:25" x14ac:dyDescent="0.3">
      <c r="A998">
        <v>26.683333332945281</v>
      </c>
      <c r="B998">
        <v>1059.5050000000001</v>
      </c>
      <c r="C998">
        <v>1103.768</v>
      </c>
      <c r="D998">
        <v>1121.92</v>
      </c>
      <c r="E998">
        <v>1134.027</v>
      </c>
      <c r="F998">
        <v>1147.1579999999999</v>
      </c>
      <c r="G998">
        <v>1158.702</v>
      </c>
      <c r="H998">
        <v>1171.1590000000001</v>
      </c>
      <c r="I998">
        <v>1172.277</v>
      </c>
      <c r="J998">
        <v>1171.6410000000001</v>
      </c>
      <c r="K998">
        <v>1174.6089999999999</v>
      </c>
      <c r="L998">
        <v>1178.579</v>
      </c>
      <c r="M998">
        <v>1154.0039999999999</v>
      </c>
      <c r="N998">
        <v>1051.828</v>
      </c>
      <c r="O998">
        <v>1073.5820000000001</v>
      </c>
      <c r="P998">
        <v>0</v>
      </c>
      <c r="Q998">
        <v>0</v>
      </c>
      <c r="R998">
        <v>1127.136</v>
      </c>
      <c r="S998">
        <v>0</v>
      </c>
      <c r="T998">
        <v>1143.5530000000001</v>
      </c>
      <c r="U998">
        <v>1165.396</v>
      </c>
      <c r="V998">
        <v>1178.6179999999999</v>
      </c>
      <c r="W998">
        <v>1188.828</v>
      </c>
      <c r="X998">
        <v>1189.7190000000001</v>
      </c>
      <c r="Y998">
        <v>1178.2329999999999</v>
      </c>
    </row>
    <row r="999" spans="1:25" x14ac:dyDescent="0.3">
      <c r="A999">
        <v>26.716666663593301</v>
      </c>
      <c r="B999">
        <v>1060.8040000000001</v>
      </c>
      <c r="C999">
        <v>1098.4280000000001</v>
      </c>
      <c r="D999">
        <v>1113.777</v>
      </c>
      <c r="E999">
        <v>1133.249</v>
      </c>
      <c r="F999">
        <v>1148.6079999999999</v>
      </c>
      <c r="G999">
        <v>1159.7180000000001</v>
      </c>
      <c r="H999">
        <v>1172.45</v>
      </c>
      <c r="I999">
        <v>1177.307</v>
      </c>
      <c r="J999">
        <v>1172.855</v>
      </c>
      <c r="K999">
        <v>1176.575</v>
      </c>
      <c r="L999">
        <v>1177.577</v>
      </c>
      <c r="M999">
        <v>1153.046</v>
      </c>
      <c r="N999">
        <v>1047.502</v>
      </c>
      <c r="O999">
        <v>1070.693</v>
      </c>
      <c r="P999">
        <v>0</v>
      </c>
      <c r="Q999">
        <v>0</v>
      </c>
      <c r="R999">
        <v>1127.82</v>
      </c>
      <c r="S999">
        <v>0</v>
      </c>
      <c r="T999">
        <v>1145.269</v>
      </c>
      <c r="U999">
        <v>1166.5909999999999</v>
      </c>
      <c r="V999">
        <v>1185.127</v>
      </c>
      <c r="W999">
        <v>1192.1030000000001</v>
      </c>
      <c r="X999">
        <v>1194.7660000000001</v>
      </c>
      <c r="Y999">
        <v>1183.441</v>
      </c>
    </row>
    <row r="1000" spans="1:25" x14ac:dyDescent="0.3">
      <c r="A1000">
        <v>26.733333334156001</v>
      </c>
      <c r="B1000">
        <v>1068.943</v>
      </c>
      <c r="C1000">
        <v>1101.269</v>
      </c>
      <c r="D1000">
        <v>1119.579</v>
      </c>
      <c r="E1000">
        <v>1134.6179999999999</v>
      </c>
      <c r="F1000">
        <v>1151.2650000000001</v>
      </c>
      <c r="G1000">
        <v>1161.4839999999999</v>
      </c>
      <c r="H1000">
        <v>1167.499</v>
      </c>
      <c r="I1000">
        <v>1174.2840000000001</v>
      </c>
      <c r="J1000">
        <v>1174.0719999999999</v>
      </c>
      <c r="K1000">
        <v>1176.423</v>
      </c>
      <c r="L1000">
        <v>1178.7550000000001</v>
      </c>
      <c r="M1000">
        <v>1153.355</v>
      </c>
      <c r="N1000">
        <v>1053.864</v>
      </c>
      <c r="O1000">
        <v>1071.8879999999999</v>
      </c>
      <c r="P1000">
        <v>0</v>
      </c>
      <c r="Q1000">
        <v>0</v>
      </c>
      <c r="R1000">
        <v>1129.056</v>
      </c>
      <c r="S1000">
        <v>0</v>
      </c>
      <c r="T1000">
        <v>1145.9010000000001</v>
      </c>
      <c r="U1000">
        <v>1166.4010000000001</v>
      </c>
      <c r="V1000">
        <v>1183.6559999999999</v>
      </c>
      <c r="W1000">
        <v>1192.5509999999999</v>
      </c>
      <c r="X1000">
        <v>1191.8150000000001</v>
      </c>
      <c r="Y1000">
        <v>1182.067</v>
      </c>
    </row>
    <row r="1001" spans="1:25" x14ac:dyDescent="0.3">
      <c r="A1001">
        <v>26.766666664804021</v>
      </c>
      <c r="B1001">
        <v>1067.9169999999999</v>
      </c>
      <c r="C1001">
        <v>1100.009</v>
      </c>
      <c r="D1001">
        <v>1116.1600000000001</v>
      </c>
      <c r="E1001">
        <v>1127.347</v>
      </c>
      <c r="F1001">
        <v>1143.7260000000001</v>
      </c>
      <c r="G1001">
        <v>1156.211</v>
      </c>
      <c r="H1001">
        <v>1169.7929999999999</v>
      </c>
      <c r="I1001">
        <v>1173.6089999999999</v>
      </c>
      <c r="J1001">
        <v>1171.181</v>
      </c>
      <c r="K1001">
        <v>1174.5150000000001</v>
      </c>
      <c r="L1001">
        <v>1179.703</v>
      </c>
      <c r="M1001">
        <v>1153.681</v>
      </c>
      <c r="N1001">
        <v>1043.4739999999999</v>
      </c>
      <c r="O1001">
        <v>1075.597</v>
      </c>
      <c r="P1001">
        <v>0</v>
      </c>
      <c r="Q1001">
        <v>0</v>
      </c>
      <c r="R1001">
        <v>1128.771</v>
      </c>
      <c r="S1001">
        <v>0</v>
      </c>
      <c r="T1001">
        <v>1143.7840000000001</v>
      </c>
      <c r="U1001">
        <v>1162.692</v>
      </c>
      <c r="V1001">
        <v>1178.2349999999999</v>
      </c>
      <c r="W1001">
        <v>1187.028</v>
      </c>
      <c r="X1001">
        <v>1189.3530000000001</v>
      </c>
      <c r="Y1001">
        <v>1180.75</v>
      </c>
    </row>
    <row r="1002" spans="1:25" x14ac:dyDescent="0.3">
      <c r="A1002">
        <v>26.78333333536672</v>
      </c>
      <c r="B1002">
        <v>1069.07</v>
      </c>
      <c r="C1002">
        <v>1098.972</v>
      </c>
      <c r="D1002">
        <v>1111.3579999999999</v>
      </c>
      <c r="E1002">
        <v>1124.326</v>
      </c>
      <c r="F1002">
        <v>1141.759</v>
      </c>
      <c r="G1002">
        <v>1150.6869999999999</v>
      </c>
      <c r="H1002">
        <v>1168.634</v>
      </c>
      <c r="I1002">
        <v>1176.1120000000001</v>
      </c>
      <c r="J1002">
        <v>1172.2380000000001</v>
      </c>
      <c r="K1002">
        <v>1175.0709999999999</v>
      </c>
      <c r="L1002">
        <v>1175.6880000000001</v>
      </c>
      <c r="M1002">
        <v>1151.76</v>
      </c>
      <c r="N1002">
        <v>1040.348</v>
      </c>
      <c r="O1002">
        <v>1072.854</v>
      </c>
      <c r="P1002">
        <v>0</v>
      </c>
      <c r="Q1002">
        <v>0</v>
      </c>
      <c r="R1002">
        <v>1122.998</v>
      </c>
      <c r="S1002">
        <v>0</v>
      </c>
      <c r="T1002">
        <v>1140.671</v>
      </c>
      <c r="U1002">
        <v>1159.8710000000001</v>
      </c>
      <c r="V1002">
        <v>1173.24</v>
      </c>
      <c r="W1002">
        <v>1186.289</v>
      </c>
      <c r="X1002">
        <v>1192.0440000000001</v>
      </c>
      <c r="Y1002">
        <v>1180.921</v>
      </c>
    </row>
    <row r="1003" spans="1:25" x14ac:dyDescent="0.3">
      <c r="A1003">
        <v>26.81666666601474</v>
      </c>
      <c r="B1003">
        <v>1069.502</v>
      </c>
      <c r="C1003">
        <v>1104.5419999999999</v>
      </c>
      <c r="D1003">
        <v>1117.1990000000001</v>
      </c>
      <c r="E1003">
        <v>1130.48</v>
      </c>
      <c r="F1003">
        <v>1141.6479999999999</v>
      </c>
      <c r="G1003">
        <v>1147.18</v>
      </c>
      <c r="H1003">
        <v>1163.575</v>
      </c>
      <c r="I1003">
        <v>1175.595</v>
      </c>
      <c r="J1003">
        <v>1175.0550000000001</v>
      </c>
      <c r="K1003">
        <v>1177.6189999999999</v>
      </c>
      <c r="L1003">
        <v>1180.1690000000001</v>
      </c>
      <c r="M1003">
        <v>1153.432</v>
      </c>
      <c r="N1003">
        <v>1041.2750000000001</v>
      </c>
      <c r="O1003">
        <v>1074.722</v>
      </c>
      <c r="P1003">
        <v>0</v>
      </c>
      <c r="Q1003">
        <v>0</v>
      </c>
      <c r="R1003">
        <v>1124.444</v>
      </c>
      <c r="S1003">
        <v>0</v>
      </c>
      <c r="T1003">
        <v>1137.9659999999999</v>
      </c>
      <c r="U1003">
        <v>1153.9880000000001</v>
      </c>
      <c r="V1003">
        <v>1164.4570000000001</v>
      </c>
      <c r="W1003">
        <v>1181.5830000000001</v>
      </c>
      <c r="X1003">
        <v>1200.5170000000001</v>
      </c>
      <c r="Y1003">
        <v>1187.009</v>
      </c>
    </row>
    <row r="1004" spans="1:25" x14ac:dyDescent="0.3">
      <c r="A1004">
        <v>26.84999999666276</v>
      </c>
      <c r="B1004">
        <v>1069.2940000000001</v>
      </c>
      <c r="C1004">
        <v>1107.8109999999999</v>
      </c>
      <c r="D1004">
        <v>1124.326</v>
      </c>
      <c r="E1004">
        <v>1131.2360000000001</v>
      </c>
      <c r="F1004">
        <v>1140.0609999999999</v>
      </c>
      <c r="G1004">
        <v>1146.6420000000001</v>
      </c>
      <c r="H1004">
        <v>1166.8219999999999</v>
      </c>
      <c r="I1004">
        <v>1177.615</v>
      </c>
      <c r="J1004">
        <v>1177.692</v>
      </c>
      <c r="K1004">
        <v>1179.7</v>
      </c>
      <c r="L1004">
        <v>1184.5250000000001</v>
      </c>
      <c r="M1004">
        <v>1154.675</v>
      </c>
      <c r="N1004">
        <v>1039.886</v>
      </c>
      <c r="O1004">
        <v>1071.6610000000001</v>
      </c>
      <c r="P1004">
        <v>0</v>
      </c>
      <c r="Q1004">
        <v>0</v>
      </c>
      <c r="R1004">
        <v>1128.56</v>
      </c>
      <c r="S1004">
        <v>0</v>
      </c>
      <c r="T1004">
        <v>1140.7090000000001</v>
      </c>
      <c r="U1004">
        <v>1156.5920000000001</v>
      </c>
      <c r="V1004">
        <v>1168.383</v>
      </c>
      <c r="W1004">
        <v>1180.4169999999999</v>
      </c>
      <c r="X1004">
        <v>1195.4079999999999</v>
      </c>
      <c r="Y1004">
        <v>1186.9860000000001</v>
      </c>
    </row>
    <row r="1005" spans="1:25" x14ac:dyDescent="0.3">
      <c r="A1005">
        <v>26.866666667225459</v>
      </c>
      <c r="B1005">
        <v>1069.4259999999999</v>
      </c>
      <c r="C1005">
        <v>1103.806</v>
      </c>
      <c r="D1005">
        <v>1113.9849999999999</v>
      </c>
      <c r="E1005">
        <v>1124.6880000000001</v>
      </c>
      <c r="F1005">
        <v>1135.0340000000001</v>
      </c>
      <c r="G1005">
        <v>1142.4469999999999</v>
      </c>
      <c r="H1005">
        <v>1162.077</v>
      </c>
      <c r="I1005">
        <v>1175.4190000000001</v>
      </c>
      <c r="J1005">
        <v>1175.7660000000001</v>
      </c>
      <c r="K1005">
        <v>1176.884</v>
      </c>
      <c r="L1005">
        <v>1180.05</v>
      </c>
      <c r="M1005">
        <v>1148.799</v>
      </c>
      <c r="N1005">
        <v>1041.4949999999999</v>
      </c>
      <c r="O1005">
        <v>1068.866</v>
      </c>
      <c r="P1005">
        <v>0</v>
      </c>
      <c r="Q1005">
        <v>0</v>
      </c>
      <c r="R1005">
        <v>1126.8520000000001</v>
      </c>
      <c r="S1005">
        <v>0</v>
      </c>
      <c r="T1005">
        <v>1137.4860000000001</v>
      </c>
      <c r="U1005">
        <v>1152.95</v>
      </c>
      <c r="V1005">
        <v>1162.575</v>
      </c>
      <c r="W1005">
        <v>1177.597</v>
      </c>
      <c r="X1005">
        <v>1196.442</v>
      </c>
      <c r="Y1005">
        <v>1187.201</v>
      </c>
    </row>
    <row r="1006" spans="1:25" x14ac:dyDescent="0.3">
      <c r="A1006">
        <v>26.899999997873479</v>
      </c>
      <c r="B1006">
        <v>1072.4480000000001</v>
      </c>
      <c r="C1006">
        <v>1101.251</v>
      </c>
      <c r="D1006">
        <v>1107.739</v>
      </c>
      <c r="E1006">
        <v>1121.998</v>
      </c>
      <c r="F1006">
        <v>1131.771</v>
      </c>
      <c r="G1006">
        <v>1145.31</v>
      </c>
      <c r="H1006">
        <v>1165.9770000000001</v>
      </c>
      <c r="I1006">
        <v>1171.528</v>
      </c>
      <c r="J1006">
        <v>1172.8</v>
      </c>
      <c r="K1006">
        <v>1174.2460000000001</v>
      </c>
      <c r="L1006">
        <v>1178.4670000000001</v>
      </c>
      <c r="M1006">
        <v>1151.4190000000001</v>
      </c>
      <c r="N1006">
        <v>1042.606</v>
      </c>
      <c r="O1006">
        <v>1068.4580000000001</v>
      </c>
      <c r="P1006">
        <v>0</v>
      </c>
      <c r="Q1006">
        <v>0</v>
      </c>
      <c r="R1006">
        <v>1127.7470000000001</v>
      </c>
      <c r="S1006">
        <v>0</v>
      </c>
      <c r="T1006">
        <v>1141.1130000000001</v>
      </c>
      <c r="U1006">
        <v>1157.9190000000001</v>
      </c>
      <c r="V1006">
        <v>1168.213</v>
      </c>
      <c r="W1006">
        <v>1180.0519999999999</v>
      </c>
      <c r="X1006">
        <v>1191.5440000000001</v>
      </c>
      <c r="Y1006">
        <v>1183.7339999999999</v>
      </c>
    </row>
    <row r="1007" spans="1:25" x14ac:dyDescent="0.3">
      <c r="A1007">
        <v>26.916666668436179</v>
      </c>
      <c r="B1007">
        <v>1074.46</v>
      </c>
      <c r="C1007">
        <v>1101.0440000000001</v>
      </c>
      <c r="D1007">
        <v>1110.02</v>
      </c>
      <c r="E1007">
        <v>1127.7840000000001</v>
      </c>
      <c r="F1007">
        <v>1136.82</v>
      </c>
      <c r="G1007">
        <v>1147.962</v>
      </c>
      <c r="H1007">
        <v>1165.1669999999999</v>
      </c>
      <c r="I1007">
        <v>1172.549</v>
      </c>
      <c r="J1007">
        <v>1170.7180000000001</v>
      </c>
      <c r="K1007">
        <v>1170.5250000000001</v>
      </c>
      <c r="L1007">
        <v>1174.8810000000001</v>
      </c>
      <c r="M1007">
        <v>1147.7139999999999</v>
      </c>
      <c r="N1007">
        <v>1042.6610000000001</v>
      </c>
      <c r="O1007">
        <v>1066.56</v>
      </c>
      <c r="P1007">
        <v>0</v>
      </c>
      <c r="Q1007">
        <v>0</v>
      </c>
      <c r="R1007">
        <v>1128.5619999999999</v>
      </c>
      <c r="S1007">
        <v>0</v>
      </c>
      <c r="T1007">
        <v>1140.1969999999999</v>
      </c>
      <c r="U1007">
        <v>1157.0360000000001</v>
      </c>
      <c r="V1007">
        <v>1170.4480000000001</v>
      </c>
      <c r="W1007">
        <v>1182.6489999999999</v>
      </c>
      <c r="X1007">
        <v>1193.7739999999999</v>
      </c>
      <c r="Y1007">
        <v>1186.7760000000001</v>
      </c>
    </row>
    <row r="1008" spans="1:25" x14ac:dyDescent="0.3">
      <c r="A1008">
        <v>26.949999999084199</v>
      </c>
      <c r="B1008">
        <v>1067.787</v>
      </c>
      <c r="C1008">
        <v>1098.58</v>
      </c>
      <c r="D1008">
        <v>1106.2149999999999</v>
      </c>
      <c r="E1008">
        <v>1122.925</v>
      </c>
      <c r="F1008">
        <v>1134.105</v>
      </c>
      <c r="G1008">
        <v>1142.9059999999999</v>
      </c>
      <c r="H1008">
        <v>1159.701</v>
      </c>
      <c r="I1008">
        <v>1171.412</v>
      </c>
      <c r="J1008">
        <v>1169.5809999999999</v>
      </c>
      <c r="K1008">
        <v>1171.2190000000001</v>
      </c>
      <c r="L1008">
        <v>1173.4549999999999</v>
      </c>
      <c r="M1008">
        <v>1146.4739999999999</v>
      </c>
      <c r="N1008">
        <v>1041.829</v>
      </c>
      <c r="O1008">
        <v>1065.8920000000001</v>
      </c>
      <c r="P1008">
        <v>0</v>
      </c>
      <c r="Q1008">
        <v>0</v>
      </c>
      <c r="R1008">
        <v>1126.9870000000001</v>
      </c>
      <c r="S1008">
        <v>0</v>
      </c>
      <c r="T1008">
        <v>1140.1210000000001</v>
      </c>
      <c r="U1008">
        <v>1159.26</v>
      </c>
      <c r="V1008">
        <v>1174.3800000000001</v>
      </c>
      <c r="W1008">
        <v>1183.7729999999999</v>
      </c>
      <c r="X1008">
        <v>1189.722</v>
      </c>
      <c r="Y1008">
        <v>1184.509</v>
      </c>
    </row>
    <row r="1009" spans="1:25" x14ac:dyDescent="0.3">
      <c r="A1009">
        <v>26.983333329732218</v>
      </c>
      <c r="B1009">
        <v>1068.328</v>
      </c>
      <c r="C1009">
        <v>1097.885</v>
      </c>
      <c r="D1009">
        <v>1100.5930000000001</v>
      </c>
      <c r="E1009">
        <v>1119.164</v>
      </c>
      <c r="F1009">
        <v>1132.2260000000001</v>
      </c>
      <c r="G1009">
        <v>1142.01</v>
      </c>
      <c r="H1009">
        <v>1157.171</v>
      </c>
      <c r="I1009">
        <v>1167.808</v>
      </c>
      <c r="J1009">
        <v>1169.5809999999999</v>
      </c>
      <c r="K1009">
        <v>1173.1659999999999</v>
      </c>
      <c r="L1009">
        <v>1174.8630000000001</v>
      </c>
      <c r="M1009">
        <v>1147.1990000000001</v>
      </c>
      <c r="N1009">
        <v>1037.5139999999999</v>
      </c>
      <c r="O1009">
        <v>1071.2729999999999</v>
      </c>
      <c r="P1009">
        <v>0</v>
      </c>
      <c r="Q1009">
        <v>0</v>
      </c>
      <c r="R1009">
        <v>1123.665</v>
      </c>
      <c r="S1009">
        <v>0</v>
      </c>
      <c r="T1009">
        <v>1139.797</v>
      </c>
      <c r="U1009">
        <v>1154.7360000000001</v>
      </c>
      <c r="V1009">
        <v>1170.3910000000001</v>
      </c>
      <c r="W1009">
        <v>1185.653</v>
      </c>
      <c r="X1009">
        <v>1189.8389999999999</v>
      </c>
      <c r="Y1009">
        <v>1183.424</v>
      </c>
    </row>
    <row r="1010" spans="1:25" x14ac:dyDescent="0.3">
      <c r="A1010">
        <v>27.000000000294918</v>
      </c>
      <c r="B1010">
        <v>1063.329</v>
      </c>
      <c r="C1010">
        <v>1095.758</v>
      </c>
      <c r="D1010">
        <v>1097.1310000000001</v>
      </c>
      <c r="E1010">
        <v>1115.78</v>
      </c>
      <c r="F1010">
        <v>1130.364</v>
      </c>
      <c r="G1010">
        <v>1146.8920000000001</v>
      </c>
      <c r="H1010">
        <v>1162.211</v>
      </c>
      <c r="I1010">
        <v>1170.6590000000001</v>
      </c>
      <c r="J1010">
        <v>1169.83</v>
      </c>
      <c r="K1010">
        <v>1171.6610000000001</v>
      </c>
      <c r="L1010">
        <v>1173.704</v>
      </c>
      <c r="M1010">
        <v>1150.7840000000001</v>
      </c>
      <c r="N1010">
        <v>1034.4190000000001</v>
      </c>
      <c r="O1010">
        <v>1073.8989999999999</v>
      </c>
      <c r="P1010">
        <v>0</v>
      </c>
      <c r="Q1010">
        <v>0</v>
      </c>
      <c r="R1010">
        <v>1124.347</v>
      </c>
      <c r="S1010">
        <v>0</v>
      </c>
      <c r="T1010">
        <v>1138.5740000000001</v>
      </c>
      <c r="U1010">
        <v>1153.5250000000001</v>
      </c>
      <c r="V1010">
        <v>1169.271</v>
      </c>
      <c r="W1010">
        <v>1184.2170000000001</v>
      </c>
      <c r="X1010">
        <v>1191.367</v>
      </c>
      <c r="Y1010">
        <v>1180.2049999999999</v>
      </c>
    </row>
    <row r="1011" spans="1:25" x14ac:dyDescent="0.3">
      <c r="A1011">
        <v>27.033333330942938</v>
      </c>
      <c r="B1011">
        <v>1060.4159999999999</v>
      </c>
      <c r="C1011">
        <v>1095.1199999999999</v>
      </c>
      <c r="D1011">
        <v>1097.885</v>
      </c>
      <c r="E1011">
        <v>1117.2370000000001</v>
      </c>
      <c r="F1011">
        <v>1133.5170000000001</v>
      </c>
      <c r="G1011">
        <v>1150.8620000000001</v>
      </c>
      <c r="H1011">
        <v>1165.3599999999999</v>
      </c>
      <c r="I1011">
        <v>1170.7570000000001</v>
      </c>
      <c r="J1011">
        <v>1170.5830000000001</v>
      </c>
      <c r="K1011">
        <v>1172.877</v>
      </c>
      <c r="L1011">
        <v>1173.9369999999999</v>
      </c>
      <c r="M1011">
        <v>1153.8150000000001</v>
      </c>
      <c r="N1011">
        <v>1034.0709999999999</v>
      </c>
      <c r="O1011">
        <v>1071.8130000000001</v>
      </c>
      <c r="P1011">
        <v>0</v>
      </c>
      <c r="Q1011">
        <v>0</v>
      </c>
      <c r="R1011">
        <v>1124.557</v>
      </c>
      <c r="S1011">
        <v>0</v>
      </c>
      <c r="T1011">
        <v>1141.1890000000001</v>
      </c>
      <c r="U1011">
        <v>1154.3710000000001</v>
      </c>
      <c r="V1011">
        <v>1168.386</v>
      </c>
      <c r="W1011">
        <v>1189.509</v>
      </c>
      <c r="X1011">
        <v>1192.415</v>
      </c>
      <c r="Y1011">
        <v>1179.587</v>
      </c>
    </row>
    <row r="1012" spans="1:25" x14ac:dyDescent="0.3">
      <c r="A1012">
        <v>27.066666672068337</v>
      </c>
      <c r="B1012">
        <v>1065.614</v>
      </c>
      <c r="C1012">
        <v>1095.9860000000001</v>
      </c>
      <c r="D1012">
        <v>1097.471</v>
      </c>
      <c r="E1012">
        <v>1116.7650000000001</v>
      </c>
      <c r="F1012">
        <v>1135.491</v>
      </c>
      <c r="G1012">
        <v>1151.1890000000001</v>
      </c>
      <c r="H1012">
        <v>1172.9349999999999</v>
      </c>
      <c r="I1012">
        <v>1174.2840000000001</v>
      </c>
      <c r="J1012">
        <v>1171.567</v>
      </c>
      <c r="K1012">
        <v>1174.2650000000001</v>
      </c>
      <c r="L1012">
        <v>1177.5609999999999</v>
      </c>
      <c r="M1012">
        <v>1152.895</v>
      </c>
      <c r="N1012">
        <v>1036.06</v>
      </c>
      <c r="O1012">
        <v>1071.9069999999999</v>
      </c>
      <c r="P1012">
        <v>0</v>
      </c>
      <c r="Q1012">
        <v>0</v>
      </c>
      <c r="R1012">
        <v>1128.6389999999999</v>
      </c>
      <c r="S1012">
        <v>0</v>
      </c>
      <c r="T1012">
        <v>1142.9259999999999</v>
      </c>
      <c r="U1012">
        <v>1160.4880000000001</v>
      </c>
      <c r="V1012">
        <v>1175.807</v>
      </c>
      <c r="W1012">
        <v>1190.2260000000001</v>
      </c>
      <c r="X1012">
        <v>1185.42</v>
      </c>
      <c r="Y1012">
        <v>1177.4259999999999</v>
      </c>
    </row>
    <row r="1013" spans="1:25" x14ac:dyDescent="0.3">
      <c r="A1013">
        <v>27.083333332153657</v>
      </c>
      <c r="B1013">
        <v>1060.6369999999999</v>
      </c>
      <c r="C1013">
        <v>1095.5889999999999</v>
      </c>
      <c r="D1013">
        <v>1096.6790000000001</v>
      </c>
      <c r="E1013">
        <v>1116.5170000000001</v>
      </c>
      <c r="F1013">
        <v>1138.002</v>
      </c>
      <c r="G1013">
        <v>1155.692</v>
      </c>
      <c r="H1013">
        <v>1167.0930000000001</v>
      </c>
      <c r="I1013">
        <v>1173.9159999999999</v>
      </c>
      <c r="J1013">
        <v>1170.7159999999999</v>
      </c>
      <c r="K1013">
        <v>1170.7550000000001</v>
      </c>
      <c r="L1013">
        <v>1173.8969999999999</v>
      </c>
      <c r="M1013">
        <v>1150.4780000000001</v>
      </c>
      <c r="N1013">
        <v>1033.498</v>
      </c>
      <c r="O1013">
        <v>1072.8</v>
      </c>
      <c r="P1013">
        <v>0</v>
      </c>
      <c r="Q1013">
        <v>0</v>
      </c>
      <c r="R1013">
        <v>1130.5350000000001</v>
      </c>
      <c r="S1013">
        <v>0</v>
      </c>
      <c r="T1013">
        <v>1144.106</v>
      </c>
      <c r="U1013">
        <v>1162.365</v>
      </c>
      <c r="V1013">
        <v>1174.3399999999999</v>
      </c>
      <c r="W1013">
        <v>1189.4680000000001</v>
      </c>
      <c r="X1013">
        <v>1190.088</v>
      </c>
      <c r="Y1013">
        <v>1176.1130000000001</v>
      </c>
    </row>
    <row r="1014" spans="1:25" x14ac:dyDescent="0.3">
      <c r="A1014">
        <v>27.116666673279056</v>
      </c>
      <c r="B1014">
        <v>1049.798</v>
      </c>
      <c r="C1014">
        <v>1094.0530000000001</v>
      </c>
      <c r="D1014">
        <v>1099.973</v>
      </c>
      <c r="E1014">
        <v>1121.375</v>
      </c>
      <c r="F1014">
        <v>1140.866</v>
      </c>
      <c r="G1014">
        <v>1153.183</v>
      </c>
      <c r="H1014">
        <v>1162.559</v>
      </c>
      <c r="I1014">
        <v>1173.9380000000001</v>
      </c>
      <c r="J1014">
        <v>1173.7639999999999</v>
      </c>
      <c r="K1014">
        <v>1172.9549999999999</v>
      </c>
      <c r="L1014">
        <v>1175.422</v>
      </c>
      <c r="M1014">
        <v>1151.5920000000001</v>
      </c>
      <c r="N1014">
        <v>1031.1079999999999</v>
      </c>
      <c r="O1014">
        <v>1072.4670000000001</v>
      </c>
      <c r="P1014">
        <v>0</v>
      </c>
      <c r="Q1014">
        <v>0</v>
      </c>
      <c r="R1014">
        <v>1126.3240000000001</v>
      </c>
      <c r="S1014">
        <v>0</v>
      </c>
      <c r="T1014">
        <v>1141.7819999999999</v>
      </c>
      <c r="U1014">
        <v>1161.0440000000001</v>
      </c>
      <c r="V1014">
        <v>1177.8889999999999</v>
      </c>
      <c r="W1014">
        <v>1188.8699999999999</v>
      </c>
      <c r="X1014">
        <v>1188.328</v>
      </c>
      <c r="Y1014">
        <v>1177.9469999999999</v>
      </c>
    </row>
    <row r="1015" spans="1:25" x14ac:dyDescent="0.3">
      <c r="A1015">
        <v>27.133333333364376</v>
      </c>
      <c r="B1015">
        <v>1059.6179999999999</v>
      </c>
      <c r="C1015">
        <v>1103.2059999999999</v>
      </c>
      <c r="D1015">
        <v>1115.0070000000001</v>
      </c>
      <c r="E1015">
        <v>1130.347</v>
      </c>
      <c r="F1015">
        <v>1143.8789999999999</v>
      </c>
      <c r="G1015">
        <v>1151.4369999999999</v>
      </c>
      <c r="H1015">
        <v>1161.9059999999999</v>
      </c>
      <c r="I1015">
        <v>1173.1079999999999</v>
      </c>
      <c r="J1015">
        <v>1178.8520000000001</v>
      </c>
      <c r="K1015">
        <v>1175.3630000000001</v>
      </c>
      <c r="L1015">
        <v>1177.58</v>
      </c>
      <c r="M1015">
        <v>1153.47</v>
      </c>
      <c r="N1015">
        <v>1034.2360000000001</v>
      </c>
      <c r="O1015">
        <v>1074.2550000000001</v>
      </c>
      <c r="P1015">
        <v>0</v>
      </c>
      <c r="Q1015">
        <v>0</v>
      </c>
      <c r="R1015">
        <v>1126.569</v>
      </c>
      <c r="S1015">
        <v>0</v>
      </c>
      <c r="T1015">
        <v>1141.0940000000001</v>
      </c>
      <c r="U1015">
        <v>1164.5899999999999</v>
      </c>
      <c r="V1015">
        <v>1179.877</v>
      </c>
      <c r="W1015">
        <v>1191.2529999999999</v>
      </c>
      <c r="X1015">
        <v>1191.6790000000001</v>
      </c>
      <c r="Y1015">
        <v>1176.327</v>
      </c>
    </row>
    <row r="1016" spans="1:25" x14ac:dyDescent="0.3">
      <c r="A1016">
        <v>27.166666664012396</v>
      </c>
      <c r="B1016">
        <v>1071.963</v>
      </c>
      <c r="C1016">
        <v>1110.569</v>
      </c>
      <c r="D1016">
        <v>1121.5260000000001</v>
      </c>
      <c r="E1016">
        <v>1133.0050000000001</v>
      </c>
      <c r="F1016">
        <v>1145.75</v>
      </c>
      <c r="G1016">
        <v>1150.0419999999999</v>
      </c>
      <c r="H1016">
        <v>1160.6030000000001</v>
      </c>
      <c r="I1016">
        <v>1170.7</v>
      </c>
      <c r="J1016">
        <v>1176.347</v>
      </c>
      <c r="K1016">
        <v>1175.403</v>
      </c>
      <c r="L1016">
        <v>1176.309</v>
      </c>
      <c r="M1016">
        <v>1151.3430000000001</v>
      </c>
      <c r="N1016">
        <v>1037.6990000000001</v>
      </c>
      <c r="O1016">
        <v>1076.7170000000001</v>
      </c>
      <c r="P1016">
        <v>0</v>
      </c>
      <c r="Q1016">
        <v>0</v>
      </c>
      <c r="R1016">
        <v>1128.867</v>
      </c>
      <c r="S1016">
        <v>0</v>
      </c>
      <c r="T1016">
        <v>1139.5119999999999</v>
      </c>
      <c r="U1016">
        <v>1160.508</v>
      </c>
      <c r="V1016">
        <v>1175.306</v>
      </c>
      <c r="W1016">
        <v>1191.874</v>
      </c>
      <c r="X1016">
        <v>1199.914</v>
      </c>
      <c r="Y1016">
        <v>1178.6410000000001</v>
      </c>
    </row>
    <row r="1017" spans="1:25" x14ac:dyDescent="0.3">
      <c r="A1017">
        <v>27.200000005137795</v>
      </c>
      <c r="B1017">
        <v>1074.0129999999999</v>
      </c>
      <c r="C1017">
        <v>1108.547</v>
      </c>
      <c r="D1017">
        <v>1116.953</v>
      </c>
      <c r="E1017">
        <v>1133.365</v>
      </c>
      <c r="F1017">
        <v>1146.702</v>
      </c>
      <c r="G1017">
        <v>1154.2560000000001</v>
      </c>
      <c r="H1017">
        <v>1163.5360000000001</v>
      </c>
      <c r="I1017">
        <v>1170.8720000000001</v>
      </c>
      <c r="J1017">
        <v>1174.4960000000001</v>
      </c>
      <c r="K1017">
        <v>1176.558</v>
      </c>
      <c r="L1017">
        <v>1178.0609999999999</v>
      </c>
      <c r="M1017">
        <v>1151.3219999999999</v>
      </c>
      <c r="N1017">
        <v>1039.2439999999999</v>
      </c>
      <c r="O1017">
        <v>1082.931</v>
      </c>
      <c r="P1017">
        <v>0</v>
      </c>
      <c r="Q1017">
        <v>0</v>
      </c>
      <c r="R1017">
        <v>1129.8530000000001</v>
      </c>
      <c r="S1017">
        <v>0</v>
      </c>
      <c r="T1017">
        <v>1141.6279999999999</v>
      </c>
      <c r="U1017">
        <v>1160.008</v>
      </c>
      <c r="V1017">
        <v>1173.1849999999999</v>
      </c>
      <c r="W1017">
        <v>1189.741</v>
      </c>
      <c r="X1017">
        <v>1203.654</v>
      </c>
      <c r="Y1017">
        <v>1184.451</v>
      </c>
    </row>
    <row r="1018" spans="1:25" x14ac:dyDescent="0.3">
      <c r="A1018">
        <v>27.216666665223116</v>
      </c>
      <c r="B1018">
        <v>1075.338</v>
      </c>
      <c r="C1018">
        <v>1106.9880000000001</v>
      </c>
      <c r="D1018">
        <v>1111.722</v>
      </c>
      <c r="E1018">
        <v>1126.723</v>
      </c>
      <c r="F1018">
        <v>1143.537</v>
      </c>
      <c r="G1018">
        <v>1153.817</v>
      </c>
      <c r="H1018">
        <v>1161.8889999999999</v>
      </c>
      <c r="I1018">
        <v>1168.1179999999999</v>
      </c>
      <c r="J1018">
        <v>1167.771</v>
      </c>
      <c r="K1018">
        <v>1171.876</v>
      </c>
      <c r="L1018">
        <v>1175.673</v>
      </c>
      <c r="M1018">
        <v>1150.52</v>
      </c>
      <c r="N1018">
        <v>1035.5640000000001</v>
      </c>
      <c r="O1018">
        <v>1081.154</v>
      </c>
      <c r="P1018">
        <v>0</v>
      </c>
      <c r="Q1018">
        <v>0</v>
      </c>
      <c r="R1018">
        <v>1129.855</v>
      </c>
      <c r="S1018">
        <v>0</v>
      </c>
      <c r="T1018">
        <v>1145.1969999999999</v>
      </c>
      <c r="U1018">
        <v>1163.097</v>
      </c>
      <c r="V1018">
        <v>1174.902</v>
      </c>
      <c r="W1018">
        <v>1189.472</v>
      </c>
      <c r="X1018">
        <v>1200.1679999999999</v>
      </c>
      <c r="Y1018">
        <v>1186.0219999999999</v>
      </c>
    </row>
    <row r="1019" spans="1:25" x14ac:dyDescent="0.3">
      <c r="A1019">
        <v>27.250000006348515</v>
      </c>
      <c r="B1019">
        <v>1072.896</v>
      </c>
      <c r="C1019">
        <v>1101.289</v>
      </c>
      <c r="D1019">
        <v>1110.3989999999999</v>
      </c>
      <c r="E1019">
        <v>1128.0889999999999</v>
      </c>
      <c r="F1019">
        <v>1147.066</v>
      </c>
      <c r="G1019">
        <v>1155.7909999999999</v>
      </c>
      <c r="H1019">
        <v>1165.92</v>
      </c>
      <c r="I1019">
        <v>1174.67</v>
      </c>
      <c r="J1019">
        <v>1171.066</v>
      </c>
      <c r="K1019">
        <v>1174.4580000000001</v>
      </c>
      <c r="L1019">
        <v>1177.7929999999999</v>
      </c>
      <c r="M1019">
        <v>1153.797</v>
      </c>
      <c r="N1019">
        <v>1036.3920000000001</v>
      </c>
      <c r="O1019">
        <v>1076.4000000000001</v>
      </c>
      <c r="P1019">
        <v>0</v>
      </c>
      <c r="Q1019">
        <v>0</v>
      </c>
      <c r="R1019">
        <v>1129.759</v>
      </c>
      <c r="S1019">
        <v>0</v>
      </c>
      <c r="T1019">
        <v>1145.635</v>
      </c>
      <c r="U1019">
        <v>1160.047</v>
      </c>
      <c r="V1019">
        <v>1171.22</v>
      </c>
      <c r="W1019">
        <v>1187.7850000000001</v>
      </c>
      <c r="X1019">
        <v>1199.076</v>
      </c>
      <c r="Y1019">
        <v>1180.596</v>
      </c>
    </row>
    <row r="1020" spans="1:25" x14ac:dyDescent="0.3">
      <c r="A1020">
        <v>27.266666666433835</v>
      </c>
      <c r="B1020">
        <v>1071.2360000000001</v>
      </c>
      <c r="C1020">
        <v>1100.424</v>
      </c>
      <c r="D1020">
        <v>1111.9659999999999</v>
      </c>
      <c r="E1020">
        <v>1129.797</v>
      </c>
      <c r="F1020">
        <v>1143.422</v>
      </c>
      <c r="G1020">
        <v>1155.1959999999999</v>
      </c>
      <c r="H1020">
        <v>1165.4949999999999</v>
      </c>
      <c r="I1020">
        <v>1176.771</v>
      </c>
      <c r="J1020">
        <v>1171.894</v>
      </c>
      <c r="K1020">
        <v>1175.595</v>
      </c>
      <c r="L1020">
        <v>1181.4280000000001</v>
      </c>
      <c r="M1020">
        <v>1152.377</v>
      </c>
      <c r="N1020">
        <v>1039.779</v>
      </c>
      <c r="O1020">
        <v>1074.3119999999999</v>
      </c>
      <c r="P1020">
        <v>0</v>
      </c>
      <c r="Q1020">
        <v>0</v>
      </c>
      <c r="R1020">
        <v>1131.088</v>
      </c>
      <c r="S1020">
        <v>0</v>
      </c>
      <c r="T1020">
        <v>1146.913</v>
      </c>
      <c r="U1020">
        <v>1161.2739999999999</v>
      </c>
      <c r="V1020">
        <v>1172.665</v>
      </c>
      <c r="W1020">
        <v>1187.6289999999999</v>
      </c>
      <c r="X1020">
        <v>1198.6659999999999</v>
      </c>
      <c r="Y1020">
        <v>1182.048</v>
      </c>
    </row>
    <row r="1021" spans="1:25" x14ac:dyDescent="0.3">
      <c r="A1021">
        <v>27.299999997081855</v>
      </c>
      <c r="B1021">
        <v>1057.7829999999999</v>
      </c>
      <c r="C1021">
        <v>1103.453</v>
      </c>
      <c r="D1021">
        <v>1116.03</v>
      </c>
      <c r="E1021">
        <v>1129.3430000000001</v>
      </c>
      <c r="F1021">
        <v>1140.5050000000001</v>
      </c>
      <c r="G1021">
        <v>1151.5930000000001</v>
      </c>
      <c r="H1021">
        <v>1162.7329999999999</v>
      </c>
      <c r="I1021">
        <v>1176.9459999999999</v>
      </c>
      <c r="J1021">
        <v>1176.3869999999999</v>
      </c>
      <c r="K1021">
        <v>1177.8710000000001</v>
      </c>
      <c r="L1021">
        <v>1179.6469999999999</v>
      </c>
      <c r="M1021">
        <v>1152.5899999999999</v>
      </c>
      <c r="N1021">
        <v>1039.4670000000001</v>
      </c>
      <c r="O1021">
        <v>1078.973</v>
      </c>
      <c r="P1021">
        <v>0</v>
      </c>
      <c r="Q1021">
        <v>0</v>
      </c>
      <c r="R1021">
        <v>1134.5630000000001</v>
      </c>
      <c r="S1021">
        <v>0</v>
      </c>
      <c r="T1021">
        <v>1148.155</v>
      </c>
      <c r="U1021">
        <v>1166.287</v>
      </c>
      <c r="V1021">
        <v>1177.6199999999999</v>
      </c>
      <c r="W1021">
        <v>1193.3869999999999</v>
      </c>
      <c r="X1021">
        <v>1200.48</v>
      </c>
      <c r="Y1021">
        <v>1182.07</v>
      </c>
    </row>
    <row r="1022" spans="1:25" x14ac:dyDescent="0.3">
      <c r="A1022">
        <v>27.333333338207254</v>
      </c>
      <c r="B1022">
        <v>1065.5039999999999</v>
      </c>
      <c r="C1022">
        <v>1107.4580000000001</v>
      </c>
      <c r="D1022">
        <v>1117.2380000000001</v>
      </c>
      <c r="E1022">
        <v>1133.367</v>
      </c>
      <c r="F1022">
        <v>1146.4179999999999</v>
      </c>
      <c r="G1022">
        <v>1156.769</v>
      </c>
      <c r="H1022">
        <v>1166.749</v>
      </c>
      <c r="I1022">
        <v>1174.42</v>
      </c>
      <c r="J1022">
        <v>1171.934</v>
      </c>
      <c r="K1022">
        <v>1172.6089999999999</v>
      </c>
      <c r="L1022">
        <v>1173.0709999999999</v>
      </c>
      <c r="M1022">
        <v>1149.566</v>
      </c>
      <c r="N1022">
        <v>1039.4480000000001</v>
      </c>
      <c r="O1022">
        <v>1085.1790000000001</v>
      </c>
      <c r="P1022">
        <v>0</v>
      </c>
      <c r="Q1022">
        <v>0</v>
      </c>
      <c r="R1022">
        <v>1131.829</v>
      </c>
      <c r="S1022">
        <v>0</v>
      </c>
      <c r="T1022">
        <v>1144.51</v>
      </c>
      <c r="U1022">
        <v>1164.2850000000001</v>
      </c>
      <c r="V1022">
        <v>1178.6610000000001</v>
      </c>
      <c r="W1022">
        <v>1192.32</v>
      </c>
      <c r="X1022">
        <v>1201.415</v>
      </c>
      <c r="Y1022">
        <v>1184.9559999999999</v>
      </c>
    </row>
    <row r="1023" spans="1:25" x14ac:dyDescent="0.3">
      <c r="A1023">
        <v>27.349999998292574</v>
      </c>
      <c r="B1023">
        <v>1070.6210000000001</v>
      </c>
      <c r="C1023">
        <v>1107.645</v>
      </c>
      <c r="D1023">
        <v>1116.1990000000001</v>
      </c>
      <c r="E1023">
        <v>1134.5999999999999</v>
      </c>
      <c r="F1023">
        <v>1148.7260000000001</v>
      </c>
      <c r="G1023">
        <v>1155.7139999999999</v>
      </c>
      <c r="H1023">
        <v>1163.384</v>
      </c>
      <c r="I1023">
        <v>1170.1220000000001</v>
      </c>
      <c r="J1023">
        <v>1170.5070000000001</v>
      </c>
      <c r="K1023">
        <v>1173.5519999999999</v>
      </c>
      <c r="L1023">
        <v>1172.55</v>
      </c>
      <c r="M1023">
        <v>1149.8699999999999</v>
      </c>
      <c r="N1023">
        <v>1032.01</v>
      </c>
      <c r="O1023">
        <v>1079.7739999999999</v>
      </c>
      <c r="P1023">
        <v>0</v>
      </c>
      <c r="Q1023">
        <v>0</v>
      </c>
      <c r="R1023">
        <v>1131.5820000000001</v>
      </c>
      <c r="S1023">
        <v>0</v>
      </c>
      <c r="T1023">
        <v>1144.338</v>
      </c>
      <c r="U1023">
        <v>1162.271</v>
      </c>
      <c r="V1023">
        <v>1173.8030000000001</v>
      </c>
      <c r="W1023">
        <v>1190.2460000000001</v>
      </c>
      <c r="X1023">
        <v>1203.1099999999999</v>
      </c>
      <c r="Y1023">
        <v>1187.7080000000001</v>
      </c>
    </row>
    <row r="1024" spans="1:25" x14ac:dyDescent="0.3">
      <c r="A1024">
        <v>27.383333339417973</v>
      </c>
      <c r="B1024">
        <v>1068.2180000000001</v>
      </c>
      <c r="C1024">
        <v>1105.3150000000001</v>
      </c>
      <c r="D1024">
        <v>1112.837</v>
      </c>
      <c r="E1024">
        <v>1130.3869999999999</v>
      </c>
      <c r="F1024">
        <v>1144.454</v>
      </c>
      <c r="G1024">
        <v>1154.5840000000001</v>
      </c>
      <c r="H1024">
        <v>1161.2560000000001</v>
      </c>
      <c r="I1024">
        <v>1167.425</v>
      </c>
      <c r="J1024">
        <v>1168.7159999999999</v>
      </c>
      <c r="K1024">
        <v>1171.877</v>
      </c>
      <c r="L1024">
        <v>1176.271</v>
      </c>
      <c r="M1024">
        <v>1151.3050000000001</v>
      </c>
      <c r="N1024">
        <v>1038.492</v>
      </c>
      <c r="O1024">
        <v>1081.4169999999999</v>
      </c>
      <c r="P1024">
        <v>0</v>
      </c>
      <c r="Q1024">
        <v>0</v>
      </c>
      <c r="R1024">
        <v>1131.1079999999999</v>
      </c>
      <c r="S1024">
        <v>0</v>
      </c>
      <c r="T1024">
        <v>1141.268</v>
      </c>
      <c r="U1024">
        <v>1160.528</v>
      </c>
      <c r="V1024">
        <v>1174.787</v>
      </c>
      <c r="W1024">
        <v>1189.7429999999999</v>
      </c>
      <c r="X1024">
        <v>1203.481</v>
      </c>
      <c r="Y1024">
        <v>1186.2550000000001</v>
      </c>
    </row>
    <row r="1025" spans="1:25" x14ac:dyDescent="0.3">
      <c r="A1025">
        <v>27.399999999503294</v>
      </c>
      <c r="B1025">
        <v>1066.894</v>
      </c>
      <c r="C1025">
        <v>1099.934</v>
      </c>
      <c r="D1025">
        <v>1104.278</v>
      </c>
      <c r="E1025">
        <v>1122.8489999999999</v>
      </c>
      <c r="F1025">
        <v>1133.5360000000001</v>
      </c>
      <c r="G1025">
        <v>1145.615</v>
      </c>
      <c r="H1025">
        <v>1156.672</v>
      </c>
      <c r="I1025">
        <v>1167.172</v>
      </c>
      <c r="J1025">
        <v>1168.829</v>
      </c>
      <c r="K1025">
        <v>1172.645</v>
      </c>
      <c r="L1025">
        <v>1177.04</v>
      </c>
      <c r="M1025">
        <v>1149.8499999999999</v>
      </c>
      <c r="N1025">
        <v>1036.722</v>
      </c>
      <c r="O1025">
        <v>1082.4069999999999</v>
      </c>
      <c r="P1025">
        <v>0</v>
      </c>
      <c r="Q1025">
        <v>0</v>
      </c>
      <c r="R1025">
        <v>1129.549</v>
      </c>
      <c r="S1025">
        <v>0</v>
      </c>
      <c r="T1025">
        <v>1141.2460000000001</v>
      </c>
      <c r="U1025">
        <v>1162.961</v>
      </c>
      <c r="V1025">
        <v>1177.117</v>
      </c>
      <c r="W1025">
        <v>1188.54</v>
      </c>
      <c r="X1025">
        <v>1197.2619999999999</v>
      </c>
      <c r="Y1025">
        <v>1184.683</v>
      </c>
    </row>
    <row r="1026" spans="1:25" x14ac:dyDescent="0.3">
      <c r="A1026">
        <v>27.433333330151314</v>
      </c>
      <c r="B1026">
        <v>1070.454</v>
      </c>
      <c r="C1026">
        <v>1095.009</v>
      </c>
      <c r="D1026">
        <v>1097.6790000000001</v>
      </c>
      <c r="E1026">
        <v>1120.5820000000001</v>
      </c>
      <c r="F1026">
        <v>1137.547</v>
      </c>
      <c r="G1026">
        <v>1152.0899999999999</v>
      </c>
      <c r="H1026">
        <v>1160.9680000000001</v>
      </c>
      <c r="I1026">
        <v>1169.2539999999999</v>
      </c>
      <c r="J1026">
        <v>1169.9480000000001</v>
      </c>
      <c r="K1026">
        <v>1171.163</v>
      </c>
      <c r="L1026">
        <v>1169.6400000000001</v>
      </c>
      <c r="M1026">
        <v>1145.0440000000001</v>
      </c>
      <c r="N1026">
        <v>1039.4290000000001</v>
      </c>
      <c r="O1026">
        <v>1075.337</v>
      </c>
      <c r="P1026">
        <v>0</v>
      </c>
      <c r="Q1026">
        <v>0</v>
      </c>
      <c r="R1026">
        <v>1122.471</v>
      </c>
      <c r="S1026">
        <v>0</v>
      </c>
      <c r="T1026">
        <v>1140.6369999999999</v>
      </c>
      <c r="U1026">
        <v>1162.367</v>
      </c>
      <c r="V1026">
        <v>1181.08</v>
      </c>
      <c r="W1026">
        <v>1190.0719999999999</v>
      </c>
      <c r="X1026">
        <v>1192.8230000000001</v>
      </c>
      <c r="Y1026">
        <v>1181.1379999999999</v>
      </c>
    </row>
    <row r="1027" spans="1:25" x14ac:dyDescent="0.3">
      <c r="A1027">
        <v>27.466666671276712</v>
      </c>
      <c r="B1027">
        <v>1061.884</v>
      </c>
      <c r="C1027">
        <v>1096.288</v>
      </c>
      <c r="D1027">
        <v>1107.74</v>
      </c>
      <c r="E1027">
        <v>1128.7919999999999</v>
      </c>
      <c r="F1027">
        <v>1142.5070000000001</v>
      </c>
      <c r="G1027">
        <v>1153.912</v>
      </c>
      <c r="H1027">
        <v>1164.3240000000001</v>
      </c>
      <c r="I1027">
        <v>1174.2470000000001</v>
      </c>
      <c r="J1027">
        <v>1175.095</v>
      </c>
      <c r="K1027">
        <v>1172.1849999999999</v>
      </c>
      <c r="L1027">
        <v>1171.953</v>
      </c>
      <c r="M1027">
        <v>1148.6500000000001</v>
      </c>
      <c r="N1027">
        <v>1043.31</v>
      </c>
      <c r="O1027">
        <v>1078.8800000000001</v>
      </c>
      <c r="P1027">
        <v>0</v>
      </c>
      <c r="Q1027">
        <v>0</v>
      </c>
      <c r="R1027">
        <v>1120.375</v>
      </c>
      <c r="S1027">
        <v>0</v>
      </c>
      <c r="T1027">
        <v>1142.6220000000001</v>
      </c>
      <c r="U1027">
        <v>1163.077</v>
      </c>
      <c r="V1027">
        <v>1179.008</v>
      </c>
      <c r="W1027">
        <v>1194.4580000000001</v>
      </c>
      <c r="X1027">
        <v>1196.7180000000001</v>
      </c>
      <c r="Y1027">
        <v>1186.952</v>
      </c>
    </row>
    <row r="1028" spans="1:25" x14ac:dyDescent="0.3">
      <c r="A1028">
        <v>27.483333331362033</v>
      </c>
      <c r="B1028">
        <v>1042.4590000000001</v>
      </c>
      <c r="C1028">
        <v>1106.2159999999999</v>
      </c>
      <c r="D1028">
        <v>1114.46</v>
      </c>
      <c r="E1028">
        <v>1131.5060000000001</v>
      </c>
      <c r="F1028">
        <v>1146.0170000000001</v>
      </c>
      <c r="G1028">
        <v>1158.1880000000001</v>
      </c>
      <c r="H1028">
        <v>1173.5909999999999</v>
      </c>
      <c r="I1028">
        <v>1178.8910000000001</v>
      </c>
      <c r="J1028">
        <v>1174.69</v>
      </c>
      <c r="K1028">
        <v>1173.4559999999999</v>
      </c>
      <c r="L1028">
        <v>1175.673</v>
      </c>
      <c r="M1028">
        <v>1156.117</v>
      </c>
      <c r="N1028">
        <v>1049.6130000000001</v>
      </c>
      <c r="O1028">
        <v>1081.191</v>
      </c>
      <c r="P1028">
        <v>0</v>
      </c>
      <c r="Q1028">
        <v>0</v>
      </c>
      <c r="R1028">
        <v>1120.827</v>
      </c>
      <c r="S1028">
        <v>0</v>
      </c>
      <c r="T1028">
        <v>1143.251</v>
      </c>
      <c r="U1028">
        <v>1161.9649999999999</v>
      </c>
      <c r="V1028">
        <v>1174.979</v>
      </c>
      <c r="W1028">
        <v>1192.4749999999999</v>
      </c>
      <c r="X1028">
        <v>1203.675</v>
      </c>
      <c r="Y1028">
        <v>1189.1220000000001</v>
      </c>
    </row>
    <row r="1029" spans="1:25" x14ac:dyDescent="0.3">
      <c r="A1029">
        <v>27.516666672487432</v>
      </c>
      <c r="B1029">
        <v>1059.1759999999999</v>
      </c>
      <c r="C1029">
        <v>1121.2070000000001</v>
      </c>
      <c r="D1029">
        <v>1132.4949999999999</v>
      </c>
      <c r="E1029">
        <v>1144.0540000000001</v>
      </c>
      <c r="F1029">
        <v>1151.287</v>
      </c>
      <c r="G1029">
        <v>1159.0899999999999</v>
      </c>
      <c r="H1029">
        <v>1169.7380000000001</v>
      </c>
      <c r="I1029">
        <v>1179.202</v>
      </c>
      <c r="J1029">
        <v>1176.6769999999999</v>
      </c>
      <c r="K1029">
        <v>1179.415</v>
      </c>
      <c r="L1029">
        <v>1178.1220000000001</v>
      </c>
      <c r="M1029">
        <v>1155.2370000000001</v>
      </c>
      <c r="N1029">
        <v>1049.799</v>
      </c>
      <c r="O1029">
        <v>1081.867</v>
      </c>
      <c r="P1029">
        <v>0</v>
      </c>
      <c r="Q1029">
        <v>0</v>
      </c>
      <c r="R1029">
        <v>1127.1610000000001</v>
      </c>
      <c r="S1029">
        <v>0</v>
      </c>
      <c r="T1029">
        <v>1146.3810000000001</v>
      </c>
      <c r="U1029">
        <v>1166.037</v>
      </c>
      <c r="V1029">
        <v>1177.4860000000001</v>
      </c>
      <c r="W1029">
        <v>1192.7090000000001</v>
      </c>
      <c r="X1029">
        <v>1204.6120000000001</v>
      </c>
      <c r="Y1029">
        <v>1193.913</v>
      </c>
    </row>
    <row r="1030" spans="1:25" x14ac:dyDescent="0.3">
      <c r="A1030">
        <v>27.533333332572752</v>
      </c>
      <c r="B1030">
        <v>1062.682</v>
      </c>
      <c r="C1030">
        <v>1115.1410000000001</v>
      </c>
      <c r="D1030">
        <v>1135.018</v>
      </c>
      <c r="E1030">
        <v>1143.69</v>
      </c>
      <c r="F1030">
        <v>1153.011</v>
      </c>
      <c r="G1030">
        <v>1158.2650000000001</v>
      </c>
      <c r="H1030">
        <v>1168.9469999999999</v>
      </c>
      <c r="I1030">
        <v>1177.0419999999999</v>
      </c>
      <c r="J1030">
        <v>1177.5809999999999</v>
      </c>
      <c r="K1030">
        <v>1181.3520000000001</v>
      </c>
      <c r="L1030">
        <v>1182.5150000000001</v>
      </c>
      <c r="M1030">
        <v>1156.079</v>
      </c>
      <c r="N1030">
        <v>1043.883</v>
      </c>
      <c r="O1030">
        <v>1087.3699999999999</v>
      </c>
      <c r="P1030">
        <v>0</v>
      </c>
      <c r="Q1030">
        <v>0</v>
      </c>
      <c r="R1030">
        <v>1129.703</v>
      </c>
      <c r="S1030">
        <v>0</v>
      </c>
      <c r="T1030">
        <v>1144.93</v>
      </c>
      <c r="U1030">
        <v>1165.94</v>
      </c>
      <c r="V1030">
        <v>1179.279</v>
      </c>
      <c r="W1030">
        <v>1194.4580000000001</v>
      </c>
      <c r="X1030">
        <v>1204.8050000000001</v>
      </c>
      <c r="Y1030">
        <v>1194.3800000000001</v>
      </c>
    </row>
    <row r="1031" spans="1:25" x14ac:dyDescent="0.3">
      <c r="A1031">
        <v>27.566666663220772</v>
      </c>
      <c r="B1031">
        <v>1067.7339999999999</v>
      </c>
      <c r="C1031">
        <v>1114.3679999999999</v>
      </c>
      <c r="D1031">
        <v>1127.18</v>
      </c>
      <c r="E1031">
        <v>1139.4179999999999</v>
      </c>
      <c r="F1031">
        <v>1150.616</v>
      </c>
      <c r="G1031">
        <v>1156.617</v>
      </c>
      <c r="H1031">
        <v>1165.0160000000001</v>
      </c>
      <c r="I1031">
        <v>1177.6400000000001</v>
      </c>
      <c r="J1031">
        <v>1180.152</v>
      </c>
      <c r="K1031">
        <v>1183.2719999999999</v>
      </c>
      <c r="L1031">
        <v>1182.4380000000001</v>
      </c>
      <c r="M1031">
        <v>1153.415</v>
      </c>
      <c r="N1031">
        <v>1038.787</v>
      </c>
      <c r="O1031">
        <v>1087.933</v>
      </c>
      <c r="P1031">
        <v>0</v>
      </c>
      <c r="Q1031">
        <v>0</v>
      </c>
      <c r="R1031">
        <v>1133.1780000000001</v>
      </c>
      <c r="S1031">
        <v>0</v>
      </c>
      <c r="T1031">
        <v>1146.7629999999999</v>
      </c>
      <c r="U1031">
        <v>1167.6759999999999</v>
      </c>
      <c r="V1031">
        <v>1179.357</v>
      </c>
      <c r="W1031">
        <v>1198.922</v>
      </c>
      <c r="X1031">
        <v>1206.463</v>
      </c>
      <c r="Y1031">
        <v>1195.5889999999999</v>
      </c>
    </row>
    <row r="1032" spans="1:25" x14ac:dyDescent="0.3">
      <c r="A1032">
        <v>27.600000004346171</v>
      </c>
      <c r="B1032">
        <v>1068.2919999999999</v>
      </c>
      <c r="C1032">
        <v>1115.3499999999999</v>
      </c>
      <c r="D1032">
        <v>1125.546</v>
      </c>
      <c r="E1032">
        <v>1139.3979999999999</v>
      </c>
      <c r="F1032">
        <v>1154.277</v>
      </c>
      <c r="G1032">
        <v>1166.075</v>
      </c>
      <c r="H1032">
        <v>1175.77</v>
      </c>
      <c r="I1032">
        <v>1179.7049999999999</v>
      </c>
      <c r="J1032">
        <v>1178.4880000000001</v>
      </c>
      <c r="K1032">
        <v>1182.5730000000001</v>
      </c>
      <c r="L1032">
        <v>1185.1310000000001</v>
      </c>
      <c r="M1032">
        <v>1158.9169999999999</v>
      </c>
      <c r="N1032">
        <v>1048.9849999999999</v>
      </c>
      <c r="O1032">
        <v>1086.6590000000001</v>
      </c>
      <c r="P1032">
        <v>0</v>
      </c>
      <c r="Q1032">
        <v>0</v>
      </c>
      <c r="R1032">
        <v>1139.875</v>
      </c>
      <c r="S1032">
        <v>0</v>
      </c>
      <c r="T1032">
        <v>1154.047</v>
      </c>
      <c r="U1032">
        <v>1175.693</v>
      </c>
      <c r="V1032">
        <v>1190.2280000000001</v>
      </c>
      <c r="W1032">
        <v>1200.675</v>
      </c>
      <c r="X1032">
        <v>1199.856</v>
      </c>
      <c r="Y1032">
        <v>1190.9059999999999</v>
      </c>
    </row>
    <row r="1033" spans="1:25" x14ac:dyDescent="0.3">
      <c r="A1033">
        <v>27.616666664431492</v>
      </c>
      <c r="B1033">
        <v>1078.3399999999999</v>
      </c>
      <c r="C1033">
        <v>1124.104</v>
      </c>
      <c r="D1033">
        <v>1137.9860000000001</v>
      </c>
      <c r="E1033">
        <v>1146.2660000000001</v>
      </c>
      <c r="F1033">
        <v>1158.0350000000001</v>
      </c>
      <c r="G1033">
        <v>1161.8510000000001</v>
      </c>
      <c r="H1033">
        <v>1166.364</v>
      </c>
      <c r="I1033">
        <v>1168.7539999999999</v>
      </c>
      <c r="J1033">
        <v>1168.6769999999999</v>
      </c>
      <c r="K1033">
        <v>1173.9970000000001</v>
      </c>
      <c r="L1033">
        <v>1179.047</v>
      </c>
      <c r="M1033">
        <v>1157.096</v>
      </c>
      <c r="N1033">
        <v>1046.3050000000001</v>
      </c>
      <c r="O1033">
        <v>1087.277</v>
      </c>
      <c r="P1033">
        <v>0</v>
      </c>
      <c r="Q1033">
        <v>0</v>
      </c>
      <c r="R1033">
        <v>1140.5809999999999</v>
      </c>
      <c r="S1033">
        <v>0</v>
      </c>
      <c r="T1033">
        <v>1154.6990000000001</v>
      </c>
      <c r="U1033">
        <v>1176.425</v>
      </c>
      <c r="V1033">
        <v>1185.9839999999999</v>
      </c>
      <c r="W1033">
        <v>1196.836</v>
      </c>
      <c r="X1033">
        <v>1198.375</v>
      </c>
      <c r="Y1033">
        <v>1189.8789999999999</v>
      </c>
    </row>
    <row r="1034" spans="1:25" x14ac:dyDescent="0.3">
      <c r="A1034">
        <v>27.65000000555689</v>
      </c>
      <c r="B1034">
        <v>1074.4269999999999</v>
      </c>
      <c r="C1034">
        <v>1119.452</v>
      </c>
      <c r="D1034">
        <v>1132.876</v>
      </c>
      <c r="E1034">
        <v>1143.559</v>
      </c>
      <c r="F1034">
        <v>1155.5070000000001</v>
      </c>
      <c r="G1034">
        <v>1159.6869999999999</v>
      </c>
      <c r="H1034">
        <v>1162.9649999999999</v>
      </c>
      <c r="I1034">
        <v>1164.8630000000001</v>
      </c>
      <c r="J1034">
        <v>1165.577</v>
      </c>
      <c r="K1034">
        <v>1173.2670000000001</v>
      </c>
      <c r="L1034">
        <v>1179.6690000000001</v>
      </c>
      <c r="M1034">
        <v>1154.701</v>
      </c>
      <c r="N1034">
        <v>1041.704</v>
      </c>
      <c r="O1034">
        <v>1087.4290000000001</v>
      </c>
      <c r="P1034">
        <v>0</v>
      </c>
      <c r="Q1034">
        <v>0</v>
      </c>
      <c r="R1034">
        <v>1137.2449999999999</v>
      </c>
      <c r="S1034">
        <v>0</v>
      </c>
      <c r="T1034">
        <v>1149.1679999999999</v>
      </c>
      <c r="U1034">
        <v>1166.9059999999999</v>
      </c>
      <c r="V1034">
        <v>1179.3399999999999</v>
      </c>
      <c r="W1034">
        <v>1196.2539999999999</v>
      </c>
      <c r="X1034">
        <v>1193.954</v>
      </c>
      <c r="Y1034">
        <v>1186.1410000000001</v>
      </c>
    </row>
    <row r="1035" spans="1:25" x14ac:dyDescent="0.3">
      <c r="A1035">
        <v>27.666666665642211</v>
      </c>
      <c r="B1035">
        <v>1058.192</v>
      </c>
      <c r="C1035">
        <v>1109.758</v>
      </c>
      <c r="D1035">
        <v>1121.3389999999999</v>
      </c>
      <c r="E1035">
        <v>1138.1210000000001</v>
      </c>
      <c r="F1035">
        <v>1152.2260000000001</v>
      </c>
      <c r="G1035">
        <v>1158.8800000000001</v>
      </c>
      <c r="H1035">
        <v>1164.5930000000001</v>
      </c>
      <c r="I1035">
        <v>1171.434</v>
      </c>
      <c r="J1035">
        <v>1170.413</v>
      </c>
      <c r="K1035">
        <v>1176.2529999999999</v>
      </c>
      <c r="L1035">
        <v>1181.4110000000001</v>
      </c>
      <c r="M1035">
        <v>1157.384</v>
      </c>
      <c r="N1035">
        <v>1048.2470000000001</v>
      </c>
      <c r="O1035">
        <v>1090.5730000000001</v>
      </c>
      <c r="P1035">
        <v>0</v>
      </c>
      <c r="Q1035">
        <v>0</v>
      </c>
      <c r="R1035">
        <v>1136.7850000000001</v>
      </c>
      <c r="S1035">
        <v>0</v>
      </c>
      <c r="T1035">
        <v>1147.5830000000001</v>
      </c>
      <c r="U1035">
        <v>1163.462</v>
      </c>
      <c r="V1035">
        <v>1179.28</v>
      </c>
      <c r="W1035">
        <v>1197.3820000000001</v>
      </c>
      <c r="X1035">
        <v>1196.914</v>
      </c>
      <c r="Y1035">
        <v>1186.682</v>
      </c>
    </row>
    <row r="1036" spans="1:25" x14ac:dyDescent="0.3">
      <c r="A1036">
        <v>27.70000000676761</v>
      </c>
      <c r="B1036">
        <v>1062.22</v>
      </c>
      <c r="C1036">
        <v>1108.587</v>
      </c>
      <c r="D1036">
        <v>1115.1990000000001</v>
      </c>
      <c r="E1036">
        <v>1132.229</v>
      </c>
      <c r="F1036">
        <v>1147.7550000000001</v>
      </c>
      <c r="G1036">
        <v>1161.5060000000001</v>
      </c>
      <c r="H1036">
        <v>1166.963</v>
      </c>
      <c r="I1036">
        <v>1173.1110000000001</v>
      </c>
      <c r="J1036">
        <v>1173.8240000000001</v>
      </c>
      <c r="K1036">
        <v>1178.585</v>
      </c>
      <c r="L1036">
        <v>1183.4649999999999</v>
      </c>
      <c r="M1036">
        <v>1160.874</v>
      </c>
      <c r="N1036">
        <v>1049.7619999999999</v>
      </c>
      <c r="O1036">
        <v>1083.982</v>
      </c>
      <c r="P1036">
        <v>0</v>
      </c>
      <c r="Q1036">
        <v>0</v>
      </c>
      <c r="R1036">
        <v>1138.807</v>
      </c>
      <c r="S1036">
        <v>0</v>
      </c>
      <c r="T1036">
        <v>1152.4369999999999</v>
      </c>
      <c r="U1036">
        <v>1173.3810000000001</v>
      </c>
      <c r="V1036">
        <v>1184.7439999999999</v>
      </c>
      <c r="W1036">
        <v>1197.538</v>
      </c>
      <c r="X1036">
        <v>1196.135</v>
      </c>
      <c r="Y1036">
        <v>1188.31</v>
      </c>
    </row>
    <row r="1037" spans="1:25" x14ac:dyDescent="0.3">
      <c r="A1037">
        <v>27.73333333741563</v>
      </c>
      <c r="B1037">
        <v>1063.3330000000001</v>
      </c>
      <c r="C1037">
        <v>1106.124</v>
      </c>
      <c r="D1037">
        <v>1111.0050000000001</v>
      </c>
      <c r="E1037">
        <v>1130.1220000000001</v>
      </c>
      <c r="F1037">
        <v>1145.904</v>
      </c>
      <c r="G1037">
        <v>1160.068</v>
      </c>
      <c r="H1037">
        <v>1167.348</v>
      </c>
      <c r="I1037">
        <v>1176.4259999999999</v>
      </c>
      <c r="J1037">
        <v>1177.4480000000001</v>
      </c>
      <c r="K1037">
        <v>1179.9390000000001</v>
      </c>
      <c r="L1037">
        <v>1180.694</v>
      </c>
      <c r="M1037">
        <v>1157.71</v>
      </c>
      <c r="N1037">
        <v>1059.9179999999999</v>
      </c>
      <c r="O1037">
        <v>1083.1959999999999</v>
      </c>
      <c r="P1037">
        <v>0</v>
      </c>
      <c r="Q1037">
        <v>0</v>
      </c>
      <c r="R1037">
        <v>1138.807</v>
      </c>
      <c r="S1037">
        <v>0</v>
      </c>
      <c r="T1037">
        <v>1151.7660000000001</v>
      </c>
      <c r="U1037">
        <v>1170.779</v>
      </c>
      <c r="V1037">
        <v>1179.9580000000001</v>
      </c>
      <c r="W1037">
        <v>1195.7650000000001</v>
      </c>
      <c r="X1037">
        <v>1196.973</v>
      </c>
      <c r="Y1037">
        <v>1188.3489999999999</v>
      </c>
    </row>
    <row r="1038" spans="1:25" x14ac:dyDescent="0.3">
      <c r="A1038">
        <v>27.74999999750095</v>
      </c>
      <c r="B1038">
        <v>1060.1769999999999</v>
      </c>
      <c r="C1038">
        <v>1104.0920000000001</v>
      </c>
      <c r="D1038">
        <v>1113.29</v>
      </c>
      <c r="E1038">
        <v>1135.721</v>
      </c>
      <c r="F1038">
        <v>1157.057</v>
      </c>
      <c r="G1038">
        <v>1162.5219999999999</v>
      </c>
      <c r="H1038">
        <v>1170.335</v>
      </c>
      <c r="I1038">
        <v>1181.915</v>
      </c>
      <c r="J1038">
        <v>1182.1469999999999</v>
      </c>
      <c r="K1038">
        <v>1183.097</v>
      </c>
      <c r="L1038">
        <v>1185.538</v>
      </c>
      <c r="M1038">
        <v>1166.056</v>
      </c>
      <c r="N1038">
        <v>1065.7080000000001</v>
      </c>
      <c r="O1038">
        <v>1086.7529999999999</v>
      </c>
      <c r="P1038">
        <v>0</v>
      </c>
      <c r="Q1038">
        <v>0</v>
      </c>
      <c r="R1038">
        <v>1137.8910000000001</v>
      </c>
      <c r="S1038">
        <v>0</v>
      </c>
      <c r="T1038">
        <v>1159.1859999999999</v>
      </c>
      <c r="U1038">
        <v>1180.1320000000001</v>
      </c>
      <c r="V1038">
        <v>1187.1079999999999</v>
      </c>
      <c r="W1038">
        <v>1200.0509999999999</v>
      </c>
      <c r="X1038">
        <v>1197.81</v>
      </c>
      <c r="Y1038">
        <v>1193.251</v>
      </c>
    </row>
    <row r="1039" spans="1:25" x14ac:dyDescent="0.3">
      <c r="A1039">
        <v>27.783333338626349</v>
      </c>
      <c r="B1039">
        <v>1072.47</v>
      </c>
      <c r="C1039">
        <v>1112.6500000000001</v>
      </c>
      <c r="D1039">
        <v>1128.8520000000001</v>
      </c>
      <c r="E1039">
        <v>1142.9870000000001</v>
      </c>
      <c r="F1039">
        <v>1162.7929999999999</v>
      </c>
      <c r="G1039">
        <v>1167.7929999999999</v>
      </c>
      <c r="H1039">
        <v>1175.6949999999999</v>
      </c>
      <c r="I1039">
        <v>1179.94</v>
      </c>
      <c r="J1039">
        <v>1180.6959999999999</v>
      </c>
      <c r="K1039">
        <v>1180.347</v>
      </c>
      <c r="L1039">
        <v>1181.723</v>
      </c>
      <c r="M1039">
        <v>1161.6610000000001</v>
      </c>
      <c r="N1039">
        <v>1056.337</v>
      </c>
      <c r="O1039">
        <v>1080.374</v>
      </c>
      <c r="P1039">
        <v>0</v>
      </c>
      <c r="Q1039">
        <v>0</v>
      </c>
      <c r="R1039">
        <v>1138.3889999999999</v>
      </c>
      <c r="S1039">
        <v>0</v>
      </c>
      <c r="T1039">
        <v>1157.424</v>
      </c>
      <c r="U1039">
        <v>1179.6300000000001</v>
      </c>
      <c r="V1039">
        <v>1189.7650000000001</v>
      </c>
      <c r="W1039">
        <v>1196.76</v>
      </c>
      <c r="X1039">
        <v>1194.7729999999999</v>
      </c>
      <c r="Y1039">
        <v>1190.463</v>
      </c>
    </row>
    <row r="1040" spans="1:25" x14ac:dyDescent="0.3">
      <c r="A1040">
        <v>27.816666669274369</v>
      </c>
      <c r="B1040">
        <v>1075.8630000000001</v>
      </c>
      <c r="C1040">
        <v>1115.616</v>
      </c>
      <c r="D1040">
        <v>1126.896</v>
      </c>
      <c r="E1040">
        <v>1141.556</v>
      </c>
      <c r="F1040">
        <v>1158.038</v>
      </c>
      <c r="G1040">
        <v>1166.309</v>
      </c>
      <c r="H1040">
        <v>1173.0360000000001</v>
      </c>
      <c r="I1040">
        <v>1176.3510000000001</v>
      </c>
      <c r="J1040">
        <v>1175.5409999999999</v>
      </c>
      <c r="K1040">
        <v>1179.068</v>
      </c>
      <c r="L1040">
        <v>1182.3430000000001</v>
      </c>
      <c r="M1040">
        <v>1161.086</v>
      </c>
      <c r="N1040">
        <v>1047.1020000000001</v>
      </c>
      <c r="O1040">
        <v>1078.566</v>
      </c>
      <c r="P1040">
        <v>0</v>
      </c>
      <c r="Q1040">
        <v>0</v>
      </c>
      <c r="R1040">
        <v>1135.932</v>
      </c>
      <c r="S1040">
        <v>0</v>
      </c>
      <c r="T1040">
        <v>1154.222</v>
      </c>
      <c r="U1040">
        <v>1179.223</v>
      </c>
      <c r="V1040">
        <v>1193.4280000000001</v>
      </c>
      <c r="W1040">
        <v>1198.865</v>
      </c>
      <c r="X1040">
        <v>1196.643</v>
      </c>
      <c r="Y1040">
        <v>1189.203</v>
      </c>
    </row>
    <row r="1041" spans="1:25" x14ac:dyDescent="0.3">
      <c r="A1041">
        <v>27.833333339837068</v>
      </c>
      <c r="B1041">
        <v>1069.933</v>
      </c>
      <c r="C1041">
        <v>1108.8130000000001</v>
      </c>
      <c r="D1041">
        <v>1120.6210000000001</v>
      </c>
      <c r="E1041">
        <v>1140.5239999999999</v>
      </c>
      <c r="F1041">
        <v>1154.009</v>
      </c>
      <c r="G1041">
        <v>1159.2629999999999</v>
      </c>
      <c r="H1041">
        <v>1166.461</v>
      </c>
      <c r="I1041">
        <v>1171.261</v>
      </c>
      <c r="J1041">
        <v>1170.181</v>
      </c>
      <c r="K1041">
        <v>1178.45</v>
      </c>
      <c r="L1041">
        <v>1183.5619999999999</v>
      </c>
      <c r="M1041">
        <v>1157.461</v>
      </c>
      <c r="N1041">
        <v>1046.6010000000001</v>
      </c>
      <c r="O1041">
        <v>1076.029</v>
      </c>
      <c r="P1041">
        <v>0</v>
      </c>
      <c r="Q1041">
        <v>0</v>
      </c>
      <c r="R1041">
        <v>1132.096</v>
      </c>
      <c r="S1041">
        <v>0</v>
      </c>
      <c r="T1041">
        <v>1147.9839999999999</v>
      </c>
      <c r="U1041">
        <v>1167.7719999999999</v>
      </c>
      <c r="V1041">
        <v>1183.6199999999999</v>
      </c>
      <c r="W1041">
        <v>1193.6410000000001</v>
      </c>
      <c r="X1041">
        <v>1196.778</v>
      </c>
      <c r="Y1041">
        <v>1189.085</v>
      </c>
    </row>
    <row r="1042" spans="1:25" x14ac:dyDescent="0.3">
      <c r="A1042">
        <v>27.866666670485088</v>
      </c>
      <c r="B1042">
        <v>1071.9490000000001</v>
      </c>
      <c r="C1042">
        <v>1104.152</v>
      </c>
      <c r="D1042">
        <v>1111.952</v>
      </c>
      <c r="E1042">
        <v>1132.914</v>
      </c>
      <c r="F1042">
        <v>1147.8140000000001</v>
      </c>
      <c r="G1042">
        <v>1152.9000000000001</v>
      </c>
      <c r="H1042">
        <v>1163.5029999999999</v>
      </c>
      <c r="I1042">
        <v>1166.9069999999999</v>
      </c>
      <c r="J1042">
        <v>1171.3009999999999</v>
      </c>
      <c r="K1042">
        <v>1176.2739999999999</v>
      </c>
      <c r="L1042">
        <v>1182.2470000000001</v>
      </c>
      <c r="M1042">
        <v>1154.549</v>
      </c>
      <c r="N1042">
        <v>1042.3150000000001</v>
      </c>
      <c r="O1042">
        <v>1072.9179999999999</v>
      </c>
      <c r="P1042">
        <v>0</v>
      </c>
      <c r="Q1042">
        <v>0</v>
      </c>
      <c r="R1042">
        <v>1129.1369999999999</v>
      </c>
      <c r="S1042">
        <v>0</v>
      </c>
      <c r="T1042">
        <v>1147.375</v>
      </c>
      <c r="U1042">
        <v>1164.576</v>
      </c>
      <c r="V1042">
        <v>1172.2460000000001</v>
      </c>
      <c r="W1042">
        <v>1186.665</v>
      </c>
      <c r="X1042">
        <v>1195.7090000000001</v>
      </c>
      <c r="Y1042">
        <v>1189.107</v>
      </c>
    </row>
    <row r="1043" spans="1:25" x14ac:dyDescent="0.3">
      <c r="A1043">
        <v>27.883333330570409</v>
      </c>
      <c r="B1043">
        <v>1061.386</v>
      </c>
      <c r="C1043">
        <v>1104.1890000000001</v>
      </c>
      <c r="D1043">
        <v>1115.636</v>
      </c>
      <c r="E1043">
        <v>1133.2180000000001</v>
      </c>
      <c r="F1043">
        <v>1148.1189999999999</v>
      </c>
      <c r="G1043">
        <v>1156.3320000000001</v>
      </c>
      <c r="H1043">
        <v>1170.665</v>
      </c>
      <c r="I1043">
        <v>1173.865</v>
      </c>
      <c r="J1043">
        <v>1174.674</v>
      </c>
      <c r="K1043">
        <v>1177.758</v>
      </c>
      <c r="L1043">
        <v>1185.212</v>
      </c>
      <c r="M1043">
        <v>1159.3610000000001</v>
      </c>
      <c r="N1043">
        <v>1046.7329999999999</v>
      </c>
      <c r="O1043">
        <v>1074.4469999999999</v>
      </c>
      <c r="P1043">
        <v>0</v>
      </c>
      <c r="Q1043">
        <v>0</v>
      </c>
      <c r="R1043">
        <v>1130.3710000000001</v>
      </c>
      <c r="S1043">
        <v>0</v>
      </c>
      <c r="T1043">
        <v>1150.1610000000001</v>
      </c>
      <c r="U1043">
        <v>1169.798</v>
      </c>
      <c r="V1043">
        <v>1179.4179999999999</v>
      </c>
      <c r="W1043">
        <v>1192.866</v>
      </c>
      <c r="X1043">
        <v>1200.7170000000001</v>
      </c>
      <c r="Y1043">
        <v>1192.576</v>
      </c>
    </row>
    <row r="1044" spans="1:25" x14ac:dyDescent="0.3">
      <c r="A1044">
        <v>27.916666671695808</v>
      </c>
      <c r="B1044">
        <v>1054.703</v>
      </c>
      <c r="C1044">
        <v>1105.278</v>
      </c>
      <c r="D1044">
        <v>1121.396</v>
      </c>
      <c r="E1044">
        <v>1136.8230000000001</v>
      </c>
      <c r="F1044">
        <v>1148.6320000000001</v>
      </c>
      <c r="G1044">
        <v>1157.998</v>
      </c>
      <c r="H1044">
        <v>1168.08</v>
      </c>
      <c r="I1044">
        <v>1175.636</v>
      </c>
      <c r="J1044">
        <v>1173.4000000000001</v>
      </c>
      <c r="K1044">
        <v>1174.075</v>
      </c>
      <c r="L1044">
        <v>1180.7329999999999</v>
      </c>
      <c r="M1044">
        <v>1157.748</v>
      </c>
      <c r="N1044">
        <v>1048.0060000000001</v>
      </c>
      <c r="O1044">
        <v>1074.575</v>
      </c>
      <c r="P1044">
        <v>0</v>
      </c>
      <c r="Q1044">
        <v>0</v>
      </c>
      <c r="R1044">
        <v>1130.634</v>
      </c>
      <c r="S1044">
        <v>0</v>
      </c>
      <c r="T1044">
        <v>1150.0250000000001</v>
      </c>
      <c r="U1044">
        <v>1170.066</v>
      </c>
      <c r="V1044">
        <v>1186.0229999999999</v>
      </c>
      <c r="W1044">
        <v>1196.953</v>
      </c>
      <c r="X1044">
        <v>1193.213</v>
      </c>
      <c r="Y1044">
        <v>1187.6120000000001</v>
      </c>
    </row>
    <row r="1045" spans="1:25" x14ac:dyDescent="0.3">
      <c r="A1045">
        <v>27.950000002343828</v>
      </c>
      <c r="B1045">
        <v>1064.2270000000001</v>
      </c>
      <c r="C1045">
        <v>1119.8489999999999</v>
      </c>
      <c r="D1045">
        <v>1139.001</v>
      </c>
      <c r="E1045">
        <v>1147.0129999999999</v>
      </c>
      <c r="F1045">
        <v>1157.3679999999999</v>
      </c>
      <c r="G1045">
        <v>1161.624</v>
      </c>
      <c r="H1045">
        <v>1175.8889999999999</v>
      </c>
      <c r="I1045">
        <v>1179.7280000000001</v>
      </c>
      <c r="J1045">
        <v>1176.1010000000001</v>
      </c>
      <c r="K1045">
        <v>1176.1400000000001</v>
      </c>
      <c r="L1045">
        <v>1180.8330000000001</v>
      </c>
      <c r="M1045">
        <v>1161.068</v>
      </c>
      <c r="N1045">
        <v>1047.9169999999999</v>
      </c>
      <c r="O1045">
        <v>1078.79</v>
      </c>
      <c r="P1045">
        <v>0</v>
      </c>
      <c r="Q1045">
        <v>0</v>
      </c>
      <c r="R1045">
        <v>1130.713</v>
      </c>
      <c r="S1045">
        <v>0</v>
      </c>
      <c r="T1045">
        <v>1150.1420000000001</v>
      </c>
      <c r="U1045">
        <v>1167.4090000000001</v>
      </c>
      <c r="V1045">
        <v>1180.3679999999999</v>
      </c>
      <c r="W1045">
        <v>1195.924</v>
      </c>
      <c r="X1045">
        <v>1201.711</v>
      </c>
      <c r="Y1045">
        <v>1188.1389999999999</v>
      </c>
    </row>
    <row r="1046" spans="1:25" x14ac:dyDescent="0.3">
      <c r="A1046">
        <v>27.966666672906527</v>
      </c>
      <c r="B1046">
        <v>1068.5740000000001</v>
      </c>
      <c r="C1046">
        <v>1124.125</v>
      </c>
      <c r="D1046">
        <v>1150.2940000000001</v>
      </c>
      <c r="E1046">
        <v>1160.1849999999999</v>
      </c>
      <c r="F1046">
        <v>1165.634</v>
      </c>
      <c r="G1046">
        <v>1165.345</v>
      </c>
      <c r="H1046">
        <v>1173.248</v>
      </c>
      <c r="I1046">
        <v>1179.146</v>
      </c>
      <c r="J1046">
        <v>1176.8130000000001</v>
      </c>
      <c r="K1046">
        <v>1178.394</v>
      </c>
      <c r="L1046">
        <v>1182.0719999999999</v>
      </c>
      <c r="M1046">
        <v>1157.731</v>
      </c>
      <c r="N1046">
        <v>1051.298</v>
      </c>
      <c r="O1046">
        <v>1079.5350000000001</v>
      </c>
      <c r="P1046">
        <v>0</v>
      </c>
      <c r="Q1046">
        <v>0</v>
      </c>
      <c r="R1046">
        <v>1131.68</v>
      </c>
      <c r="S1046">
        <v>0</v>
      </c>
      <c r="T1046">
        <v>1151.25</v>
      </c>
      <c r="U1046">
        <v>1172.0909999999999</v>
      </c>
      <c r="V1046">
        <v>1180.095</v>
      </c>
      <c r="W1046">
        <v>1195.883</v>
      </c>
      <c r="X1046">
        <v>1200.229</v>
      </c>
      <c r="Y1046">
        <v>1189.223</v>
      </c>
    </row>
    <row r="1047" spans="1:25" x14ac:dyDescent="0.3">
      <c r="A1047">
        <v>28.000000003554547</v>
      </c>
      <c r="B1047">
        <v>1070.5509999999999</v>
      </c>
      <c r="C1047">
        <v>1116.222</v>
      </c>
      <c r="D1047">
        <v>1137.6469999999999</v>
      </c>
      <c r="E1047">
        <v>1152.114</v>
      </c>
      <c r="F1047">
        <v>1160.972</v>
      </c>
      <c r="G1047">
        <v>1162.6790000000001</v>
      </c>
      <c r="H1047">
        <v>1168.0250000000001</v>
      </c>
      <c r="I1047">
        <v>1176.6600000000001</v>
      </c>
      <c r="J1047">
        <v>1177.1610000000001</v>
      </c>
      <c r="K1047">
        <v>1178.9349999999999</v>
      </c>
      <c r="L1047">
        <v>1179.7090000000001</v>
      </c>
      <c r="M1047">
        <v>1154.1849999999999</v>
      </c>
      <c r="N1047">
        <v>1049.7650000000001</v>
      </c>
      <c r="O1047">
        <v>1083.2180000000001</v>
      </c>
      <c r="P1047">
        <v>0</v>
      </c>
      <c r="Q1047">
        <v>0</v>
      </c>
      <c r="R1047">
        <v>1133.3710000000001</v>
      </c>
      <c r="S1047">
        <v>0</v>
      </c>
      <c r="T1047">
        <v>1152.3440000000001</v>
      </c>
      <c r="U1047">
        <v>1169.105</v>
      </c>
      <c r="V1047">
        <v>1180.7550000000001</v>
      </c>
      <c r="W1047">
        <v>1194.9690000000001</v>
      </c>
      <c r="X1047">
        <v>1196.664</v>
      </c>
      <c r="Y1047">
        <v>1188.08</v>
      </c>
    </row>
    <row r="1048" spans="1:25" x14ac:dyDescent="0.3">
      <c r="A1048">
        <v>28.016666663639867</v>
      </c>
      <c r="B1048">
        <v>1061.2190000000001</v>
      </c>
      <c r="C1048">
        <v>1106.239</v>
      </c>
      <c r="D1048">
        <v>1123.309</v>
      </c>
      <c r="E1048">
        <v>1144.6469999999999</v>
      </c>
      <c r="F1048">
        <v>1152.19</v>
      </c>
      <c r="G1048">
        <v>1157.942</v>
      </c>
      <c r="H1048">
        <v>1164.538</v>
      </c>
      <c r="I1048">
        <v>1169.625</v>
      </c>
      <c r="J1048">
        <v>1177.97</v>
      </c>
      <c r="K1048">
        <v>1182.0530000000001</v>
      </c>
      <c r="L1048">
        <v>1183.797</v>
      </c>
      <c r="M1048">
        <v>1157.0409999999999</v>
      </c>
      <c r="N1048">
        <v>1049.635</v>
      </c>
      <c r="O1048">
        <v>1083.18</v>
      </c>
      <c r="P1048">
        <v>0</v>
      </c>
      <c r="Q1048">
        <v>0</v>
      </c>
      <c r="R1048">
        <v>1133.598</v>
      </c>
      <c r="S1048">
        <v>0</v>
      </c>
      <c r="T1048">
        <v>1151.615</v>
      </c>
      <c r="U1048">
        <v>1170.415</v>
      </c>
      <c r="V1048">
        <v>1184.4169999999999</v>
      </c>
      <c r="W1048">
        <v>1194.1500000000001</v>
      </c>
      <c r="X1048">
        <v>1200.8340000000001</v>
      </c>
      <c r="Y1048">
        <v>1192.0329999999999</v>
      </c>
    </row>
    <row r="1049" spans="1:25" x14ac:dyDescent="0.3">
      <c r="A1049">
        <v>28.050000004765266</v>
      </c>
      <c r="B1049">
        <v>1050.67</v>
      </c>
      <c r="C1049">
        <v>1101.03</v>
      </c>
      <c r="D1049">
        <v>1116.316</v>
      </c>
      <c r="E1049">
        <v>1145.5440000000001</v>
      </c>
      <c r="F1049">
        <v>1148.52</v>
      </c>
      <c r="G1049">
        <v>1154.069</v>
      </c>
      <c r="H1049">
        <v>1168.2180000000001</v>
      </c>
      <c r="I1049">
        <v>1170.9549999999999</v>
      </c>
      <c r="J1049">
        <v>1178.414</v>
      </c>
      <c r="K1049">
        <v>1182.731</v>
      </c>
      <c r="L1049">
        <v>1187.498</v>
      </c>
      <c r="M1049">
        <v>1160.1279999999999</v>
      </c>
      <c r="N1049">
        <v>1044.4780000000001</v>
      </c>
      <c r="O1049">
        <v>1083.816</v>
      </c>
      <c r="P1049">
        <v>0</v>
      </c>
      <c r="Q1049">
        <v>0</v>
      </c>
      <c r="R1049">
        <v>1130.4659999999999</v>
      </c>
      <c r="S1049">
        <v>0</v>
      </c>
      <c r="T1049">
        <v>1149.4169999999999</v>
      </c>
      <c r="U1049">
        <v>1170.9739999999999</v>
      </c>
      <c r="V1049">
        <v>1185.9290000000001</v>
      </c>
      <c r="W1049">
        <v>1194.9490000000001</v>
      </c>
      <c r="X1049">
        <v>1201.749</v>
      </c>
      <c r="Y1049">
        <v>1190.6179999999999</v>
      </c>
    </row>
    <row r="1050" spans="1:25" x14ac:dyDescent="0.3">
      <c r="A1050">
        <v>28.083333335413286</v>
      </c>
      <c r="B1050">
        <v>1054.3530000000001</v>
      </c>
      <c r="C1050">
        <v>1097.1759999999999</v>
      </c>
      <c r="D1050">
        <v>1109.6289999999999</v>
      </c>
      <c r="E1050">
        <v>1141.653</v>
      </c>
      <c r="F1050">
        <v>1146.9000000000001</v>
      </c>
      <c r="G1050">
        <v>1152.9390000000001</v>
      </c>
      <c r="H1050">
        <v>1165.27</v>
      </c>
      <c r="I1050">
        <v>1173.77</v>
      </c>
      <c r="J1050">
        <v>1177.258</v>
      </c>
      <c r="K1050">
        <v>1182.1120000000001</v>
      </c>
      <c r="L1050">
        <v>1186.008</v>
      </c>
      <c r="M1050">
        <v>1158.269</v>
      </c>
      <c r="N1050">
        <v>1040.9290000000001</v>
      </c>
      <c r="O1050">
        <v>1078.1010000000001</v>
      </c>
      <c r="P1050">
        <v>0</v>
      </c>
      <c r="Q1050">
        <v>0</v>
      </c>
      <c r="R1050">
        <v>1127.126</v>
      </c>
      <c r="S1050">
        <v>0</v>
      </c>
      <c r="T1050">
        <v>1143.18</v>
      </c>
      <c r="U1050">
        <v>1167.0619999999999</v>
      </c>
      <c r="V1050">
        <v>1183.798</v>
      </c>
      <c r="W1050">
        <v>1190.5809999999999</v>
      </c>
      <c r="X1050">
        <v>1198.886</v>
      </c>
      <c r="Y1050">
        <v>1190.4059999999999</v>
      </c>
    </row>
    <row r="1051" spans="1:25" x14ac:dyDescent="0.3">
      <c r="A1051">
        <v>28.100000005975986</v>
      </c>
      <c r="B1051">
        <v>1060.328</v>
      </c>
      <c r="C1051">
        <v>1098.999</v>
      </c>
      <c r="D1051">
        <v>1109.42</v>
      </c>
      <c r="E1051">
        <v>1135.6279999999999</v>
      </c>
      <c r="F1051">
        <v>1151.25</v>
      </c>
      <c r="G1051">
        <v>1162.8879999999999</v>
      </c>
      <c r="H1051">
        <v>1169.855</v>
      </c>
      <c r="I1051">
        <v>1174.693</v>
      </c>
      <c r="J1051">
        <v>1176.0039999999999</v>
      </c>
      <c r="K1051">
        <v>1179.088</v>
      </c>
      <c r="L1051">
        <v>1177.912</v>
      </c>
      <c r="M1051">
        <v>1155.3150000000001</v>
      </c>
      <c r="N1051">
        <v>1035.8240000000001</v>
      </c>
      <c r="O1051">
        <v>1076.049</v>
      </c>
      <c r="P1051">
        <v>0</v>
      </c>
      <c r="Q1051">
        <v>0</v>
      </c>
      <c r="R1051">
        <v>1123.0809999999999</v>
      </c>
      <c r="S1051">
        <v>0</v>
      </c>
      <c r="T1051">
        <v>1140.335</v>
      </c>
      <c r="U1051">
        <v>1164.135</v>
      </c>
      <c r="V1051">
        <v>1182.0719999999999</v>
      </c>
      <c r="W1051">
        <v>1192.2260000000001</v>
      </c>
      <c r="X1051">
        <v>1200.6379999999999</v>
      </c>
      <c r="Y1051">
        <v>1192.0129999999999</v>
      </c>
    </row>
    <row r="1052" spans="1:25" x14ac:dyDescent="0.3">
      <c r="A1052">
        <v>28.133333336624005</v>
      </c>
      <c r="B1052">
        <v>1066.3610000000001</v>
      </c>
      <c r="C1052">
        <v>1101.896</v>
      </c>
      <c r="D1052">
        <v>1114.9369999999999</v>
      </c>
      <c r="E1052">
        <v>1135.5160000000001</v>
      </c>
      <c r="F1052">
        <v>1151.155</v>
      </c>
      <c r="G1052">
        <v>1162.9860000000001</v>
      </c>
      <c r="H1052">
        <v>1171.0899999999999</v>
      </c>
      <c r="I1052">
        <v>1172.8050000000001</v>
      </c>
      <c r="J1052">
        <v>1171.9380000000001</v>
      </c>
      <c r="K1052">
        <v>1176.0050000000001</v>
      </c>
      <c r="L1052">
        <v>1176.3330000000001</v>
      </c>
      <c r="M1052">
        <v>1153.4559999999999</v>
      </c>
      <c r="N1052">
        <v>1038.992</v>
      </c>
      <c r="O1052">
        <v>1074.8009999999999</v>
      </c>
      <c r="P1052">
        <v>0</v>
      </c>
      <c r="Q1052">
        <v>0</v>
      </c>
      <c r="R1052">
        <v>1127.201</v>
      </c>
      <c r="S1052">
        <v>0</v>
      </c>
      <c r="T1052">
        <v>1147.1469999999999</v>
      </c>
      <c r="U1052">
        <v>1169.355</v>
      </c>
      <c r="V1052">
        <v>1178.433</v>
      </c>
      <c r="W1052">
        <v>1190.6379999999999</v>
      </c>
      <c r="X1052">
        <v>1205.492</v>
      </c>
      <c r="Y1052">
        <v>1193.644</v>
      </c>
    </row>
    <row r="1053" spans="1:25" x14ac:dyDescent="0.3">
      <c r="A1053">
        <v>28.149999996709326</v>
      </c>
      <c r="B1053">
        <v>1062.7429999999999</v>
      </c>
      <c r="C1053">
        <v>1099.5830000000001</v>
      </c>
      <c r="D1053">
        <v>1113.049</v>
      </c>
      <c r="E1053">
        <v>1130.4480000000001</v>
      </c>
      <c r="F1053">
        <v>1146.213</v>
      </c>
      <c r="G1053">
        <v>1159.42</v>
      </c>
      <c r="H1053">
        <v>1170.8019999999999</v>
      </c>
      <c r="I1053">
        <v>1173.962</v>
      </c>
      <c r="J1053">
        <v>1171.6110000000001</v>
      </c>
      <c r="K1053">
        <v>1174.579</v>
      </c>
      <c r="L1053">
        <v>1176.5640000000001</v>
      </c>
      <c r="M1053">
        <v>1151.386</v>
      </c>
      <c r="N1053">
        <v>1042.4639999999999</v>
      </c>
      <c r="O1053">
        <v>1080.319</v>
      </c>
      <c r="P1053">
        <v>0</v>
      </c>
      <c r="Q1053">
        <v>0</v>
      </c>
      <c r="R1053">
        <v>1127.43</v>
      </c>
      <c r="S1053">
        <v>0</v>
      </c>
      <c r="T1053">
        <v>1147.739</v>
      </c>
      <c r="U1053">
        <v>1167.9680000000001</v>
      </c>
      <c r="V1053">
        <v>1179.942</v>
      </c>
      <c r="W1053">
        <v>1192.9059999999999</v>
      </c>
      <c r="X1053">
        <v>1201.3800000000001</v>
      </c>
      <c r="Y1053">
        <v>1194.8720000000001</v>
      </c>
    </row>
    <row r="1054" spans="1:25" x14ac:dyDescent="0.3">
      <c r="A1054">
        <v>28.183333337834725</v>
      </c>
      <c r="B1054">
        <v>1053.203</v>
      </c>
      <c r="C1054">
        <v>1095.896</v>
      </c>
      <c r="D1054">
        <v>1112.6130000000001</v>
      </c>
      <c r="E1054">
        <v>1131.7380000000001</v>
      </c>
      <c r="F1054">
        <v>1146.6310000000001</v>
      </c>
      <c r="G1054">
        <v>1153.8389999999999</v>
      </c>
      <c r="H1054">
        <v>1166.6759999999999</v>
      </c>
      <c r="I1054">
        <v>1173.19</v>
      </c>
      <c r="J1054">
        <v>1169.413</v>
      </c>
      <c r="K1054">
        <v>1173.479</v>
      </c>
      <c r="L1054">
        <v>1174.327</v>
      </c>
      <c r="M1054">
        <v>1148.463</v>
      </c>
      <c r="N1054">
        <v>1037.9970000000001</v>
      </c>
      <c r="O1054">
        <v>1077.1869999999999</v>
      </c>
      <c r="P1054">
        <v>0</v>
      </c>
      <c r="Q1054">
        <v>0</v>
      </c>
      <c r="R1054">
        <v>1125.0940000000001</v>
      </c>
      <c r="S1054">
        <v>0</v>
      </c>
      <c r="T1054">
        <v>1144.17</v>
      </c>
      <c r="U1054">
        <v>1162.1990000000001</v>
      </c>
      <c r="V1054">
        <v>1175.1559999999999</v>
      </c>
      <c r="W1054">
        <v>1190.153</v>
      </c>
      <c r="X1054">
        <v>1200.249</v>
      </c>
      <c r="Y1054">
        <v>1189.049</v>
      </c>
    </row>
    <row r="1055" spans="1:25" x14ac:dyDescent="0.3">
      <c r="A1055">
        <v>28.216666668482745</v>
      </c>
      <c r="B1055">
        <v>1050.191</v>
      </c>
      <c r="C1055">
        <v>1095.7280000000001</v>
      </c>
      <c r="D1055">
        <v>1113.2380000000001</v>
      </c>
      <c r="E1055">
        <v>1134.0550000000001</v>
      </c>
      <c r="F1055">
        <v>1149.933</v>
      </c>
      <c r="G1055">
        <v>1155.01</v>
      </c>
      <c r="H1055">
        <v>1164.673</v>
      </c>
      <c r="I1055">
        <v>1171.8620000000001</v>
      </c>
      <c r="J1055">
        <v>1170.7439999999999</v>
      </c>
      <c r="K1055">
        <v>1175.6010000000001</v>
      </c>
      <c r="L1055">
        <v>1177.046</v>
      </c>
      <c r="M1055">
        <v>1153.8789999999999</v>
      </c>
      <c r="N1055">
        <v>1034.8130000000001</v>
      </c>
      <c r="O1055">
        <v>1077.2249999999999</v>
      </c>
      <c r="P1055">
        <v>0</v>
      </c>
      <c r="Q1055">
        <v>0</v>
      </c>
      <c r="R1055">
        <v>1123.2159999999999</v>
      </c>
      <c r="S1055">
        <v>0</v>
      </c>
      <c r="T1055">
        <v>1144.3050000000001</v>
      </c>
      <c r="U1055">
        <v>1164.654</v>
      </c>
      <c r="V1055">
        <v>1178.376</v>
      </c>
      <c r="W1055">
        <v>1191.375</v>
      </c>
      <c r="X1055">
        <v>1199.0809999999999</v>
      </c>
      <c r="Y1055">
        <v>1193.3330000000001</v>
      </c>
    </row>
    <row r="1056" spans="1:25" x14ac:dyDescent="0.3">
      <c r="A1056">
        <v>28.233333339045444</v>
      </c>
      <c r="B1056">
        <v>1056.729</v>
      </c>
      <c r="C1056">
        <v>1093.085</v>
      </c>
      <c r="D1056">
        <v>1107.519</v>
      </c>
      <c r="E1056">
        <v>1132.7639999999999</v>
      </c>
      <c r="F1056">
        <v>1148.502</v>
      </c>
      <c r="G1056">
        <v>1155.067</v>
      </c>
      <c r="H1056">
        <v>1164.098</v>
      </c>
      <c r="I1056">
        <v>1171.1099999999999</v>
      </c>
      <c r="J1056">
        <v>1168.797</v>
      </c>
      <c r="K1056">
        <v>1174.9839999999999</v>
      </c>
      <c r="L1056">
        <v>1177.2</v>
      </c>
      <c r="M1056">
        <v>1153.6289999999999</v>
      </c>
      <c r="N1056">
        <v>1029.971</v>
      </c>
      <c r="O1056">
        <v>1085.3900000000001</v>
      </c>
      <c r="P1056">
        <v>0</v>
      </c>
      <c r="Q1056">
        <v>0</v>
      </c>
      <c r="R1056">
        <v>1124.848</v>
      </c>
      <c r="S1056">
        <v>0</v>
      </c>
      <c r="T1056">
        <v>1141.787</v>
      </c>
      <c r="U1056">
        <v>1162.047</v>
      </c>
      <c r="V1056">
        <v>1175.5239999999999</v>
      </c>
      <c r="W1056">
        <v>1191.453</v>
      </c>
      <c r="X1056">
        <v>1201.731</v>
      </c>
      <c r="Y1056">
        <v>1192.1310000000001</v>
      </c>
    </row>
    <row r="1057" spans="1:25" x14ac:dyDescent="0.3">
      <c r="A1057">
        <v>28.266666669693464</v>
      </c>
      <c r="B1057">
        <v>1067.364</v>
      </c>
      <c r="C1057">
        <v>1097.4580000000001</v>
      </c>
      <c r="D1057">
        <v>1104.02</v>
      </c>
      <c r="E1057">
        <v>1126.8030000000001</v>
      </c>
      <c r="F1057">
        <v>1146.537</v>
      </c>
      <c r="G1057">
        <v>1155.412</v>
      </c>
      <c r="H1057">
        <v>1164.634</v>
      </c>
      <c r="I1057">
        <v>1172.4580000000001</v>
      </c>
      <c r="J1057">
        <v>1171.3789999999999</v>
      </c>
      <c r="K1057">
        <v>1175.4069999999999</v>
      </c>
      <c r="L1057">
        <v>1179.5540000000001</v>
      </c>
      <c r="M1057">
        <v>1156.0450000000001</v>
      </c>
      <c r="N1057">
        <v>1033.229</v>
      </c>
      <c r="O1057">
        <v>1081.4390000000001</v>
      </c>
      <c r="P1057">
        <v>0</v>
      </c>
      <c r="Q1057">
        <v>0</v>
      </c>
      <c r="R1057">
        <v>1126.9359999999999</v>
      </c>
      <c r="S1057">
        <v>0</v>
      </c>
      <c r="T1057">
        <v>1143.0070000000001</v>
      </c>
      <c r="U1057">
        <v>1164.654</v>
      </c>
      <c r="V1057">
        <v>1181.182</v>
      </c>
      <c r="W1057">
        <v>1192.751</v>
      </c>
      <c r="X1057">
        <v>1200.99</v>
      </c>
      <c r="Y1057">
        <v>1192.9639999999999</v>
      </c>
    </row>
    <row r="1058" spans="1:25" x14ac:dyDescent="0.3">
      <c r="A1058">
        <v>28.300000000341484</v>
      </c>
      <c r="B1058">
        <v>1062.4449999999999</v>
      </c>
      <c r="C1058">
        <v>1095.577</v>
      </c>
      <c r="D1058">
        <v>1099.771</v>
      </c>
      <c r="E1058">
        <v>1120.7560000000001</v>
      </c>
      <c r="F1058">
        <v>1137.837</v>
      </c>
      <c r="G1058">
        <v>1148.826</v>
      </c>
      <c r="H1058">
        <v>1165.616</v>
      </c>
      <c r="I1058">
        <v>1168.0060000000001</v>
      </c>
      <c r="J1058">
        <v>1169.201</v>
      </c>
      <c r="K1058">
        <v>1174.077</v>
      </c>
      <c r="L1058">
        <v>1178.183</v>
      </c>
      <c r="M1058">
        <v>1151.98</v>
      </c>
      <c r="N1058">
        <v>1025.904</v>
      </c>
      <c r="O1058">
        <v>1082.394</v>
      </c>
      <c r="P1058">
        <v>0</v>
      </c>
      <c r="Q1058">
        <v>0</v>
      </c>
      <c r="R1058">
        <v>1124.3920000000001</v>
      </c>
      <c r="S1058">
        <v>0</v>
      </c>
      <c r="T1058">
        <v>1140.7750000000001</v>
      </c>
      <c r="U1058">
        <v>1159.2850000000001</v>
      </c>
      <c r="V1058">
        <v>1181.124</v>
      </c>
      <c r="W1058">
        <v>1190.386</v>
      </c>
      <c r="X1058">
        <v>1195.885</v>
      </c>
      <c r="Y1058">
        <v>1188.952</v>
      </c>
    </row>
    <row r="1059" spans="1:25" x14ac:dyDescent="0.3">
      <c r="A1059">
        <v>28.316666670904183</v>
      </c>
      <c r="B1059">
        <v>1055.7270000000001</v>
      </c>
      <c r="C1059">
        <v>1094.376</v>
      </c>
      <c r="D1059">
        <v>1100.58</v>
      </c>
      <c r="E1059">
        <v>1125.9870000000001</v>
      </c>
      <c r="F1059">
        <v>1141.52</v>
      </c>
      <c r="G1059">
        <v>1149.876</v>
      </c>
      <c r="H1059">
        <v>1165.174</v>
      </c>
      <c r="I1059">
        <v>1168.527</v>
      </c>
      <c r="J1059">
        <v>1167.5250000000001</v>
      </c>
      <c r="K1059">
        <v>1171.1099999999999</v>
      </c>
      <c r="L1059">
        <v>1174.9449999999999</v>
      </c>
      <c r="M1059">
        <v>1152.9010000000001</v>
      </c>
      <c r="N1059">
        <v>1025.501</v>
      </c>
      <c r="O1059">
        <v>1082.6569999999999</v>
      </c>
      <c r="P1059">
        <v>0</v>
      </c>
      <c r="Q1059">
        <v>0</v>
      </c>
      <c r="R1059">
        <v>1122.174</v>
      </c>
      <c r="S1059">
        <v>0</v>
      </c>
      <c r="T1059">
        <v>1138.2190000000001</v>
      </c>
      <c r="U1059">
        <v>1156.7739999999999</v>
      </c>
      <c r="V1059">
        <v>1173.365</v>
      </c>
      <c r="W1059">
        <v>1186.9380000000001</v>
      </c>
      <c r="X1059">
        <v>1198.2239999999999</v>
      </c>
      <c r="Y1059">
        <v>1191.182</v>
      </c>
    </row>
    <row r="1060" spans="1:25" x14ac:dyDescent="0.3">
      <c r="A1060">
        <v>28.350000001552203</v>
      </c>
      <c r="B1060">
        <v>1042.982</v>
      </c>
      <c r="C1060">
        <v>1094.134</v>
      </c>
      <c r="D1060">
        <v>1108.0650000000001</v>
      </c>
      <c r="E1060">
        <v>1127.6010000000001</v>
      </c>
      <c r="F1060">
        <v>1138.8109999999999</v>
      </c>
      <c r="G1060">
        <v>1145.355</v>
      </c>
      <c r="H1060">
        <v>1158.845</v>
      </c>
      <c r="I1060">
        <v>1164.367</v>
      </c>
      <c r="J1060">
        <v>1165.9449999999999</v>
      </c>
      <c r="K1060">
        <v>1169.704</v>
      </c>
      <c r="L1060">
        <v>1171.4960000000001</v>
      </c>
      <c r="M1060">
        <v>1150.4870000000001</v>
      </c>
      <c r="N1060">
        <v>1028.1300000000001</v>
      </c>
      <c r="O1060">
        <v>1076.704</v>
      </c>
      <c r="P1060">
        <v>0</v>
      </c>
      <c r="Q1060">
        <v>0</v>
      </c>
      <c r="R1060">
        <v>1120.9280000000001</v>
      </c>
      <c r="S1060">
        <v>0</v>
      </c>
      <c r="T1060">
        <v>1136.2950000000001</v>
      </c>
      <c r="U1060">
        <v>1156.6590000000001</v>
      </c>
      <c r="V1060">
        <v>1169.299</v>
      </c>
      <c r="W1060">
        <v>1185.33</v>
      </c>
      <c r="X1060">
        <v>1198.75</v>
      </c>
      <c r="Y1060">
        <v>1191.046</v>
      </c>
    </row>
    <row r="1061" spans="1:25" x14ac:dyDescent="0.3">
      <c r="A1061">
        <v>28.366666672114903</v>
      </c>
      <c r="B1061">
        <v>1035.329</v>
      </c>
      <c r="C1061">
        <v>1091.606</v>
      </c>
      <c r="D1061">
        <v>1102.441</v>
      </c>
      <c r="E1061">
        <v>1123.386</v>
      </c>
      <c r="F1061">
        <v>1135.7819999999999</v>
      </c>
      <c r="G1061">
        <v>1148.788</v>
      </c>
      <c r="H1061">
        <v>1158.001</v>
      </c>
      <c r="I1061">
        <v>1166.5999999999999</v>
      </c>
      <c r="J1061">
        <v>1166.2529999999999</v>
      </c>
      <c r="K1061">
        <v>1172.5550000000001</v>
      </c>
      <c r="L1061">
        <v>1176.8150000000001</v>
      </c>
      <c r="M1061">
        <v>1151.655</v>
      </c>
      <c r="N1061">
        <v>1035.2</v>
      </c>
      <c r="O1061">
        <v>1070.4960000000001</v>
      </c>
      <c r="P1061">
        <v>0</v>
      </c>
      <c r="Q1061">
        <v>0</v>
      </c>
      <c r="R1061">
        <v>1123.538</v>
      </c>
      <c r="S1061">
        <v>0</v>
      </c>
      <c r="T1061">
        <v>1138.181</v>
      </c>
      <c r="U1061">
        <v>1155.336</v>
      </c>
      <c r="V1061">
        <v>1168.508</v>
      </c>
      <c r="W1061">
        <v>1186.6469999999999</v>
      </c>
      <c r="X1061">
        <v>1197.0540000000001</v>
      </c>
      <c r="Y1061">
        <v>1188.914</v>
      </c>
    </row>
    <row r="1062" spans="1:25" x14ac:dyDescent="0.3">
      <c r="A1062">
        <v>28.400000002762923</v>
      </c>
      <c r="B1062">
        <v>1046.9929999999999</v>
      </c>
      <c r="C1062">
        <v>1090.895</v>
      </c>
      <c r="D1062">
        <v>1100.3920000000001</v>
      </c>
      <c r="E1062">
        <v>1125.5509999999999</v>
      </c>
      <c r="F1062">
        <v>1149.3420000000001</v>
      </c>
      <c r="G1062">
        <v>1151.1179999999999</v>
      </c>
      <c r="H1062">
        <v>1161.817</v>
      </c>
      <c r="I1062">
        <v>1168.085</v>
      </c>
      <c r="J1062">
        <v>1166.2919999999999</v>
      </c>
      <c r="K1062">
        <v>1171.9010000000001</v>
      </c>
      <c r="L1062">
        <v>1175.7360000000001</v>
      </c>
      <c r="M1062">
        <v>1152.46</v>
      </c>
      <c r="N1062">
        <v>1040.2829999999999</v>
      </c>
      <c r="O1062">
        <v>1071.298</v>
      </c>
      <c r="P1062">
        <v>0</v>
      </c>
      <c r="Q1062">
        <v>0</v>
      </c>
      <c r="R1062">
        <v>1123.8050000000001</v>
      </c>
      <c r="S1062">
        <v>0</v>
      </c>
      <c r="T1062">
        <v>1141.0440000000001</v>
      </c>
      <c r="U1062">
        <v>1157.3879999999999</v>
      </c>
      <c r="V1062">
        <v>1169.472</v>
      </c>
      <c r="W1062">
        <v>1187.539</v>
      </c>
      <c r="X1062">
        <v>1197.854</v>
      </c>
      <c r="Y1062">
        <v>1189.2059999999999</v>
      </c>
    </row>
    <row r="1063" spans="1:25" x14ac:dyDescent="0.3">
      <c r="A1063">
        <v>28.433333333410943</v>
      </c>
      <c r="B1063">
        <v>1058.1579999999999</v>
      </c>
      <c r="C1063">
        <v>1090.7809999999999</v>
      </c>
      <c r="D1063">
        <v>1097.364</v>
      </c>
      <c r="E1063">
        <v>1122.646</v>
      </c>
      <c r="F1063">
        <v>1147.8910000000001</v>
      </c>
      <c r="G1063">
        <v>1153.1690000000001</v>
      </c>
      <c r="H1063">
        <v>1162.5250000000001</v>
      </c>
      <c r="I1063">
        <v>1169.259</v>
      </c>
      <c r="J1063">
        <v>1166.7529999999999</v>
      </c>
      <c r="K1063">
        <v>1172.8440000000001</v>
      </c>
      <c r="L1063">
        <v>1175.8119999999999</v>
      </c>
      <c r="M1063">
        <v>1155.623</v>
      </c>
      <c r="N1063">
        <v>1031.683</v>
      </c>
      <c r="O1063">
        <v>1073.627</v>
      </c>
      <c r="P1063">
        <v>0</v>
      </c>
      <c r="Q1063">
        <v>0</v>
      </c>
      <c r="R1063">
        <v>1121.644</v>
      </c>
      <c r="S1063">
        <v>0</v>
      </c>
      <c r="T1063">
        <v>1142.816</v>
      </c>
      <c r="U1063">
        <v>1167.3510000000001</v>
      </c>
      <c r="V1063">
        <v>1178.626</v>
      </c>
      <c r="W1063">
        <v>1185.135</v>
      </c>
      <c r="X1063">
        <v>1189.883</v>
      </c>
      <c r="Y1063">
        <v>1188.3520000000001</v>
      </c>
    </row>
    <row r="1064" spans="1:25" x14ac:dyDescent="0.3">
      <c r="A1064">
        <v>28.450000003973642</v>
      </c>
      <c r="B1064">
        <v>1057.8630000000001</v>
      </c>
      <c r="C1064">
        <v>1089.53</v>
      </c>
      <c r="D1064">
        <v>1100.056</v>
      </c>
      <c r="E1064">
        <v>1122.7429999999999</v>
      </c>
      <c r="F1064">
        <v>1144.384</v>
      </c>
      <c r="G1064">
        <v>1152.021</v>
      </c>
      <c r="H1064">
        <v>1164.5609999999999</v>
      </c>
      <c r="I1064">
        <v>1163.2760000000001</v>
      </c>
      <c r="J1064">
        <v>1163.5060000000001</v>
      </c>
      <c r="K1064">
        <v>1170.2829999999999</v>
      </c>
      <c r="L1064">
        <v>1172.346</v>
      </c>
      <c r="M1064">
        <v>1149.6489999999999</v>
      </c>
      <c r="N1064">
        <v>1024.4390000000001</v>
      </c>
      <c r="O1064">
        <v>1073.0709999999999</v>
      </c>
      <c r="P1064">
        <v>0</v>
      </c>
      <c r="Q1064">
        <v>0</v>
      </c>
      <c r="R1064">
        <v>1115.904</v>
      </c>
      <c r="S1064">
        <v>0</v>
      </c>
      <c r="T1064">
        <v>1135.2909999999999</v>
      </c>
      <c r="U1064">
        <v>1161.1289999999999</v>
      </c>
      <c r="V1064">
        <v>1178.4559999999999</v>
      </c>
      <c r="W1064">
        <v>1189.711</v>
      </c>
      <c r="X1064">
        <v>1191.087</v>
      </c>
      <c r="Y1064">
        <v>1186.7660000000001</v>
      </c>
    </row>
    <row r="1065" spans="1:25" x14ac:dyDescent="0.3">
      <c r="A1065">
        <v>28.483333334621662</v>
      </c>
      <c r="B1065">
        <v>1052.8530000000001</v>
      </c>
      <c r="C1065">
        <v>1086.1949999999999</v>
      </c>
      <c r="D1065">
        <v>1100.0340000000001</v>
      </c>
      <c r="E1065">
        <v>1123.595</v>
      </c>
      <c r="F1065">
        <v>1143.5039999999999</v>
      </c>
      <c r="G1065">
        <v>1153.7249999999999</v>
      </c>
      <c r="H1065">
        <v>1165.039</v>
      </c>
      <c r="I1065">
        <v>1162.5260000000001</v>
      </c>
      <c r="J1065">
        <v>1160.1679999999999</v>
      </c>
      <c r="K1065">
        <v>1168.508</v>
      </c>
      <c r="L1065">
        <v>1174.386</v>
      </c>
      <c r="M1065">
        <v>1147.8920000000001</v>
      </c>
      <c r="N1065">
        <v>1022.713</v>
      </c>
      <c r="O1065">
        <v>1065.248</v>
      </c>
      <c r="P1065">
        <v>0</v>
      </c>
      <c r="Q1065">
        <v>0</v>
      </c>
      <c r="R1065">
        <v>1116.752</v>
      </c>
      <c r="S1065">
        <v>0</v>
      </c>
      <c r="T1065">
        <v>1133.903</v>
      </c>
      <c r="U1065">
        <v>1161.203</v>
      </c>
      <c r="V1065">
        <v>1177.605</v>
      </c>
      <c r="W1065">
        <v>1187.0540000000001</v>
      </c>
      <c r="X1065">
        <v>1189.2629999999999</v>
      </c>
      <c r="Y1065">
        <v>1187.829</v>
      </c>
    </row>
    <row r="1066" spans="1:25" x14ac:dyDescent="0.3">
      <c r="A1066">
        <v>28.500000005184361</v>
      </c>
      <c r="B1066">
        <v>1051.2650000000001</v>
      </c>
      <c r="C1066">
        <v>1085.7670000000001</v>
      </c>
      <c r="D1066">
        <v>1096.896</v>
      </c>
      <c r="E1066">
        <v>1120.306</v>
      </c>
      <c r="F1066">
        <v>1139.8430000000001</v>
      </c>
      <c r="G1066">
        <v>1151.3499999999999</v>
      </c>
      <c r="H1066">
        <v>1157.4280000000001</v>
      </c>
      <c r="I1066">
        <v>1160.7260000000001</v>
      </c>
      <c r="J1066">
        <v>1160.1320000000001</v>
      </c>
      <c r="K1066">
        <v>1166.0050000000001</v>
      </c>
      <c r="L1066">
        <v>1164.7909999999999</v>
      </c>
      <c r="M1066">
        <v>1139.538</v>
      </c>
      <c r="N1066">
        <v>1027.1010000000001</v>
      </c>
      <c r="O1066">
        <v>1063.71</v>
      </c>
      <c r="P1066">
        <v>0</v>
      </c>
      <c r="Q1066">
        <v>0</v>
      </c>
      <c r="R1066">
        <v>1117.472</v>
      </c>
      <c r="S1066">
        <v>0</v>
      </c>
      <c r="T1066">
        <v>1135.2339999999999</v>
      </c>
      <c r="U1066">
        <v>1160.6880000000001</v>
      </c>
      <c r="V1066">
        <v>1173.29</v>
      </c>
      <c r="W1066">
        <v>1183.8589999999999</v>
      </c>
      <c r="X1066">
        <v>1191.6679999999999</v>
      </c>
      <c r="Y1066">
        <v>1185.6610000000001</v>
      </c>
    </row>
    <row r="1067" spans="1:25" x14ac:dyDescent="0.3">
      <c r="A1067">
        <v>28.533333335832381</v>
      </c>
      <c r="B1067">
        <v>1041.913</v>
      </c>
      <c r="C1067">
        <v>1082.885</v>
      </c>
      <c r="D1067">
        <v>1087.921</v>
      </c>
      <c r="E1067">
        <v>1113.5429999999999</v>
      </c>
      <c r="F1067">
        <v>1131.211</v>
      </c>
      <c r="G1067">
        <v>1145.797</v>
      </c>
      <c r="H1067">
        <v>1157.046</v>
      </c>
      <c r="I1067">
        <v>1162.491</v>
      </c>
      <c r="J1067">
        <v>1162.932</v>
      </c>
      <c r="K1067">
        <v>1170.1110000000001</v>
      </c>
      <c r="L1067">
        <v>1170.2850000000001</v>
      </c>
      <c r="M1067">
        <v>1144.652</v>
      </c>
      <c r="N1067">
        <v>1022.038</v>
      </c>
      <c r="O1067">
        <v>1064.8430000000001</v>
      </c>
      <c r="P1067">
        <v>0</v>
      </c>
      <c r="Q1067">
        <v>0</v>
      </c>
      <c r="R1067">
        <v>1109.954</v>
      </c>
      <c r="S1067">
        <v>0</v>
      </c>
      <c r="T1067">
        <v>1133.242</v>
      </c>
      <c r="U1067">
        <v>1161.1300000000001</v>
      </c>
      <c r="V1067">
        <v>1174.8330000000001</v>
      </c>
      <c r="W1067">
        <v>1186.6890000000001</v>
      </c>
      <c r="X1067">
        <v>1190.2940000000001</v>
      </c>
      <c r="Y1067">
        <v>1183.182</v>
      </c>
    </row>
    <row r="1068" spans="1:25" x14ac:dyDescent="0.3">
      <c r="A1068">
        <v>28.566666666480401</v>
      </c>
      <c r="B1068">
        <v>1041.894</v>
      </c>
      <c r="C1068">
        <v>1081.5170000000001</v>
      </c>
      <c r="D1068">
        <v>1085.5429999999999</v>
      </c>
      <c r="E1068">
        <v>1108.3109999999999</v>
      </c>
      <c r="F1068">
        <v>1124.8320000000001</v>
      </c>
      <c r="G1068">
        <v>1139.2329999999999</v>
      </c>
      <c r="H1068">
        <v>1153.134</v>
      </c>
      <c r="I1068">
        <v>1165.4459999999999</v>
      </c>
      <c r="J1068">
        <v>1166.5450000000001</v>
      </c>
      <c r="K1068">
        <v>1171.614</v>
      </c>
      <c r="L1068">
        <v>1171.826</v>
      </c>
      <c r="M1068">
        <v>1144.8420000000001</v>
      </c>
      <c r="N1068">
        <v>1019.616</v>
      </c>
      <c r="O1068">
        <v>1062.2260000000001</v>
      </c>
      <c r="P1068">
        <v>0</v>
      </c>
      <c r="Q1068">
        <v>0</v>
      </c>
      <c r="R1068">
        <v>1109.443</v>
      </c>
      <c r="S1068">
        <v>0</v>
      </c>
      <c r="T1068">
        <v>1131.2860000000001</v>
      </c>
      <c r="U1068">
        <v>1155.799</v>
      </c>
      <c r="V1068">
        <v>1170.3420000000001</v>
      </c>
      <c r="W1068">
        <v>1181.941</v>
      </c>
      <c r="X1068">
        <v>1190.5060000000001</v>
      </c>
      <c r="Y1068">
        <v>1183.511</v>
      </c>
    </row>
    <row r="1069" spans="1:25" x14ac:dyDescent="0.3">
      <c r="A1069">
        <v>28.583333337043101</v>
      </c>
      <c r="B1069">
        <v>1042.4090000000001</v>
      </c>
      <c r="C1069">
        <v>1081.4780000000001</v>
      </c>
      <c r="D1069">
        <v>1087.693</v>
      </c>
      <c r="E1069">
        <v>1109.308</v>
      </c>
      <c r="F1069">
        <v>1120.739</v>
      </c>
      <c r="G1069">
        <v>1132.7829999999999</v>
      </c>
      <c r="H1069">
        <v>1152.365</v>
      </c>
      <c r="I1069">
        <v>1163.9839999999999</v>
      </c>
      <c r="J1069">
        <v>1166.8510000000001</v>
      </c>
      <c r="K1069">
        <v>1172.0360000000001</v>
      </c>
      <c r="L1069">
        <v>1173.231</v>
      </c>
      <c r="M1069">
        <v>1150.8689999999999</v>
      </c>
      <c r="N1069">
        <v>1019.211</v>
      </c>
      <c r="O1069">
        <v>1065.249</v>
      </c>
      <c r="P1069">
        <v>0</v>
      </c>
      <c r="Q1069">
        <v>0</v>
      </c>
      <c r="R1069">
        <v>1108.008</v>
      </c>
      <c r="S1069">
        <v>0</v>
      </c>
      <c r="T1069">
        <v>1130.4860000000001</v>
      </c>
      <c r="U1069">
        <v>1151.77</v>
      </c>
      <c r="V1069">
        <v>1166.2919999999999</v>
      </c>
      <c r="W1069">
        <v>1179.846</v>
      </c>
      <c r="X1069">
        <v>1190.9110000000001</v>
      </c>
      <c r="Y1069">
        <v>1185.7760000000001</v>
      </c>
    </row>
    <row r="1070" spans="1:25" x14ac:dyDescent="0.3">
      <c r="A1070">
        <v>28.616666667691121</v>
      </c>
      <c r="B1070">
        <v>1030.2139999999999</v>
      </c>
      <c r="C1070">
        <v>1082.941</v>
      </c>
      <c r="D1070">
        <v>1088.183</v>
      </c>
      <c r="E1070">
        <v>1107.0519999999999</v>
      </c>
      <c r="F1070">
        <v>1116.982</v>
      </c>
      <c r="G1070">
        <v>1129.066</v>
      </c>
      <c r="H1070">
        <v>1152.0609999999999</v>
      </c>
      <c r="I1070">
        <v>1168.569</v>
      </c>
      <c r="J1070">
        <v>1170.3810000000001</v>
      </c>
      <c r="K1070">
        <v>1173.6959999999999</v>
      </c>
      <c r="L1070">
        <v>1173.8699999999999</v>
      </c>
      <c r="M1070">
        <v>1151.0640000000001</v>
      </c>
      <c r="N1070">
        <v>1021.726</v>
      </c>
      <c r="O1070">
        <v>1067.33</v>
      </c>
      <c r="P1070">
        <v>0</v>
      </c>
      <c r="Q1070">
        <v>0</v>
      </c>
      <c r="R1070">
        <v>1110.7850000000001</v>
      </c>
      <c r="S1070">
        <v>0</v>
      </c>
      <c r="T1070">
        <v>1129.9770000000001</v>
      </c>
      <c r="U1070">
        <v>1148.4670000000001</v>
      </c>
      <c r="V1070">
        <v>1168.203</v>
      </c>
      <c r="W1070">
        <v>1181.2249999999999</v>
      </c>
      <c r="X1070">
        <v>1191.7080000000001</v>
      </c>
      <c r="Y1070">
        <v>1188.491</v>
      </c>
    </row>
    <row r="1071" spans="1:25" x14ac:dyDescent="0.3">
      <c r="A1071">
        <v>28.63333333825382</v>
      </c>
      <c r="B1071">
        <v>1029.9190000000001</v>
      </c>
      <c r="C1071">
        <v>1082.6030000000001</v>
      </c>
      <c r="D1071">
        <v>1086.9839999999999</v>
      </c>
      <c r="E1071">
        <v>1108.6310000000001</v>
      </c>
      <c r="F1071">
        <v>1125.117</v>
      </c>
      <c r="G1071">
        <v>1137.9549999999999</v>
      </c>
      <c r="H1071">
        <v>1154.3610000000001</v>
      </c>
      <c r="I1071">
        <v>1167.027</v>
      </c>
      <c r="J1071">
        <v>1170.0139999999999</v>
      </c>
      <c r="K1071">
        <v>1173.9459999999999</v>
      </c>
      <c r="L1071">
        <v>1176.837</v>
      </c>
      <c r="M1071">
        <v>1153.057</v>
      </c>
      <c r="N1071">
        <v>1024.1099999999999</v>
      </c>
      <c r="O1071">
        <v>1066.625</v>
      </c>
      <c r="P1071">
        <v>0</v>
      </c>
      <c r="Q1071">
        <v>0</v>
      </c>
      <c r="R1071">
        <v>1112.088</v>
      </c>
      <c r="S1071">
        <v>0</v>
      </c>
      <c r="T1071">
        <v>1130.546</v>
      </c>
      <c r="U1071">
        <v>1147.742</v>
      </c>
      <c r="V1071">
        <v>1161.6849999999999</v>
      </c>
      <c r="W1071">
        <v>1177.8779999999999</v>
      </c>
      <c r="X1071">
        <v>1190.3710000000001</v>
      </c>
      <c r="Y1071">
        <v>1184.9639999999999</v>
      </c>
    </row>
    <row r="1072" spans="1:25" x14ac:dyDescent="0.3">
      <c r="A1072">
        <v>28.66666666890184</v>
      </c>
      <c r="B1072">
        <v>1033.9870000000001</v>
      </c>
      <c r="C1072">
        <v>1080.229</v>
      </c>
      <c r="D1072">
        <v>1090.4290000000001</v>
      </c>
      <c r="E1072">
        <v>1110.1610000000001</v>
      </c>
      <c r="F1072">
        <v>1124.9839999999999</v>
      </c>
      <c r="G1072">
        <v>1138.8710000000001</v>
      </c>
      <c r="H1072">
        <v>1151.4269999999999</v>
      </c>
      <c r="I1072">
        <v>1165.7929999999999</v>
      </c>
      <c r="J1072">
        <v>1168.761</v>
      </c>
      <c r="K1072">
        <v>1171.171</v>
      </c>
      <c r="L1072">
        <v>1172.346</v>
      </c>
      <c r="M1072">
        <v>1148.925</v>
      </c>
      <c r="N1072">
        <v>1026.6780000000001</v>
      </c>
      <c r="O1072">
        <v>1066.7729999999999</v>
      </c>
      <c r="P1072">
        <v>0</v>
      </c>
      <c r="Q1072">
        <v>0</v>
      </c>
      <c r="R1072">
        <v>1111.3699999999999</v>
      </c>
      <c r="S1072">
        <v>0</v>
      </c>
      <c r="T1072">
        <v>1129.1030000000001</v>
      </c>
      <c r="U1072">
        <v>1149.306</v>
      </c>
      <c r="V1072">
        <v>1165.2729999999999</v>
      </c>
      <c r="W1072">
        <v>1174.9290000000001</v>
      </c>
      <c r="X1072">
        <v>1182.4059999999999</v>
      </c>
      <c r="Y1072">
        <v>1182.5219999999999</v>
      </c>
    </row>
    <row r="1073" spans="1:25" x14ac:dyDescent="0.3">
      <c r="A1073">
        <v>28.69999999954986</v>
      </c>
      <c r="B1073">
        <v>1047.2739999999999</v>
      </c>
      <c r="C1073">
        <v>1084.0830000000001</v>
      </c>
      <c r="D1073">
        <v>1094.175</v>
      </c>
      <c r="E1073">
        <v>1110.559</v>
      </c>
      <c r="F1073">
        <v>1127.8510000000001</v>
      </c>
      <c r="G1073">
        <v>1139.0820000000001</v>
      </c>
      <c r="H1073">
        <v>1155.2439999999999</v>
      </c>
      <c r="I1073">
        <v>1165.5630000000001</v>
      </c>
      <c r="J1073">
        <v>1164.2560000000001</v>
      </c>
      <c r="K1073">
        <v>1168.4159999999999</v>
      </c>
      <c r="L1073">
        <v>1171.673</v>
      </c>
      <c r="M1073">
        <v>1144.8430000000001</v>
      </c>
      <c r="N1073">
        <v>1023.744</v>
      </c>
      <c r="O1073">
        <v>1069.046</v>
      </c>
      <c r="P1073">
        <v>0</v>
      </c>
      <c r="Q1073">
        <v>0</v>
      </c>
      <c r="R1073">
        <v>1109.2550000000001</v>
      </c>
      <c r="S1073">
        <v>0</v>
      </c>
      <c r="T1073">
        <v>1128.44</v>
      </c>
      <c r="U1073">
        <v>1147.3040000000001</v>
      </c>
      <c r="V1073">
        <v>1162.0119999999999</v>
      </c>
      <c r="W1073">
        <v>1175.277</v>
      </c>
      <c r="X1073">
        <v>1184.9849999999999</v>
      </c>
      <c r="Y1073">
        <v>1185.0809999999999</v>
      </c>
    </row>
    <row r="1074" spans="1:25" x14ac:dyDescent="0.3">
      <c r="A1074">
        <v>28.716666670112559</v>
      </c>
      <c r="B1074">
        <v>1053.9290000000001</v>
      </c>
      <c r="C1074">
        <v>1087.47</v>
      </c>
      <c r="D1074">
        <v>1096.8589999999999</v>
      </c>
      <c r="E1074">
        <v>1112.616</v>
      </c>
      <c r="F1074">
        <v>1129.729</v>
      </c>
      <c r="G1074">
        <v>1142.877</v>
      </c>
      <c r="H1074">
        <v>1154.5709999999999</v>
      </c>
      <c r="I1074">
        <v>1163.123</v>
      </c>
      <c r="J1074">
        <v>1164.8869999999999</v>
      </c>
      <c r="K1074">
        <v>1168.934</v>
      </c>
      <c r="L1074">
        <v>1170.0709999999999</v>
      </c>
      <c r="M1074">
        <v>1146.2909999999999</v>
      </c>
      <c r="N1074">
        <v>1022.2380000000001</v>
      </c>
      <c r="O1074">
        <v>1070.778</v>
      </c>
      <c r="P1074">
        <v>0</v>
      </c>
      <c r="Q1074">
        <v>0</v>
      </c>
      <c r="R1074">
        <v>1111.653</v>
      </c>
      <c r="S1074">
        <v>0</v>
      </c>
      <c r="T1074">
        <v>1128.115</v>
      </c>
      <c r="U1074">
        <v>1147.0550000000001</v>
      </c>
      <c r="V1074">
        <v>1159.46</v>
      </c>
      <c r="W1074">
        <v>1174.0999999999999</v>
      </c>
      <c r="X1074">
        <v>1185.6220000000001</v>
      </c>
      <c r="Y1074">
        <v>1183.626</v>
      </c>
    </row>
    <row r="1075" spans="1:25" x14ac:dyDescent="0.3">
      <c r="A1075">
        <v>28.750000000760579</v>
      </c>
      <c r="B1075">
        <v>1056.9179999999999</v>
      </c>
      <c r="C1075">
        <v>1086.03</v>
      </c>
      <c r="D1075">
        <v>1098.1949999999999</v>
      </c>
      <c r="E1075">
        <v>1113.9970000000001</v>
      </c>
      <c r="F1075">
        <v>1128.895</v>
      </c>
      <c r="G1075">
        <v>1139.0239999999999</v>
      </c>
      <c r="H1075">
        <v>1152.0029999999999</v>
      </c>
      <c r="I1075">
        <v>1161.3979999999999</v>
      </c>
      <c r="J1075">
        <v>1163.6420000000001</v>
      </c>
      <c r="K1075">
        <v>1164.1590000000001</v>
      </c>
      <c r="L1075">
        <v>1163.5840000000001</v>
      </c>
      <c r="M1075">
        <v>1141.6569999999999</v>
      </c>
      <c r="N1075">
        <v>1024.789</v>
      </c>
      <c r="O1075">
        <v>1067.703</v>
      </c>
      <c r="P1075">
        <v>0</v>
      </c>
      <c r="Q1075">
        <v>0</v>
      </c>
      <c r="R1075">
        <v>1112.07</v>
      </c>
      <c r="S1075">
        <v>0</v>
      </c>
      <c r="T1075">
        <v>1124.7760000000001</v>
      </c>
      <c r="U1075">
        <v>1145.377</v>
      </c>
      <c r="V1075">
        <v>1159.327</v>
      </c>
      <c r="W1075">
        <v>1179.17</v>
      </c>
      <c r="X1075">
        <v>1188.356</v>
      </c>
      <c r="Y1075">
        <v>1181.6320000000001</v>
      </c>
    </row>
    <row r="1076" spans="1:25" x14ac:dyDescent="0.3">
      <c r="A1076">
        <v>28.766666671323279</v>
      </c>
      <c r="B1076">
        <v>1058.087</v>
      </c>
      <c r="C1076">
        <v>1085.992</v>
      </c>
      <c r="D1076">
        <v>1095.1110000000001</v>
      </c>
      <c r="E1076">
        <v>1110.8040000000001</v>
      </c>
      <c r="F1076">
        <v>1123.9970000000001</v>
      </c>
      <c r="G1076">
        <v>1137.078</v>
      </c>
      <c r="H1076">
        <v>1149.097</v>
      </c>
      <c r="I1076">
        <v>1156.221</v>
      </c>
      <c r="J1076">
        <v>1161.7049999999999</v>
      </c>
      <c r="K1076">
        <v>1163.45</v>
      </c>
      <c r="L1076">
        <v>1162.97</v>
      </c>
      <c r="M1076">
        <v>1142</v>
      </c>
      <c r="N1076">
        <v>1020.9930000000001</v>
      </c>
      <c r="O1076">
        <v>1070.164</v>
      </c>
      <c r="P1076">
        <v>0</v>
      </c>
      <c r="Q1076">
        <v>0</v>
      </c>
      <c r="R1076">
        <v>1114.261</v>
      </c>
      <c r="S1076">
        <v>0</v>
      </c>
      <c r="T1076">
        <v>1124.9649999999999</v>
      </c>
      <c r="U1076">
        <v>1147.2460000000001</v>
      </c>
      <c r="V1076">
        <v>1159.922</v>
      </c>
      <c r="W1076">
        <v>1176.992</v>
      </c>
      <c r="X1076">
        <v>1182.058</v>
      </c>
      <c r="Y1076">
        <v>1183.7239999999999</v>
      </c>
    </row>
    <row r="1077" spans="1:25" x14ac:dyDescent="0.3">
      <c r="A1077">
        <v>28.800000001971299</v>
      </c>
      <c r="B1077">
        <v>1042.0219999999999</v>
      </c>
      <c r="C1077">
        <v>1084.4939999999999</v>
      </c>
      <c r="D1077">
        <v>1096.05</v>
      </c>
      <c r="E1077">
        <v>1114.5429999999999</v>
      </c>
      <c r="F1077">
        <v>1127.7550000000001</v>
      </c>
      <c r="G1077">
        <v>1138.069</v>
      </c>
      <c r="H1077">
        <v>1150.5840000000001</v>
      </c>
      <c r="I1077">
        <v>1158.77</v>
      </c>
      <c r="J1077">
        <v>1162.413</v>
      </c>
      <c r="K1077">
        <v>1164.2349999999999</v>
      </c>
      <c r="L1077">
        <v>1167.2</v>
      </c>
      <c r="M1077">
        <v>1145.7570000000001</v>
      </c>
      <c r="N1077">
        <v>1020.753</v>
      </c>
      <c r="O1077">
        <v>1068.4849999999999</v>
      </c>
      <c r="P1077">
        <v>0</v>
      </c>
      <c r="Q1077">
        <v>0</v>
      </c>
      <c r="R1077">
        <v>1115.923</v>
      </c>
      <c r="S1077">
        <v>0</v>
      </c>
      <c r="T1077">
        <v>1129.1590000000001</v>
      </c>
      <c r="U1077">
        <v>1149.172</v>
      </c>
      <c r="V1077">
        <v>1162.605</v>
      </c>
      <c r="W1077">
        <v>1181.146</v>
      </c>
      <c r="X1077">
        <v>1187.444</v>
      </c>
      <c r="Y1077">
        <v>1187.9280000000001</v>
      </c>
    </row>
    <row r="1078" spans="1:25" x14ac:dyDescent="0.3">
      <c r="A1078">
        <v>28.833333332619318</v>
      </c>
      <c r="B1078">
        <v>1041.1369999999999</v>
      </c>
      <c r="C1078">
        <v>1082.0609999999999</v>
      </c>
      <c r="D1078">
        <v>1091.9469999999999</v>
      </c>
      <c r="E1078">
        <v>1110.087</v>
      </c>
      <c r="F1078">
        <v>1124.3779999999999</v>
      </c>
      <c r="G1078">
        <v>1135.1410000000001</v>
      </c>
      <c r="H1078">
        <v>1150.376</v>
      </c>
      <c r="I1078">
        <v>1154.17</v>
      </c>
      <c r="J1078">
        <v>1161.2449999999999</v>
      </c>
      <c r="K1078">
        <v>1164.0060000000001</v>
      </c>
      <c r="L1078">
        <v>1170.2470000000001</v>
      </c>
      <c r="M1078">
        <v>1149.288</v>
      </c>
      <c r="N1078">
        <v>1012.869</v>
      </c>
      <c r="O1078">
        <v>1066.384</v>
      </c>
      <c r="P1078">
        <v>0</v>
      </c>
      <c r="Q1078">
        <v>0</v>
      </c>
      <c r="R1078">
        <v>1116.8689999999999</v>
      </c>
      <c r="S1078">
        <v>0</v>
      </c>
      <c r="T1078">
        <v>1133.7170000000001</v>
      </c>
      <c r="U1078">
        <v>1157.7170000000001</v>
      </c>
      <c r="V1078">
        <v>1165.6020000000001</v>
      </c>
      <c r="W1078">
        <v>1181.1669999999999</v>
      </c>
      <c r="X1078">
        <v>1190.527</v>
      </c>
      <c r="Y1078">
        <v>1185.2370000000001</v>
      </c>
    </row>
    <row r="1079" spans="1:25" x14ac:dyDescent="0.3">
      <c r="A1079">
        <v>28.850000003182018</v>
      </c>
      <c r="B1079">
        <v>1030.27</v>
      </c>
      <c r="C1079">
        <v>1079.298</v>
      </c>
      <c r="D1079">
        <v>1087.3969999999999</v>
      </c>
      <c r="E1079">
        <v>1107.692</v>
      </c>
      <c r="F1079">
        <v>1126.693</v>
      </c>
      <c r="G1079">
        <v>1135.8620000000001</v>
      </c>
      <c r="H1079">
        <v>1143.6410000000001</v>
      </c>
      <c r="I1079">
        <v>1151.1980000000001</v>
      </c>
      <c r="J1079">
        <v>1161.9929999999999</v>
      </c>
      <c r="K1079">
        <v>1165.4090000000001</v>
      </c>
      <c r="L1079">
        <v>1170.6130000000001</v>
      </c>
      <c r="M1079">
        <v>1148.9069999999999</v>
      </c>
      <c r="N1079">
        <v>1017.252</v>
      </c>
      <c r="O1079">
        <v>1057.364</v>
      </c>
      <c r="P1079">
        <v>0</v>
      </c>
      <c r="Q1079">
        <v>0</v>
      </c>
      <c r="R1079">
        <v>1111.4659999999999</v>
      </c>
      <c r="S1079">
        <v>0</v>
      </c>
      <c r="T1079">
        <v>1130.509</v>
      </c>
      <c r="U1079">
        <v>1150.1659999999999</v>
      </c>
      <c r="V1079">
        <v>1157.4110000000001</v>
      </c>
      <c r="W1079">
        <v>1172.54</v>
      </c>
      <c r="X1079">
        <v>1186.0309999999999</v>
      </c>
      <c r="Y1079">
        <v>1184.287</v>
      </c>
    </row>
    <row r="1080" spans="1:25" x14ac:dyDescent="0.3">
      <c r="A1080">
        <v>28.883333333830038</v>
      </c>
      <c r="B1080">
        <v>1033.914</v>
      </c>
      <c r="C1080">
        <v>1084.9069999999999</v>
      </c>
      <c r="D1080">
        <v>1097.443</v>
      </c>
      <c r="E1080">
        <v>1118.3230000000001</v>
      </c>
      <c r="F1080">
        <v>1133.451</v>
      </c>
      <c r="G1080">
        <v>1141.924</v>
      </c>
      <c r="H1080">
        <v>1147.3800000000001</v>
      </c>
      <c r="I1080">
        <v>1152.3869999999999</v>
      </c>
      <c r="J1080">
        <v>1162.146</v>
      </c>
      <c r="K1080">
        <v>1168.01</v>
      </c>
      <c r="L1080">
        <v>1171.537</v>
      </c>
      <c r="M1080">
        <v>1149.498</v>
      </c>
      <c r="N1080">
        <v>1013.638</v>
      </c>
      <c r="O1080">
        <v>1058.329</v>
      </c>
      <c r="P1080">
        <v>0</v>
      </c>
      <c r="Q1080">
        <v>0</v>
      </c>
      <c r="R1080">
        <v>1114.979</v>
      </c>
      <c r="S1080">
        <v>0</v>
      </c>
      <c r="T1080">
        <v>1130.7550000000001</v>
      </c>
      <c r="U1080">
        <v>1146.96</v>
      </c>
      <c r="V1080">
        <v>1158.4649999999999</v>
      </c>
      <c r="W1080">
        <v>1172.79</v>
      </c>
      <c r="X1080">
        <v>1185.1199999999999</v>
      </c>
      <c r="Y1080">
        <v>1187.6780000000001</v>
      </c>
    </row>
    <row r="1081" spans="1:25" x14ac:dyDescent="0.3">
      <c r="A1081">
        <v>28.900000004392737</v>
      </c>
      <c r="B1081">
        <v>1036.2170000000001</v>
      </c>
      <c r="C1081">
        <v>1083.56</v>
      </c>
      <c r="D1081">
        <v>1090.1310000000001</v>
      </c>
      <c r="E1081">
        <v>1111.75</v>
      </c>
      <c r="F1081">
        <v>1127.8330000000001</v>
      </c>
      <c r="G1081">
        <v>1141.7339999999999</v>
      </c>
      <c r="H1081">
        <v>1146.58</v>
      </c>
      <c r="I1081">
        <v>1153.711</v>
      </c>
      <c r="J1081">
        <v>1160.422</v>
      </c>
      <c r="K1081">
        <v>1168.204</v>
      </c>
      <c r="L1081">
        <v>1172.8689999999999</v>
      </c>
      <c r="M1081">
        <v>1149.0029999999999</v>
      </c>
      <c r="N1081">
        <v>1014.098</v>
      </c>
      <c r="O1081">
        <v>1052.7280000000001</v>
      </c>
      <c r="P1081">
        <v>0</v>
      </c>
      <c r="Q1081">
        <v>0</v>
      </c>
      <c r="R1081">
        <v>1118.117</v>
      </c>
      <c r="S1081">
        <v>0</v>
      </c>
      <c r="T1081">
        <v>1134.4770000000001</v>
      </c>
      <c r="U1081">
        <v>1147.992</v>
      </c>
      <c r="V1081">
        <v>1160</v>
      </c>
      <c r="W1081">
        <v>1177.9570000000001</v>
      </c>
      <c r="X1081">
        <v>1184.0740000000001</v>
      </c>
      <c r="Y1081">
        <v>1184.578</v>
      </c>
    </row>
    <row r="1082" spans="1:25" x14ac:dyDescent="0.3">
      <c r="A1082">
        <v>28.933333335040757</v>
      </c>
      <c r="B1082">
        <v>1037.2660000000001</v>
      </c>
      <c r="C1082">
        <v>1082.2670000000001</v>
      </c>
      <c r="D1082">
        <v>1087.7339999999999</v>
      </c>
      <c r="E1082">
        <v>1108.463</v>
      </c>
      <c r="F1082">
        <v>1125.0419999999999</v>
      </c>
      <c r="G1082">
        <v>1142.7639999999999</v>
      </c>
      <c r="H1082">
        <v>1153.288</v>
      </c>
      <c r="I1082">
        <v>1159.769</v>
      </c>
      <c r="J1082">
        <v>1166.835</v>
      </c>
      <c r="K1082">
        <v>1171.519</v>
      </c>
      <c r="L1082">
        <v>1174.3520000000001</v>
      </c>
      <c r="M1082">
        <v>1147.6289999999999</v>
      </c>
      <c r="N1082">
        <v>1015.198</v>
      </c>
      <c r="O1082">
        <v>1058.626</v>
      </c>
      <c r="P1082">
        <v>0</v>
      </c>
      <c r="Q1082">
        <v>0</v>
      </c>
      <c r="R1082">
        <v>1115.5840000000001</v>
      </c>
      <c r="S1082">
        <v>0</v>
      </c>
      <c r="T1082">
        <v>1134.6849999999999</v>
      </c>
      <c r="U1082">
        <v>1148.182</v>
      </c>
      <c r="V1082">
        <v>1162.223</v>
      </c>
      <c r="W1082">
        <v>1180.1980000000001</v>
      </c>
      <c r="X1082">
        <v>1187.7360000000001</v>
      </c>
      <c r="Y1082">
        <v>1182.2329999999999</v>
      </c>
    </row>
    <row r="1083" spans="1:25" x14ac:dyDescent="0.3">
      <c r="A1083">
        <v>28.966666665688777</v>
      </c>
      <c r="B1083">
        <v>1043.115</v>
      </c>
      <c r="C1083">
        <v>1081.462</v>
      </c>
      <c r="D1083">
        <v>1086.817</v>
      </c>
      <c r="E1083">
        <v>1109.633</v>
      </c>
      <c r="F1083">
        <v>1127.8699999999999</v>
      </c>
      <c r="G1083">
        <v>1144.5</v>
      </c>
      <c r="H1083">
        <v>1153.902</v>
      </c>
      <c r="I1083">
        <v>1161.0540000000001</v>
      </c>
      <c r="J1083">
        <v>1163.355</v>
      </c>
      <c r="K1083">
        <v>1168.7429999999999</v>
      </c>
      <c r="L1083">
        <v>1171.48</v>
      </c>
      <c r="M1083">
        <v>1149.079</v>
      </c>
      <c r="N1083">
        <v>1014.207</v>
      </c>
      <c r="O1083">
        <v>1064.009</v>
      </c>
      <c r="P1083">
        <v>0</v>
      </c>
      <c r="Q1083">
        <v>0</v>
      </c>
      <c r="R1083">
        <v>1115.3389999999999</v>
      </c>
      <c r="S1083">
        <v>0</v>
      </c>
      <c r="T1083">
        <v>1129.731</v>
      </c>
      <c r="U1083">
        <v>1146.713</v>
      </c>
      <c r="V1083">
        <v>1162.741</v>
      </c>
      <c r="W1083">
        <v>1180.373</v>
      </c>
      <c r="X1083">
        <v>1191.0889999999999</v>
      </c>
      <c r="Y1083">
        <v>1182.7950000000001</v>
      </c>
    </row>
    <row r="1084" spans="1:25" x14ac:dyDescent="0.3">
      <c r="A1084">
        <v>28.983333336251476</v>
      </c>
      <c r="B1084">
        <v>1047.2919999999999</v>
      </c>
      <c r="C1084">
        <v>1078.8130000000001</v>
      </c>
      <c r="D1084">
        <v>1081.424</v>
      </c>
      <c r="E1084">
        <v>1104.9079999999999</v>
      </c>
      <c r="F1084">
        <v>1120.0050000000001</v>
      </c>
      <c r="G1084">
        <v>1138.7190000000001</v>
      </c>
      <c r="H1084">
        <v>1144.9949999999999</v>
      </c>
      <c r="I1084">
        <v>1154.8219999999999</v>
      </c>
      <c r="J1084">
        <v>1157.18</v>
      </c>
      <c r="K1084">
        <v>1163.8140000000001</v>
      </c>
      <c r="L1084">
        <v>1167.933</v>
      </c>
      <c r="M1084">
        <v>1145.9870000000001</v>
      </c>
      <c r="N1084">
        <v>1011.681</v>
      </c>
      <c r="O1084">
        <v>1063.0060000000001</v>
      </c>
      <c r="P1084">
        <v>0</v>
      </c>
      <c r="Q1084">
        <v>0</v>
      </c>
      <c r="R1084">
        <v>1110.3130000000001</v>
      </c>
      <c r="S1084">
        <v>0</v>
      </c>
      <c r="T1084">
        <v>1127.9839999999999</v>
      </c>
      <c r="U1084">
        <v>1147.4559999999999</v>
      </c>
      <c r="V1084">
        <v>1161.4939999999999</v>
      </c>
      <c r="W1084">
        <v>1179.829</v>
      </c>
      <c r="X1084">
        <v>1191.4369999999999</v>
      </c>
      <c r="Y1084">
        <v>1182.9690000000001</v>
      </c>
    </row>
    <row r="1085" spans="1:25" x14ac:dyDescent="0.3">
      <c r="A1085">
        <v>29.016666666899496</v>
      </c>
      <c r="B1085">
        <v>1040.73</v>
      </c>
      <c r="C1085">
        <v>1076.4459999999999</v>
      </c>
      <c r="D1085">
        <v>1077.6010000000001</v>
      </c>
      <c r="E1085">
        <v>1100.6210000000001</v>
      </c>
      <c r="F1085">
        <v>1113.5809999999999</v>
      </c>
      <c r="G1085">
        <v>1136.6969999999999</v>
      </c>
      <c r="H1085">
        <v>1143.202</v>
      </c>
      <c r="I1085">
        <v>1155.991</v>
      </c>
      <c r="J1085">
        <v>1157.6020000000001</v>
      </c>
      <c r="K1085">
        <v>1165.7940000000001</v>
      </c>
      <c r="L1085">
        <v>1168.126</v>
      </c>
      <c r="M1085">
        <v>1141.771</v>
      </c>
      <c r="N1085">
        <v>1009.452</v>
      </c>
      <c r="O1085">
        <v>1065.4739999999999</v>
      </c>
      <c r="P1085">
        <v>0</v>
      </c>
      <c r="Q1085">
        <v>0</v>
      </c>
      <c r="R1085">
        <v>1110.539</v>
      </c>
      <c r="S1085">
        <v>0</v>
      </c>
      <c r="T1085">
        <v>1123.4469999999999</v>
      </c>
      <c r="U1085">
        <v>1143.393</v>
      </c>
      <c r="V1085">
        <v>1154.9559999999999</v>
      </c>
      <c r="W1085">
        <v>1175.0260000000001</v>
      </c>
      <c r="X1085">
        <v>1189.0340000000001</v>
      </c>
      <c r="Y1085">
        <v>1181.1659999999999</v>
      </c>
    </row>
    <row r="1086" spans="1:25" x14ac:dyDescent="0.3">
      <c r="A1086">
        <v>29.049999997547516</v>
      </c>
      <c r="B1086">
        <v>1041.452</v>
      </c>
      <c r="C1086">
        <v>1076.5219999999999</v>
      </c>
      <c r="D1086">
        <v>1080.194</v>
      </c>
      <c r="E1086">
        <v>1102.221</v>
      </c>
      <c r="F1086">
        <v>1119.232</v>
      </c>
      <c r="G1086">
        <v>1138.1679999999999</v>
      </c>
      <c r="H1086">
        <v>1142.8409999999999</v>
      </c>
      <c r="I1086">
        <v>1150.3389999999999</v>
      </c>
      <c r="J1086">
        <v>1153.999</v>
      </c>
      <c r="K1086">
        <v>1166.123</v>
      </c>
      <c r="L1086">
        <v>1170.556</v>
      </c>
      <c r="M1086">
        <v>1145.2639999999999</v>
      </c>
      <c r="N1086">
        <v>1011.2619999999999</v>
      </c>
      <c r="O1086">
        <v>1062.711</v>
      </c>
      <c r="P1086">
        <v>0</v>
      </c>
      <c r="Q1086">
        <v>0</v>
      </c>
      <c r="R1086">
        <v>1112.846</v>
      </c>
      <c r="S1086">
        <v>0</v>
      </c>
      <c r="T1086">
        <v>1127.511</v>
      </c>
      <c r="U1086">
        <v>1142.403</v>
      </c>
      <c r="V1086">
        <v>1152.2159999999999</v>
      </c>
      <c r="W1086">
        <v>1170.691</v>
      </c>
      <c r="X1086">
        <v>1186.924</v>
      </c>
      <c r="Y1086">
        <v>1183.998</v>
      </c>
    </row>
    <row r="1087" spans="1:25" x14ac:dyDescent="0.3">
      <c r="A1087">
        <v>29.066666668110216</v>
      </c>
      <c r="B1087">
        <v>1043.0219999999999</v>
      </c>
      <c r="C1087">
        <v>1079.0930000000001</v>
      </c>
      <c r="D1087">
        <v>1086.854</v>
      </c>
      <c r="E1087">
        <v>1111.05</v>
      </c>
      <c r="F1087">
        <v>1121.6489999999999</v>
      </c>
      <c r="G1087">
        <v>1135.8430000000001</v>
      </c>
      <c r="H1087">
        <v>1146.713</v>
      </c>
      <c r="I1087">
        <v>1155.1099999999999</v>
      </c>
      <c r="J1087">
        <v>1161.0350000000001</v>
      </c>
      <c r="K1087">
        <v>1171.23</v>
      </c>
      <c r="L1087">
        <v>1174.4680000000001</v>
      </c>
      <c r="M1087">
        <v>1147.7239999999999</v>
      </c>
      <c r="N1087">
        <v>1014.336</v>
      </c>
      <c r="O1087">
        <v>1057.383</v>
      </c>
      <c r="P1087">
        <v>0</v>
      </c>
      <c r="Q1087">
        <v>0</v>
      </c>
      <c r="R1087">
        <v>1114.0540000000001</v>
      </c>
      <c r="S1087">
        <v>0</v>
      </c>
      <c r="T1087">
        <v>1131.5719999999999</v>
      </c>
      <c r="U1087">
        <v>1148.4870000000001</v>
      </c>
      <c r="V1087">
        <v>1159.577</v>
      </c>
      <c r="W1087">
        <v>1173.2149999999999</v>
      </c>
      <c r="X1087">
        <v>1188.298</v>
      </c>
      <c r="Y1087">
        <v>1181.0509999999999</v>
      </c>
    </row>
    <row r="1088" spans="1:25" x14ac:dyDescent="0.3">
      <c r="A1088">
        <v>29.099999998758236</v>
      </c>
      <c r="B1088">
        <v>1040.3420000000001</v>
      </c>
      <c r="C1088">
        <v>1077.192</v>
      </c>
      <c r="D1088">
        <v>1083.653</v>
      </c>
      <c r="E1088">
        <v>1105.605</v>
      </c>
      <c r="F1088">
        <v>1118.097</v>
      </c>
      <c r="G1088">
        <v>1133.7170000000001</v>
      </c>
      <c r="H1088">
        <v>1146.2170000000001</v>
      </c>
      <c r="I1088">
        <v>1154.4390000000001</v>
      </c>
      <c r="J1088">
        <v>1158.9829999999999</v>
      </c>
      <c r="K1088">
        <v>1167.182</v>
      </c>
      <c r="L1088">
        <v>1172.7719999999999</v>
      </c>
      <c r="M1088">
        <v>1145.587</v>
      </c>
      <c r="N1088">
        <v>1008.045</v>
      </c>
      <c r="O1088">
        <v>1061.1500000000001</v>
      </c>
      <c r="P1088">
        <v>0</v>
      </c>
      <c r="Q1088">
        <v>0</v>
      </c>
      <c r="R1088">
        <v>1111.145</v>
      </c>
      <c r="S1088">
        <v>0</v>
      </c>
      <c r="T1088">
        <v>1126.9590000000001</v>
      </c>
      <c r="U1088">
        <v>1146.0640000000001</v>
      </c>
      <c r="V1088">
        <v>1156.222</v>
      </c>
      <c r="W1088">
        <v>1168.319</v>
      </c>
      <c r="X1088">
        <v>1182.6790000000001</v>
      </c>
      <c r="Y1088">
        <v>1178.3030000000001</v>
      </c>
    </row>
    <row r="1089" spans="1:25" x14ac:dyDescent="0.3">
      <c r="A1089">
        <v>29.116666669320935</v>
      </c>
      <c r="B1089">
        <v>1035.6279999999999</v>
      </c>
      <c r="C1089">
        <v>1072.8869999999999</v>
      </c>
      <c r="D1089">
        <v>1075.981</v>
      </c>
      <c r="E1089">
        <v>1102.71</v>
      </c>
      <c r="F1089">
        <v>1119.723</v>
      </c>
      <c r="G1089">
        <v>1136.357</v>
      </c>
      <c r="H1089">
        <v>1141.7729999999999</v>
      </c>
      <c r="I1089">
        <v>1152.9829999999999</v>
      </c>
      <c r="J1089">
        <v>1161.0360000000001</v>
      </c>
      <c r="K1089">
        <v>1166.49</v>
      </c>
      <c r="L1089">
        <v>1169.6310000000001</v>
      </c>
      <c r="M1089">
        <v>1140.8</v>
      </c>
      <c r="N1089">
        <v>1004.776</v>
      </c>
      <c r="O1089">
        <v>1055.509</v>
      </c>
      <c r="P1089">
        <v>0</v>
      </c>
      <c r="Q1089">
        <v>0</v>
      </c>
      <c r="R1089">
        <v>1111.769</v>
      </c>
      <c r="S1089">
        <v>0</v>
      </c>
      <c r="T1089">
        <v>1125.8019999999999</v>
      </c>
      <c r="U1089">
        <v>1141.182</v>
      </c>
      <c r="V1089">
        <v>1149.442</v>
      </c>
      <c r="W1089">
        <v>1168.7829999999999</v>
      </c>
      <c r="X1089">
        <v>1188.9580000000001</v>
      </c>
      <c r="Y1089">
        <v>1182.1759999999999</v>
      </c>
    </row>
    <row r="1090" spans="1:25" x14ac:dyDescent="0.3">
      <c r="A1090">
        <v>29.149999999968955</v>
      </c>
      <c r="B1090">
        <v>1037.67</v>
      </c>
      <c r="C1090">
        <v>1073.836</v>
      </c>
      <c r="D1090">
        <v>1075.998</v>
      </c>
      <c r="E1090">
        <v>1099.4359999999999</v>
      </c>
      <c r="F1090">
        <v>1115.1869999999999</v>
      </c>
      <c r="G1090">
        <v>1134.76</v>
      </c>
      <c r="H1090">
        <v>1148.3530000000001</v>
      </c>
      <c r="I1090">
        <v>1156.797</v>
      </c>
      <c r="J1090">
        <v>1162.932</v>
      </c>
      <c r="K1090">
        <v>1166.4490000000001</v>
      </c>
      <c r="L1090">
        <v>1172.039</v>
      </c>
      <c r="M1090">
        <v>1144.557</v>
      </c>
      <c r="N1090">
        <v>1014.5</v>
      </c>
      <c r="O1090">
        <v>1056.6949999999999</v>
      </c>
      <c r="P1090">
        <v>0</v>
      </c>
      <c r="Q1090">
        <v>0</v>
      </c>
      <c r="R1090">
        <v>1116.2639999999999</v>
      </c>
      <c r="S1090">
        <v>0</v>
      </c>
      <c r="T1090">
        <v>1128.7809999999999</v>
      </c>
      <c r="U1090">
        <v>1146.846</v>
      </c>
      <c r="V1090">
        <v>1154.8789999999999</v>
      </c>
      <c r="W1090">
        <v>1174.7750000000001</v>
      </c>
      <c r="X1090">
        <v>1189.635</v>
      </c>
      <c r="Y1090">
        <v>1178.7650000000001</v>
      </c>
    </row>
    <row r="1091" spans="1:25" x14ac:dyDescent="0.3">
      <c r="A1091">
        <v>29.183333330616975</v>
      </c>
      <c r="B1091">
        <v>1037.672</v>
      </c>
      <c r="C1091">
        <v>1074.3409999999999</v>
      </c>
      <c r="D1091">
        <v>1075.422</v>
      </c>
      <c r="E1091">
        <v>1097.67</v>
      </c>
      <c r="F1091">
        <v>1111.58</v>
      </c>
      <c r="G1091">
        <v>1129.979</v>
      </c>
      <c r="H1091">
        <v>1142.9749999999999</v>
      </c>
      <c r="I1091">
        <v>1153.961</v>
      </c>
      <c r="J1091">
        <v>1160.269</v>
      </c>
      <c r="K1091">
        <v>1167.819</v>
      </c>
      <c r="L1091">
        <v>1171.038</v>
      </c>
      <c r="M1091">
        <v>1147.229</v>
      </c>
      <c r="N1091">
        <v>1015.034</v>
      </c>
      <c r="O1091">
        <v>1048.44</v>
      </c>
      <c r="P1091">
        <v>0</v>
      </c>
      <c r="Q1091">
        <v>0</v>
      </c>
      <c r="R1091">
        <v>1112.6759999999999</v>
      </c>
      <c r="S1091">
        <v>0</v>
      </c>
      <c r="T1091">
        <v>1130.529</v>
      </c>
      <c r="U1091">
        <v>1150.797</v>
      </c>
      <c r="V1091">
        <v>1157.5650000000001</v>
      </c>
      <c r="W1091">
        <v>1173.4670000000001</v>
      </c>
      <c r="X1091">
        <v>1187.912</v>
      </c>
      <c r="Y1091">
        <v>1180.277</v>
      </c>
    </row>
    <row r="1092" spans="1:25" x14ac:dyDescent="0.3">
      <c r="A1092">
        <v>29.200000001179674</v>
      </c>
      <c r="B1092">
        <v>1027.306</v>
      </c>
      <c r="C1092">
        <v>1071.3389999999999</v>
      </c>
      <c r="D1092">
        <v>1075.44</v>
      </c>
      <c r="E1092">
        <v>1096.7860000000001</v>
      </c>
      <c r="F1092">
        <v>1110.2570000000001</v>
      </c>
      <c r="G1092">
        <v>1132.598</v>
      </c>
      <c r="H1092">
        <v>1142.8599999999999</v>
      </c>
      <c r="I1092">
        <v>1154.248</v>
      </c>
      <c r="J1092">
        <v>1159.405</v>
      </c>
      <c r="K1092">
        <v>1167.144</v>
      </c>
      <c r="L1092">
        <v>1170.2470000000001</v>
      </c>
      <c r="M1092">
        <v>1143.604</v>
      </c>
      <c r="N1092">
        <v>1012.2670000000001</v>
      </c>
      <c r="O1092">
        <v>1046.3689999999999</v>
      </c>
      <c r="P1092">
        <v>0</v>
      </c>
      <c r="Q1092">
        <v>0</v>
      </c>
      <c r="R1092">
        <v>1108.9349999999999</v>
      </c>
      <c r="S1092">
        <v>0</v>
      </c>
      <c r="T1092">
        <v>1129.2570000000001</v>
      </c>
      <c r="U1092">
        <v>1147.8389999999999</v>
      </c>
      <c r="V1092">
        <v>1155.6669999999999</v>
      </c>
      <c r="W1092">
        <v>1172.175</v>
      </c>
      <c r="X1092">
        <v>1184.9849999999999</v>
      </c>
      <c r="Y1092">
        <v>1182.2529999999999</v>
      </c>
    </row>
    <row r="1093" spans="1:25" x14ac:dyDescent="0.3">
      <c r="A1093">
        <v>29.233333331827694</v>
      </c>
      <c r="B1093">
        <v>1030.364</v>
      </c>
      <c r="C1093">
        <v>1071.491</v>
      </c>
      <c r="D1093">
        <v>1077.9780000000001</v>
      </c>
      <c r="E1093">
        <v>1098.462</v>
      </c>
      <c r="F1093">
        <v>1114.643</v>
      </c>
      <c r="G1093">
        <v>1137.769</v>
      </c>
      <c r="H1093">
        <v>1148.49</v>
      </c>
      <c r="I1093">
        <v>1159.4839999999999</v>
      </c>
      <c r="J1093">
        <v>1164.546</v>
      </c>
      <c r="K1093">
        <v>1168.7850000000001</v>
      </c>
      <c r="L1093">
        <v>1168.4190000000001</v>
      </c>
      <c r="M1093">
        <v>1142.8810000000001</v>
      </c>
      <c r="N1093">
        <v>1008.797</v>
      </c>
      <c r="O1093">
        <v>1057.5709999999999</v>
      </c>
      <c r="P1093">
        <v>0</v>
      </c>
      <c r="Q1093">
        <v>0</v>
      </c>
      <c r="R1093">
        <v>1108.9369999999999</v>
      </c>
      <c r="S1093">
        <v>0</v>
      </c>
      <c r="T1093">
        <v>1133.2449999999999</v>
      </c>
      <c r="U1093">
        <v>1153.2909999999999</v>
      </c>
      <c r="V1093">
        <v>1160.098</v>
      </c>
      <c r="W1093">
        <v>1176.5329999999999</v>
      </c>
      <c r="X1093">
        <v>1190.588</v>
      </c>
      <c r="Y1093">
        <v>1185.511</v>
      </c>
    </row>
    <row r="1094" spans="1:25" x14ac:dyDescent="0.3">
      <c r="A1094">
        <v>29.250000002390394</v>
      </c>
      <c r="B1094">
        <v>1038.096</v>
      </c>
      <c r="C1094">
        <v>1072.5519999999999</v>
      </c>
      <c r="D1094">
        <v>1077.0809999999999</v>
      </c>
      <c r="E1094">
        <v>1099.607</v>
      </c>
      <c r="F1094">
        <v>1116.133</v>
      </c>
      <c r="G1094">
        <v>1134.136</v>
      </c>
      <c r="H1094">
        <v>1152.5609999999999</v>
      </c>
      <c r="I1094">
        <v>1161.1320000000001</v>
      </c>
      <c r="J1094">
        <v>1163.356</v>
      </c>
      <c r="K1094">
        <v>1169.0719999999999</v>
      </c>
      <c r="L1094">
        <v>1169.0530000000001</v>
      </c>
      <c r="M1094">
        <v>1143.7380000000001</v>
      </c>
      <c r="N1094">
        <v>1015.768</v>
      </c>
      <c r="O1094">
        <v>1062.5619999999999</v>
      </c>
      <c r="P1094">
        <v>0</v>
      </c>
      <c r="Q1094">
        <v>0</v>
      </c>
      <c r="R1094">
        <v>1108.8219999999999</v>
      </c>
      <c r="S1094">
        <v>0</v>
      </c>
      <c r="T1094">
        <v>1131.7439999999999</v>
      </c>
      <c r="U1094">
        <v>1151.4680000000001</v>
      </c>
      <c r="V1094">
        <v>1160.173</v>
      </c>
      <c r="W1094">
        <v>1173.9870000000001</v>
      </c>
      <c r="X1094">
        <v>1187.6990000000001</v>
      </c>
      <c r="Y1094">
        <v>1183.5709999999999</v>
      </c>
    </row>
    <row r="1095" spans="1:25" x14ac:dyDescent="0.3">
      <c r="A1095">
        <v>29.283333333038414</v>
      </c>
      <c r="B1095">
        <v>1027.3820000000001</v>
      </c>
      <c r="C1095">
        <v>1073.075</v>
      </c>
      <c r="D1095">
        <v>1080.028</v>
      </c>
      <c r="E1095">
        <v>1101.9970000000001</v>
      </c>
      <c r="F1095">
        <v>1117.684</v>
      </c>
      <c r="G1095">
        <v>1134.479</v>
      </c>
      <c r="H1095">
        <v>1152.8889999999999</v>
      </c>
      <c r="I1095">
        <v>1160.424</v>
      </c>
      <c r="J1095">
        <v>1162.3800000000001</v>
      </c>
      <c r="K1095">
        <v>1167.7249999999999</v>
      </c>
      <c r="L1095">
        <v>1167.3779999999999</v>
      </c>
      <c r="M1095">
        <v>1140.3440000000001</v>
      </c>
      <c r="N1095">
        <v>1014.797</v>
      </c>
      <c r="O1095">
        <v>1059.9649999999999</v>
      </c>
      <c r="P1095">
        <v>0</v>
      </c>
      <c r="Q1095">
        <v>0</v>
      </c>
      <c r="R1095">
        <v>1110.5239999999999</v>
      </c>
      <c r="S1095">
        <v>0</v>
      </c>
      <c r="T1095">
        <v>1128.367</v>
      </c>
      <c r="U1095">
        <v>1148.395</v>
      </c>
      <c r="V1095">
        <v>1158.2</v>
      </c>
      <c r="W1095">
        <v>1171.078</v>
      </c>
      <c r="X1095">
        <v>1186.848</v>
      </c>
      <c r="Y1095">
        <v>1180.414</v>
      </c>
    </row>
    <row r="1096" spans="1:25" x14ac:dyDescent="0.3">
      <c r="A1096">
        <v>29.316666663686433</v>
      </c>
      <c r="B1096">
        <v>1021.123</v>
      </c>
      <c r="C1096">
        <v>1071.508</v>
      </c>
      <c r="D1096">
        <v>1075.944</v>
      </c>
      <c r="E1096">
        <v>1099.9639999999999</v>
      </c>
      <c r="F1096">
        <v>1114.83</v>
      </c>
      <c r="G1096">
        <v>1135.92</v>
      </c>
      <c r="H1096">
        <v>1148.011</v>
      </c>
      <c r="I1096">
        <v>1155.9929999999999</v>
      </c>
      <c r="J1096">
        <v>1158.1020000000001</v>
      </c>
      <c r="K1096">
        <v>1162.646</v>
      </c>
      <c r="L1096">
        <v>1162.915</v>
      </c>
      <c r="M1096">
        <v>1141.3340000000001</v>
      </c>
      <c r="N1096">
        <v>1019.234</v>
      </c>
      <c r="O1096">
        <v>1064.511</v>
      </c>
      <c r="P1096">
        <v>0</v>
      </c>
      <c r="Q1096">
        <v>0</v>
      </c>
      <c r="R1096">
        <v>1110.4280000000001</v>
      </c>
      <c r="S1096">
        <v>0</v>
      </c>
      <c r="T1096">
        <v>1126.809</v>
      </c>
      <c r="U1096">
        <v>1147.4010000000001</v>
      </c>
      <c r="V1096">
        <v>1157.297</v>
      </c>
      <c r="W1096">
        <v>1168.3589999999999</v>
      </c>
      <c r="X1096">
        <v>1185.3150000000001</v>
      </c>
      <c r="Y1096">
        <v>1180.354</v>
      </c>
    </row>
    <row r="1097" spans="1:25" x14ac:dyDescent="0.3">
      <c r="A1097">
        <v>29.333333334249133</v>
      </c>
      <c r="B1097">
        <v>1026.9570000000001</v>
      </c>
      <c r="C1097">
        <v>1069.4570000000001</v>
      </c>
      <c r="D1097">
        <v>1073.018</v>
      </c>
      <c r="E1097">
        <v>1097.877</v>
      </c>
      <c r="F1097">
        <v>1113.2049999999999</v>
      </c>
      <c r="G1097">
        <v>1131.934</v>
      </c>
      <c r="H1097">
        <v>1144.4059999999999</v>
      </c>
      <c r="I1097">
        <v>1151.7170000000001</v>
      </c>
      <c r="J1097">
        <v>1156.0309999999999</v>
      </c>
      <c r="K1097">
        <v>1162.0709999999999</v>
      </c>
      <c r="L1097">
        <v>1163.375</v>
      </c>
      <c r="M1097">
        <v>1141.9829999999999</v>
      </c>
      <c r="N1097">
        <v>1010.659</v>
      </c>
      <c r="O1097">
        <v>1054.6179999999999</v>
      </c>
      <c r="P1097">
        <v>0</v>
      </c>
      <c r="Q1097">
        <v>0</v>
      </c>
      <c r="R1097">
        <v>1107.693</v>
      </c>
      <c r="S1097">
        <v>0</v>
      </c>
      <c r="T1097">
        <v>1126.4860000000001</v>
      </c>
      <c r="U1097">
        <v>1145.569</v>
      </c>
      <c r="V1097">
        <v>1159.904</v>
      </c>
      <c r="W1097">
        <v>1173.0229999999999</v>
      </c>
      <c r="X1097">
        <v>1184.8699999999999</v>
      </c>
      <c r="Y1097">
        <v>1182.99</v>
      </c>
    </row>
    <row r="1098" spans="1:25" x14ac:dyDescent="0.3">
      <c r="A1098">
        <v>29.366666664897153</v>
      </c>
      <c r="B1098">
        <v>1032.703</v>
      </c>
      <c r="C1098">
        <v>1072.759</v>
      </c>
      <c r="D1098">
        <v>1075.5740000000001</v>
      </c>
      <c r="E1098">
        <v>1097.992</v>
      </c>
      <c r="F1098">
        <v>1120.1030000000001</v>
      </c>
      <c r="G1098">
        <v>1135.4480000000001</v>
      </c>
      <c r="H1098">
        <v>1148.7</v>
      </c>
      <c r="I1098">
        <v>1154.02</v>
      </c>
      <c r="J1098">
        <v>1154.979</v>
      </c>
      <c r="K1098">
        <v>1161.671</v>
      </c>
      <c r="L1098">
        <v>1163.377</v>
      </c>
      <c r="M1098">
        <v>1141.0889999999999</v>
      </c>
      <c r="N1098">
        <v>1008.433</v>
      </c>
      <c r="O1098">
        <v>1058.221</v>
      </c>
      <c r="P1098">
        <v>0</v>
      </c>
      <c r="Q1098">
        <v>0</v>
      </c>
      <c r="R1098">
        <v>1108.1469999999999</v>
      </c>
      <c r="S1098">
        <v>0</v>
      </c>
      <c r="T1098">
        <v>1125.8050000000001</v>
      </c>
      <c r="U1098">
        <v>1142.1949999999999</v>
      </c>
      <c r="V1098">
        <v>1154.461</v>
      </c>
      <c r="W1098">
        <v>1170.944</v>
      </c>
      <c r="X1098">
        <v>1186.0150000000001</v>
      </c>
      <c r="Y1098">
        <v>1181.655</v>
      </c>
    </row>
    <row r="1099" spans="1:25" x14ac:dyDescent="0.3">
      <c r="A1099">
        <v>29.383333335459852</v>
      </c>
      <c r="B1099">
        <v>1034.691</v>
      </c>
      <c r="C1099">
        <v>1071.864</v>
      </c>
      <c r="D1099">
        <v>1076.673</v>
      </c>
      <c r="E1099">
        <v>1097.3150000000001</v>
      </c>
      <c r="F1099">
        <v>1118.6289999999999</v>
      </c>
      <c r="G1099">
        <v>1129.999</v>
      </c>
      <c r="H1099">
        <v>1140.7639999999999</v>
      </c>
      <c r="I1099">
        <v>1153.08</v>
      </c>
      <c r="J1099">
        <v>1155.3050000000001</v>
      </c>
      <c r="K1099">
        <v>1162.6859999999999</v>
      </c>
      <c r="L1099">
        <v>1162.2449999999999</v>
      </c>
      <c r="M1099">
        <v>1140.8969999999999</v>
      </c>
      <c r="N1099">
        <v>1010.917</v>
      </c>
      <c r="O1099">
        <v>1062.489</v>
      </c>
      <c r="P1099">
        <v>0</v>
      </c>
      <c r="Q1099">
        <v>0</v>
      </c>
      <c r="R1099">
        <v>1107.319</v>
      </c>
      <c r="S1099">
        <v>0</v>
      </c>
      <c r="T1099">
        <v>1125.519</v>
      </c>
      <c r="U1099">
        <v>1142.462</v>
      </c>
      <c r="V1099">
        <v>1153.598</v>
      </c>
      <c r="W1099">
        <v>1169.44</v>
      </c>
      <c r="X1099">
        <v>1184.4259999999999</v>
      </c>
      <c r="Y1099">
        <v>1178.615</v>
      </c>
    </row>
    <row r="1100" spans="1:25" x14ac:dyDescent="0.3">
      <c r="A1100">
        <v>29.416666666107872</v>
      </c>
      <c r="B1100">
        <v>1042.046</v>
      </c>
      <c r="C1100">
        <v>1069.8879999999999</v>
      </c>
      <c r="D1100">
        <v>1073.2429999999999</v>
      </c>
      <c r="E1100">
        <v>1094.777</v>
      </c>
      <c r="F1100">
        <v>1111.979</v>
      </c>
      <c r="G1100">
        <v>1127.2850000000001</v>
      </c>
      <c r="H1100">
        <v>1140.078</v>
      </c>
      <c r="I1100">
        <v>1149.94</v>
      </c>
      <c r="J1100">
        <v>1153.33</v>
      </c>
      <c r="K1100">
        <v>1159.4269999999999</v>
      </c>
      <c r="L1100">
        <v>1159.3699999999999</v>
      </c>
      <c r="M1100">
        <v>1137.731</v>
      </c>
      <c r="N1100">
        <v>1005.071</v>
      </c>
      <c r="O1100">
        <v>1064.086</v>
      </c>
      <c r="P1100">
        <v>0</v>
      </c>
      <c r="Q1100">
        <v>0</v>
      </c>
      <c r="R1100">
        <v>1105.8530000000001</v>
      </c>
      <c r="S1100">
        <v>0</v>
      </c>
      <c r="T1100">
        <v>1120.7829999999999</v>
      </c>
      <c r="U1100">
        <v>1135.903</v>
      </c>
      <c r="V1100">
        <v>1144.942</v>
      </c>
      <c r="W1100">
        <v>1164.087</v>
      </c>
      <c r="X1100">
        <v>1179.8140000000001</v>
      </c>
      <c r="Y1100">
        <v>1177.825</v>
      </c>
    </row>
    <row r="1101" spans="1:25" x14ac:dyDescent="0.3">
      <c r="A1101">
        <v>29.449999996755892</v>
      </c>
      <c r="B1101">
        <v>1041.1220000000001</v>
      </c>
      <c r="C1101">
        <v>1068.0989999999999</v>
      </c>
      <c r="D1101">
        <v>1073.989</v>
      </c>
      <c r="E1101">
        <v>1096.1120000000001</v>
      </c>
      <c r="F1101">
        <v>1113.2449999999999</v>
      </c>
      <c r="G1101">
        <v>1128.0070000000001</v>
      </c>
      <c r="H1101">
        <v>1139.982</v>
      </c>
      <c r="I1101">
        <v>1148.204</v>
      </c>
      <c r="J1101">
        <v>1151.873</v>
      </c>
      <c r="K1101">
        <v>1157.0119999999999</v>
      </c>
      <c r="L1101">
        <v>1156.4939999999999</v>
      </c>
      <c r="M1101">
        <v>1135.277</v>
      </c>
      <c r="N1101">
        <v>1012.47</v>
      </c>
      <c r="O1101">
        <v>1061.172</v>
      </c>
      <c r="P1101">
        <v>0</v>
      </c>
      <c r="Q1101">
        <v>0</v>
      </c>
      <c r="R1101">
        <v>1105.5139999999999</v>
      </c>
      <c r="S1101">
        <v>0</v>
      </c>
      <c r="T1101">
        <v>1117.345</v>
      </c>
      <c r="U1101">
        <v>1133.8150000000001</v>
      </c>
      <c r="V1101">
        <v>1141.585</v>
      </c>
      <c r="W1101">
        <v>1165.239</v>
      </c>
      <c r="X1101">
        <v>1181.384</v>
      </c>
      <c r="Y1101">
        <v>1177.0150000000001</v>
      </c>
    </row>
    <row r="1102" spans="1:25" x14ac:dyDescent="0.3">
      <c r="A1102">
        <v>29.466666667318592</v>
      </c>
      <c r="B1102">
        <v>1041.3989999999999</v>
      </c>
      <c r="C1102">
        <v>1066.3879999999999</v>
      </c>
      <c r="D1102">
        <v>1071.808</v>
      </c>
      <c r="E1102">
        <v>1095.3219999999999</v>
      </c>
      <c r="F1102">
        <v>1116.06</v>
      </c>
      <c r="G1102">
        <v>1127.3989999999999</v>
      </c>
      <c r="H1102">
        <v>1137.769</v>
      </c>
      <c r="I1102">
        <v>1148.739</v>
      </c>
      <c r="J1102">
        <v>1153.2149999999999</v>
      </c>
      <c r="K1102">
        <v>1155.7460000000001</v>
      </c>
      <c r="L1102">
        <v>1158.124</v>
      </c>
      <c r="M1102">
        <v>1135.5619999999999</v>
      </c>
      <c r="N1102">
        <v>1009.803</v>
      </c>
      <c r="O1102">
        <v>1060.393</v>
      </c>
      <c r="P1102">
        <v>0</v>
      </c>
      <c r="Q1102">
        <v>0</v>
      </c>
      <c r="R1102">
        <v>1105.1759999999999</v>
      </c>
      <c r="S1102">
        <v>0</v>
      </c>
      <c r="T1102">
        <v>1120.1980000000001</v>
      </c>
      <c r="U1102">
        <v>1141.7180000000001</v>
      </c>
      <c r="V1102">
        <v>1148.9100000000001</v>
      </c>
      <c r="W1102">
        <v>1166.049</v>
      </c>
      <c r="X1102">
        <v>1180.7249999999999</v>
      </c>
      <c r="Y1102">
        <v>1174.972</v>
      </c>
    </row>
    <row r="1103" spans="1:25" x14ac:dyDescent="0.3">
      <c r="A1103">
        <v>29.499999997966611</v>
      </c>
      <c r="B1103">
        <v>1043.1179999999999</v>
      </c>
      <c r="C1103">
        <v>1066.202</v>
      </c>
      <c r="D1103">
        <v>1070.2049999999999</v>
      </c>
      <c r="E1103">
        <v>1092.4739999999999</v>
      </c>
      <c r="F1103">
        <v>1113.7360000000001</v>
      </c>
      <c r="G1103">
        <v>1125.1400000000001</v>
      </c>
      <c r="H1103">
        <v>1137.865</v>
      </c>
      <c r="I1103">
        <v>1144.942</v>
      </c>
      <c r="J1103">
        <v>1147.518</v>
      </c>
      <c r="K1103">
        <v>1153.58</v>
      </c>
      <c r="L1103">
        <v>1157.203</v>
      </c>
      <c r="M1103">
        <v>1133.4929999999999</v>
      </c>
      <c r="N1103">
        <v>1007.7380000000001</v>
      </c>
      <c r="O1103">
        <v>1062.806</v>
      </c>
      <c r="P1103">
        <v>0</v>
      </c>
      <c r="Q1103">
        <v>0</v>
      </c>
      <c r="R1103">
        <v>1104.386</v>
      </c>
      <c r="S1103">
        <v>0</v>
      </c>
      <c r="T1103">
        <v>1120.1030000000001</v>
      </c>
      <c r="U1103">
        <v>1142.558</v>
      </c>
      <c r="V1103">
        <v>1154.193</v>
      </c>
      <c r="W1103">
        <v>1170.482</v>
      </c>
      <c r="X1103">
        <v>1177.5550000000001</v>
      </c>
      <c r="Y1103">
        <v>1171.5989999999999</v>
      </c>
    </row>
    <row r="1104" spans="1:25" x14ac:dyDescent="0.3">
      <c r="A1104">
        <v>29.516666668529311</v>
      </c>
      <c r="B1104">
        <v>1033.403</v>
      </c>
      <c r="C1104">
        <v>1065.404</v>
      </c>
      <c r="D1104">
        <v>1068.6210000000001</v>
      </c>
      <c r="E1104">
        <v>1091.482</v>
      </c>
      <c r="F1104">
        <v>1112.414</v>
      </c>
      <c r="G1104">
        <v>1127.646</v>
      </c>
      <c r="H1104">
        <v>1144.0070000000001</v>
      </c>
      <c r="I1104">
        <v>1150.4169999999999</v>
      </c>
      <c r="J1104">
        <v>1152.3520000000001</v>
      </c>
      <c r="K1104">
        <v>1156.5709999999999</v>
      </c>
      <c r="L1104">
        <v>1157.107</v>
      </c>
      <c r="M1104">
        <v>1132.7329999999999</v>
      </c>
      <c r="N1104">
        <v>1005.728</v>
      </c>
      <c r="O1104">
        <v>1063.604</v>
      </c>
      <c r="P1104">
        <v>0</v>
      </c>
      <c r="Q1104">
        <v>0</v>
      </c>
      <c r="R1104">
        <v>1102.806</v>
      </c>
      <c r="S1104">
        <v>0</v>
      </c>
      <c r="T1104">
        <v>1119.0070000000001</v>
      </c>
      <c r="U1104">
        <v>1139.925</v>
      </c>
      <c r="V1104">
        <v>1149.998</v>
      </c>
      <c r="W1104">
        <v>1169.248</v>
      </c>
      <c r="X1104">
        <v>1178.981</v>
      </c>
      <c r="Y1104">
        <v>1172.6590000000001</v>
      </c>
    </row>
    <row r="1105" spans="1:25" x14ac:dyDescent="0.3">
      <c r="A1105">
        <v>29.549999999177331</v>
      </c>
      <c r="B1105">
        <v>1035.2439999999999</v>
      </c>
      <c r="C1105">
        <v>1066.796</v>
      </c>
      <c r="D1105">
        <v>1072.6469999999999</v>
      </c>
      <c r="E1105">
        <v>1098.82</v>
      </c>
      <c r="F1105">
        <v>1117.0989999999999</v>
      </c>
      <c r="G1105">
        <v>1130.152</v>
      </c>
      <c r="H1105">
        <v>1140.6880000000001</v>
      </c>
      <c r="I1105">
        <v>1151.47</v>
      </c>
      <c r="J1105">
        <v>1154.231</v>
      </c>
      <c r="K1105">
        <v>1156.3599999999999</v>
      </c>
      <c r="L1105">
        <v>1159.1590000000001</v>
      </c>
      <c r="M1105">
        <v>1137.1010000000001</v>
      </c>
      <c r="N1105">
        <v>1003.518</v>
      </c>
      <c r="O1105">
        <v>1058.9449999999999</v>
      </c>
      <c r="P1105">
        <v>0</v>
      </c>
      <c r="Q1105">
        <v>0</v>
      </c>
      <c r="R1105">
        <v>1102.9380000000001</v>
      </c>
      <c r="S1105">
        <v>0</v>
      </c>
      <c r="T1105">
        <v>1118.97</v>
      </c>
      <c r="U1105">
        <v>1139.4670000000001</v>
      </c>
      <c r="V1105">
        <v>1148.9680000000001</v>
      </c>
      <c r="W1105">
        <v>1168.2650000000001</v>
      </c>
      <c r="X1105">
        <v>1179.8140000000001</v>
      </c>
      <c r="Y1105">
        <v>1170.52</v>
      </c>
    </row>
    <row r="1106" spans="1:25" x14ac:dyDescent="0.3">
      <c r="A1106">
        <v>29.583333329825351</v>
      </c>
      <c r="B1106">
        <v>1029.943</v>
      </c>
      <c r="C1106">
        <v>1066.3520000000001</v>
      </c>
      <c r="D1106">
        <v>1072.779</v>
      </c>
      <c r="E1106">
        <v>1097.0530000000001</v>
      </c>
      <c r="F1106">
        <v>1116.9680000000001</v>
      </c>
      <c r="G1106">
        <v>1130.703</v>
      </c>
      <c r="H1106">
        <v>1136.588</v>
      </c>
      <c r="I1106">
        <v>1146.355</v>
      </c>
      <c r="J1106">
        <v>1149.1210000000001</v>
      </c>
      <c r="K1106">
        <v>1153.5419999999999</v>
      </c>
      <c r="L1106">
        <v>1156.4570000000001</v>
      </c>
      <c r="M1106">
        <v>1135.905</v>
      </c>
      <c r="N1106">
        <v>1008.525</v>
      </c>
      <c r="O1106">
        <v>1054.028</v>
      </c>
      <c r="P1106">
        <v>0</v>
      </c>
      <c r="Q1106">
        <v>0</v>
      </c>
      <c r="R1106">
        <v>1102.9580000000001</v>
      </c>
      <c r="S1106">
        <v>0</v>
      </c>
      <c r="T1106">
        <v>1121.9369999999999</v>
      </c>
      <c r="U1106">
        <v>1145.3820000000001</v>
      </c>
      <c r="V1106">
        <v>1153.0250000000001</v>
      </c>
      <c r="W1106">
        <v>1165.298</v>
      </c>
      <c r="X1106">
        <v>1178.636</v>
      </c>
      <c r="Y1106">
        <v>1174.8579999999999</v>
      </c>
    </row>
    <row r="1107" spans="1:25" x14ac:dyDescent="0.3">
      <c r="A1107">
        <v>29.60000000038805</v>
      </c>
      <c r="B1107">
        <v>1026.0029999999999</v>
      </c>
      <c r="C1107">
        <v>1066.2760000000001</v>
      </c>
      <c r="D1107">
        <v>1073.915</v>
      </c>
      <c r="E1107">
        <v>1098.481</v>
      </c>
      <c r="F1107">
        <v>1116.155</v>
      </c>
      <c r="G1107">
        <v>1130.588</v>
      </c>
      <c r="H1107">
        <v>1134.1759999999999</v>
      </c>
      <c r="I1107">
        <v>1147.5940000000001</v>
      </c>
      <c r="J1107">
        <v>1150.1500000000001</v>
      </c>
      <c r="K1107">
        <v>1156.3789999999999</v>
      </c>
      <c r="L1107">
        <v>1160.77</v>
      </c>
      <c r="M1107">
        <v>1139.3720000000001</v>
      </c>
      <c r="N1107">
        <v>1012.9640000000001</v>
      </c>
      <c r="O1107">
        <v>1054.5830000000001</v>
      </c>
      <c r="P1107">
        <v>0</v>
      </c>
      <c r="Q1107">
        <v>0</v>
      </c>
      <c r="R1107">
        <v>1105.9280000000001</v>
      </c>
      <c r="S1107">
        <v>0</v>
      </c>
      <c r="T1107">
        <v>1125.634</v>
      </c>
      <c r="U1107">
        <v>1147.27</v>
      </c>
      <c r="V1107">
        <v>1159.5039999999999</v>
      </c>
      <c r="W1107">
        <v>1172.2929999999999</v>
      </c>
      <c r="X1107">
        <v>1180.7059999999999</v>
      </c>
      <c r="Y1107">
        <v>1175.377</v>
      </c>
    </row>
    <row r="1108" spans="1:25" x14ac:dyDescent="0.3">
      <c r="A1108">
        <v>29.63333333103607</v>
      </c>
      <c r="B1108">
        <v>1025.527</v>
      </c>
      <c r="C1108">
        <v>1064.4960000000001</v>
      </c>
      <c r="D1108">
        <v>1070.952</v>
      </c>
      <c r="E1108">
        <v>1094.011</v>
      </c>
      <c r="F1108">
        <v>1114.682</v>
      </c>
      <c r="G1108">
        <v>1123.49</v>
      </c>
      <c r="H1108">
        <v>1129.963</v>
      </c>
      <c r="I1108">
        <v>1148.1289999999999</v>
      </c>
      <c r="J1108">
        <v>1151.203</v>
      </c>
      <c r="K1108">
        <v>1158.106</v>
      </c>
      <c r="L1108">
        <v>1158.393</v>
      </c>
      <c r="M1108">
        <v>1136.836</v>
      </c>
      <c r="N1108">
        <v>1018.173</v>
      </c>
      <c r="O1108">
        <v>1046.059</v>
      </c>
      <c r="P1108">
        <v>0</v>
      </c>
      <c r="Q1108">
        <v>0</v>
      </c>
      <c r="R1108">
        <v>1100.175</v>
      </c>
      <c r="S1108">
        <v>0</v>
      </c>
      <c r="T1108">
        <v>1122.088</v>
      </c>
      <c r="U1108">
        <v>1144.5809999999999</v>
      </c>
      <c r="V1108">
        <v>1157.952</v>
      </c>
      <c r="W1108">
        <v>1172.2940000000001</v>
      </c>
      <c r="X1108">
        <v>1180.4349999999999</v>
      </c>
      <c r="Y1108">
        <v>1173.47</v>
      </c>
    </row>
    <row r="1109" spans="1:25" x14ac:dyDescent="0.3">
      <c r="A1109">
        <v>29.650000001598769</v>
      </c>
      <c r="B1109">
        <v>1020.869</v>
      </c>
      <c r="C1109">
        <v>1061.0989999999999</v>
      </c>
      <c r="D1109">
        <v>1067.1859999999999</v>
      </c>
      <c r="E1109">
        <v>1090.2470000000001</v>
      </c>
      <c r="F1109">
        <v>1108.8810000000001</v>
      </c>
      <c r="G1109">
        <v>1124.192</v>
      </c>
      <c r="H1109">
        <v>1128.615</v>
      </c>
      <c r="I1109">
        <v>1148.2239999999999</v>
      </c>
      <c r="J1109">
        <v>1153.6569999999999</v>
      </c>
      <c r="K1109">
        <v>1159.3130000000001</v>
      </c>
      <c r="L1109">
        <v>1159.1600000000001</v>
      </c>
      <c r="M1109">
        <v>1136.1130000000001</v>
      </c>
      <c r="N1109">
        <v>1016.577</v>
      </c>
      <c r="O1109">
        <v>1045.4290000000001</v>
      </c>
      <c r="P1109">
        <v>0</v>
      </c>
      <c r="Q1109">
        <v>0</v>
      </c>
      <c r="R1109">
        <v>1097.9929999999999</v>
      </c>
      <c r="S1109">
        <v>0</v>
      </c>
      <c r="T1109">
        <v>1122.692</v>
      </c>
      <c r="U1109">
        <v>1145.42</v>
      </c>
      <c r="V1109">
        <v>1156.5899999999999</v>
      </c>
      <c r="W1109">
        <v>1170.81</v>
      </c>
      <c r="X1109">
        <v>1178.481</v>
      </c>
      <c r="Y1109">
        <v>1173.2</v>
      </c>
    </row>
    <row r="1110" spans="1:25" x14ac:dyDescent="0.3">
      <c r="A1110">
        <v>29.683333332246789</v>
      </c>
      <c r="B1110">
        <v>1017.75</v>
      </c>
      <c r="C1110">
        <v>1059.1859999999999</v>
      </c>
      <c r="D1110">
        <v>1062.471</v>
      </c>
      <c r="E1110">
        <v>1086.67</v>
      </c>
      <c r="F1110">
        <v>1106.7550000000001</v>
      </c>
      <c r="G1110">
        <v>1123.0139999999999</v>
      </c>
      <c r="H1110">
        <v>1124.5329999999999</v>
      </c>
      <c r="I1110">
        <v>1141.585</v>
      </c>
      <c r="J1110">
        <v>1151.931</v>
      </c>
      <c r="K1110">
        <v>1157.663</v>
      </c>
      <c r="L1110">
        <v>1159.4079999999999</v>
      </c>
      <c r="M1110">
        <v>1133.663</v>
      </c>
      <c r="N1110">
        <v>1011.283</v>
      </c>
      <c r="O1110">
        <v>1043.2660000000001</v>
      </c>
      <c r="P1110">
        <v>0</v>
      </c>
      <c r="Q1110">
        <v>0</v>
      </c>
      <c r="R1110">
        <v>1098.7819999999999</v>
      </c>
      <c r="S1110">
        <v>0</v>
      </c>
      <c r="T1110">
        <v>1122.8620000000001</v>
      </c>
      <c r="U1110">
        <v>1147.7280000000001</v>
      </c>
      <c r="V1110">
        <v>1158.6610000000001</v>
      </c>
      <c r="W1110">
        <v>1170.925</v>
      </c>
      <c r="X1110">
        <v>1177.1890000000001</v>
      </c>
      <c r="Y1110">
        <v>1174.587</v>
      </c>
    </row>
    <row r="1111" spans="1:25" x14ac:dyDescent="0.3">
      <c r="A1111">
        <v>29.716666673372188</v>
      </c>
      <c r="B1111">
        <v>1023.5650000000001</v>
      </c>
      <c r="C1111">
        <v>1056.905</v>
      </c>
      <c r="D1111">
        <v>1057.758</v>
      </c>
      <c r="E1111">
        <v>1081.579</v>
      </c>
      <c r="F1111">
        <v>1099.836</v>
      </c>
      <c r="G1111">
        <v>1121.616</v>
      </c>
      <c r="H1111">
        <v>1132.26</v>
      </c>
      <c r="I1111">
        <v>1145.3630000000001</v>
      </c>
      <c r="J1111">
        <v>1154.635</v>
      </c>
      <c r="K1111">
        <v>1161.538</v>
      </c>
      <c r="L1111">
        <v>1159.8499999999999</v>
      </c>
      <c r="M1111">
        <v>1136.4169999999999</v>
      </c>
      <c r="N1111">
        <v>1018.925</v>
      </c>
      <c r="O1111">
        <v>1044.136</v>
      </c>
      <c r="P1111">
        <v>0</v>
      </c>
      <c r="Q1111">
        <v>0</v>
      </c>
      <c r="R1111">
        <v>1095.53</v>
      </c>
      <c r="S1111">
        <v>0</v>
      </c>
      <c r="T1111">
        <v>1120.029</v>
      </c>
      <c r="U1111">
        <v>1142.73</v>
      </c>
      <c r="V1111">
        <v>1156.6679999999999</v>
      </c>
      <c r="W1111">
        <v>1169.172</v>
      </c>
      <c r="X1111">
        <v>1177.2670000000001</v>
      </c>
      <c r="Y1111">
        <v>1178.462</v>
      </c>
    </row>
    <row r="1112" spans="1:25" x14ac:dyDescent="0.3">
      <c r="A1112">
        <v>29.733333333457509</v>
      </c>
      <c r="B1112">
        <v>1024.6659999999999</v>
      </c>
      <c r="C1112">
        <v>1057.74</v>
      </c>
      <c r="D1112">
        <v>1060.097</v>
      </c>
      <c r="E1112">
        <v>1086.354</v>
      </c>
      <c r="F1112">
        <v>1104.181</v>
      </c>
      <c r="G1112">
        <v>1123.7370000000001</v>
      </c>
      <c r="H1112">
        <v>1137.866</v>
      </c>
      <c r="I1112">
        <v>1149.2940000000001</v>
      </c>
      <c r="J1112">
        <v>1155.288</v>
      </c>
      <c r="K1112">
        <v>1160.867</v>
      </c>
      <c r="L1112">
        <v>1159.027</v>
      </c>
      <c r="M1112">
        <v>1134.7470000000001</v>
      </c>
      <c r="N1112">
        <v>1016.45</v>
      </c>
      <c r="O1112">
        <v>1044.155</v>
      </c>
      <c r="P1112">
        <v>0</v>
      </c>
      <c r="Q1112">
        <v>0</v>
      </c>
      <c r="R1112">
        <v>1096.527</v>
      </c>
      <c r="S1112">
        <v>0</v>
      </c>
      <c r="T1112">
        <v>1122.1079999999999</v>
      </c>
      <c r="U1112">
        <v>1145.249</v>
      </c>
      <c r="V1112">
        <v>1159.2950000000001</v>
      </c>
      <c r="W1112">
        <v>1174.068</v>
      </c>
      <c r="X1112">
        <v>1179.7</v>
      </c>
      <c r="Y1112">
        <v>1179.913</v>
      </c>
    </row>
    <row r="1113" spans="1:25" x14ac:dyDescent="0.3">
      <c r="A1113">
        <v>29.766666664105529</v>
      </c>
      <c r="B1113">
        <v>1022.501</v>
      </c>
      <c r="C1113">
        <v>1059.874</v>
      </c>
      <c r="D1113">
        <v>1063.2329999999999</v>
      </c>
      <c r="E1113">
        <v>1088.431</v>
      </c>
      <c r="F1113">
        <v>1103.521</v>
      </c>
      <c r="G1113">
        <v>1128.0260000000001</v>
      </c>
      <c r="H1113">
        <v>1139.8869999999999</v>
      </c>
      <c r="I1113">
        <v>1148.777</v>
      </c>
      <c r="J1113">
        <v>1154.922</v>
      </c>
      <c r="K1113">
        <v>1159.1400000000001</v>
      </c>
      <c r="L1113">
        <v>1157.261</v>
      </c>
      <c r="M1113">
        <v>1132.7719999999999</v>
      </c>
      <c r="N1113">
        <v>1009.675</v>
      </c>
      <c r="O1113">
        <v>1039.5340000000001</v>
      </c>
      <c r="P1113">
        <v>0</v>
      </c>
      <c r="Q1113">
        <v>0</v>
      </c>
      <c r="R1113">
        <v>1094.8150000000001</v>
      </c>
      <c r="S1113">
        <v>0</v>
      </c>
      <c r="T1113">
        <v>1120.538</v>
      </c>
      <c r="U1113">
        <v>1142.2529999999999</v>
      </c>
      <c r="V1113">
        <v>1154.807</v>
      </c>
      <c r="W1113">
        <v>1172.4670000000001</v>
      </c>
      <c r="X1113">
        <v>1182.489</v>
      </c>
      <c r="Y1113">
        <v>1179.5820000000001</v>
      </c>
    </row>
    <row r="1114" spans="1:25" x14ac:dyDescent="0.3">
      <c r="A1114">
        <v>29.800000005230928</v>
      </c>
      <c r="B1114">
        <v>1020.7430000000001</v>
      </c>
      <c r="C1114">
        <v>1059.7840000000001</v>
      </c>
      <c r="D1114">
        <v>1064.127</v>
      </c>
      <c r="E1114">
        <v>1088.3399999999999</v>
      </c>
      <c r="F1114">
        <v>1100.0830000000001</v>
      </c>
      <c r="G1114">
        <v>1126.53</v>
      </c>
      <c r="H1114">
        <v>1137.6769999999999</v>
      </c>
      <c r="I1114">
        <v>1148.0550000000001</v>
      </c>
      <c r="J1114">
        <v>1153.5830000000001</v>
      </c>
      <c r="K1114">
        <v>1156.5360000000001</v>
      </c>
      <c r="L1114">
        <v>1155.328</v>
      </c>
      <c r="M1114">
        <v>1132.9649999999999</v>
      </c>
      <c r="N1114">
        <v>1013.352</v>
      </c>
      <c r="O1114">
        <v>1042.567</v>
      </c>
      <c r="P1114">
        <v>0</v>
      </c>
      <c r="Q1114">
        <v>0</v>
      </c>
      <c r="R1114">
        <v>1096.999</v>
      </c>
      <c r="S1114">
        <v>0</v>
      </c>
      <c r="T1114">
        <v>1125.96</v>
      </c>
      <c r="U1114">
        <v>1142.7329999999999</v>
      </c>
      <c r="V1114">
        <v>1150.364</v>
      </c>
      <c r="W1114">
        <v>1171.3520000000001</v>
      </c>
      <c r="X1114">
        <v>1183.9259999999999</v>
      </c>
      <c r="Y1114">
        <v>1182.162</v>
      </c>
    </row>
    <row r="1115" spans="1:25" x14ac:dyDescent="0.3">
      <c r="A1115">
        <v>29.816666665316248</v>
      </c>
      <c r="B1115">
        <v>1021.8049999999999</v>
      </c>
      <c r="C1115">
        <v>1059.7629999999999</v>
      </c>
      <c r="D1115">
        <v>1066.241</v>
      </c>
      <c r="E1115">
        <v>1095.211</v>
      </c>
      <c r="F1115">
        <v>1100.8520000000001</v>
      </c>
      <c r="G1115">
        <v>1121.749</v>
      </c>
      <c r="H1115">
        <v>1136.095</v>
      </c>
      <c r="I1115">
        <v>1150.7049999999999</v>
      </c>
      <c r="J1115">
        <v>1156.8219999999999</v>
      </c>
      <c r="K1115">
        <v>1158.106</v>
      </c>
      <c r="L1115">
        <v>1158.681</v>
      </c>
      <c r="M1115">
        <v>1135.5820000000001</v>
      </c>
      <c r="N1115">
        <v>1003.154</v>
      </c>
      <c r="O1115">
        <v>1043.73</v>
      </c>
      <c r="P1115">
        <v>0</v>
      </c>
      <c r="Q1115">
        <v>0</v>
      </c>
      <c r="R1115">
        <v>1099.912</v>
      </c>
      <c r="S1115">
        <v>0</v>
      </c>
      <c r="T1115">
        <v>1132.5640000000001</v>
      </c>
      <c r="U1115">
        <v>1149.98</v>
      </c>
      <c r="V1115">
        <v>1153.8689999999999</v>
      </c>
      <c r="W1115">
        <v>1170.5029999999999</v>
      </c>
      <c r="X1115">
        <v>1180.3589999999999</v>
      </c>
      <c r="Y1115">
        <v>1182.568</v>
      </c>
    </row>
    <row r="1116" spans="1:25" x14ac:dyDescent="0.3">
      <c r="A1116">
        <v>29.850000006441647</v>
      </c>
      <c r="B1116">
        <v>1012.873</v>
      </c>
      <c r="C1116">
        <v>1059.9860000000001</v>
      </c>
      <c r="D1116">
        <v>1068.473</v>
      </c>
      <c r="E1116">
        <v>1094.329</v>
      </c>
      <c r="F1116">
        <v>1103.748</v>
      </c>
      <c r="G1116">
        <v>1116.5150000000001</v>
      </c>
      <c r="H1116">
        <v>1127.3810000000001</v>
      </c>
      <c r="I1116">
        <v>1145.6489999999999</v>
      </c>
      <c r="J1116">
        <v>1155.479</v>
      </c>
      <c r="K1116">
        <v>1158.393</v>
      </c>
      <c r="L1116">
        <v>1159.2560000000001</v>
      </c>
      <c r="M1116">
        <v>1135.6959999999999</v>
      </c>
      <c r="N1116">
        <v>1004.2859999999999</v>
      </c>
      <c r="O1116">
        <v>1043.249</v>
      </c>
      <c r="P1116">
        <v>0</v>
      </c>
      <c r="Q1116">
        <v>0</v>
      </c>
      <c r="R1116">
        <v>1100.1369999999999</v>
      </c>
      <c r="S1116">
        <v>0</v>
      </c>
      <c r="T1116">
        <v>1127.268</v>
      </c>
      <c r="U1116">
        <v>1148.0340000000001</v>
      </c>
      <c r="V1116">
        <v>1153.7529999999999</v>
      </c>
      <c r="W1116">
        <v>1171.0989999999999</v>
      </c>
      <c r="X1116">
        <v>1179.1369999999999</v>
      </c>
      <c r="Y1116">
        <v>1173.875</v>
      </c>
    </row>
    <row r="1117" spans="1:25" x14ac:dyDescent="0.3">
      <c r="A1117">
        <v>29.866666666526967</v>
      </c>
      <c r="B1117">
        <v>998.86400000000003</v>
      </c>
      <c r="C1117">
        <v>1054.123</v>
      </c>
      <c r="D1117">
        <v>1067.0409999999999</v>
      </c>
      <c r="E1117">
        <v>1090.4000000000001</v>
      </c>
      <c r="F1117">
        <v>1105.386</v>
      </c>
      <c r="G1117">
        <v>1121.883</v>
      </c>
      <c r="H1117">
        <v>1133.3440000000001</v>
      </c>
      <c r="I1117">
        <v>1146.453</v>
      </c>
      <c r="J1117">
        <v>1157.1880000000001</v>
      </c>
      <c r="K1117">
        <v>1161.521</v>
      </c>
      <c r="L1117">
        <v>1163.6110000000001</v>
      </c>
      <c r="M1117">
        <v>1140.2529999999999</v>
      </c>
      <c r="N1117">
        <v>1007.9059999999999</v>
      </c>
      <c r="O1117">
        <v>1048.4459999999999</v>
      </c>
      <c r="P1117">
        <v>0</v>
      </c>
      <c r="Q1117">
        <v>0</v>
      </c>
      <c r="R1117">
        <v>1101.2860000000001</v>
      </c>
      <c r="S1117">
        <v>0</v>
      </c>
      <c r="T1117">
        <v>1127.7059999999999</v>
      </c>
      <c r="U1117">
        <v>1147.1590000000001</v>
      </c>
      <c r="V1117">
        <v>1154.829</v>
      </c>
      <c r="W1117">
        <v>1174.4939999999999</v>
      </c>
      <c r="X1117">
        <v>1181.7550000000001</v>
      </c>
      <c r="Y1117">
        <v>1181.194</v>
      </c>
    </row>
    <row r="1118" spans="1:25" x14ac:dyDescent="0.3">
      <c r="A1118">
        <v>29.899999997174987</v>
      </c>
      <c r="B1118">
        <v>1009.331</v>
      </c>
      <c r="C1118">
        <v>1051.126</v>
      </c>
      <c r="D1118">
        <v>1061.268</v>
      </c>
      <c r="E1118">
        <v>1086.992</v>
      </c>
      <c r="F1118">
        <v>1106.8900000000001</v>
      </c>
      <c r="G1118">
        <v>1123.9290000000001</v>
      </c>
      <c r="H1118">
        <v>1132.433</v>
      </c>
      <c r="I1118">
        <v>1144.8499999999999</v>
      </c>
      <c r="J1118">
        <v>1157.7629999999999</v>
      </c>
      <c r="K1118">
        <v>1162.077</v>
      </c>
      <c r="L1118">
        <v>1164.915</v>
      </c>
      <c r="M1118">
        <v>1142.5609999999999</v>
      </c>
      <c r="N1118">
        <v>1011.597</v>
      </c>
      <c r="O1118">
        <v>1046.5229999999999</v>
      </c>
      <c r="P1118">
        <v>0</v>
      </c>
      <c r="Q1118">
        <v>0</v>
      </c>
      <c r="R1118">
        <v>1103.75</v>
      </c>
      <c r="S1118">
        <v>0</v>
      </c>
      <c r="T1118">
        <v>1127.5170000000001</v>
      </c>
      <c r="U1118">
        <v>1146.472</v>
      </c>
      <c r="V1118">
        <v>1156.21</v>
      </c>
      <c r="W1118">
        <v>1170.8699999999999</v>
      </c>
      <c r="X1118">
        <v>1184.992</v>
      </c>
      <c r="Y1118">
        <v>1183.9839999999999</v>
      </c>
    </row>
    <row r="1119" spans="1:25" x14ac:dyDescent="0.3">
      <c r="A1119">
        <v>29.933333338300386</v>
      </c>
      <c r="B1119">
        <v>1017.129</v>
      </c>
      <c r="C1119">
        <v>1053.1389999999999</v>
      </c>
      <c r="D1119">
        <v>1060.8030000000001</v>
      </c>
      <c r="E1119">
        <v>1084.182</v>
      </c>
      <c r="F1119">
        <v>1105.6099999999999</v>
      </c>
      <c r="G1119">
        <v>1128.9770000000001</v>
      </c>
      <c r="H1119">
        <v>1130.6849999999999</v>
      </c>
      <c r="I1119">
        <v>1144.009</v>
      </c>
      <c r="J1119">
        <v>1156.7829999999999</v>
      </c>
      <c r="K1119">
        <v>1165.029</v>
      </c>
      <c r="L1119">
        <v>1166.5709999999999</v>
      </c>
      <c r="M1119">
        <v>1140.6130000000001</v>
      </c>
      <c r="N1119">
        <v>1013.809</v>
      </c>
      <c r="O1119">
        <v>1049.923</v>
      </c>
      <c r="P1119">
        <v>0</v>
      </c>
      <c r="Q1119">
        <v>0</v>
      </c>
      <c r="R1119">
        <v>1099.461</v>
      </c>
      <c r="S1119">
        <v>0</v>
      </c>
      <c r="T1119">
        <v>1125.009</v>
      </c>
      <c r="U1119">
        <v>1147.1759999999999</v>
      </c>
      <c r="V1119">
        <v>1158.72</v>
      </c>
      <c r="W1119">
        <v>1169.732</v>
      </c>
      <c r="X1119">
        <v>1178.328</v>
      </c>
      <c r="Y1119">
        <v>1184.0989999999999</v>
      </c>
    </row>
    <row r="1120" spans="1:25" x14ac:dyDescent="0.3">
      <c r="A1120">
        <v>29.949999998385707</v>
      </c>
      <c r="B1120">
        <v>1018.542</v>
      </c>
      <c r="C1120">
        <v>1055.366</v>
      </c>
      <c r="D1120">
        <v>1061.9739999999999</v>
      </c>
      <c r="E1120">
        <v>1089.4259999999999</v>
      </c>
      <c r="F1120">
        <v>1109.1300000000001</v>
      </c>
      <c r="G1120">
        <v>1126.0930000000001</v>
      </c>
      <c r="H1120">
        <v>1132.6610000000001</v>
      </c>
      <c r="I1120">
        <v>1149.8489999999999</v>
      </c>
      <c r="J1120">
        <v>1155.884</v>
      </c>
      <c r="K1120">
        <v>1162.614</v>
      </c>
      <c r="L1120">
        <v>1165.7049999999999</v>
      </c>
      <c r="M1120">
        <v>1136.914</v>
      </c>
      <c r="N1120">
        <v>1014.764</v>
      </c>
      <c r="O1120">
        <v>1052.2349999999999</v>
      </c>
      <c r="P1120">
        <v>0</v>
      </c>
      <c r="Q1120">
        <v>0</v>
      </c>
      <c r="R1120">
        <v>1099.989</v>
      </c>
      <c r="S1120">
        <v>0</v>
      </c>
      <c r="T1120">
        <v>1126.1310000000001</v>
      </c>
      <c r="U1120">
        <v>1151.7809999999999</v>
      </c>
      <c r="V1120">
        <v>1163.1890000000001</v>
      </c>
      <c r="W1120">
        <v>1174.6479999999999</v>
      </c>
      <c r="X1120">
        <v>1179.2940000000001</v>
      </c>
      <c r="Y1120">
        <v>1178.7149999999999</v>
      </c>
    </row>
    <row r="1121" spans="1:25" x14ac:dyDescent="0.3">
      <c r="A1121">
        <v>29.983333339511105</v>
      </c>
      <c r="B1121">
        <v>1015.698</v>
      </c>
      <c r="C1121">
        <v>1056.7750000000001</v>
      </c>
      <c r="D1121">
        <v>1062.1210000000001</v>
      </c>
      <c r="E1121">
        <v>1087.402</v>
      </c>
      <c r="F1121">
        <v>1105.76</v>
      </c>
      <c r="G1121">
        <v>1127.971</v>
      </c>
      <c r="H1121">
        <v>1133.684</v>
      </c>
      <c r="I1121">
        <v>1145.8979999999999</v>
      </c>
      <c r="J1121">
        <v>1154.0409999999999</v>
      </c>
      <c r="K1121">
        <v>1161.174</v>
      </c>
      <c r="L1121">
        <v>1164.932</v>
      </c>
      <c r="M1121">
        <v>1140.8230000000001</v>
      </c>
      <c r="N1121">
        <v>1015.148</v>
      </c>
      <c r="O1121">
        <v>1047.6859999999999</v>
      </c>
      <c r="P1121">
        <v>0</v>
      </c>
      <c r="Q1121">
        <v>0</v>
      </c>
      <c r="R1121">
        <v>1102.789</v>
      </c>
      <c r="S1121">
        <v>0</v>
      </c>
      <c r="T1121">
        <v>1125.4079999999999</v>
      </c>
      <c r="U1121">
        <v>1150.038</v>
      </c>
      <c r="V1121">
        <v>1157.915</v>
      </c>
      <c r="W1121">
        <v>1169.847</v>
      </c>
      <c r="X1121">
        <v>1182.1990000000001</v>
      </c>
      <c r="Y1121">
        <v>1181.0170000000001</v>
      </c>
    </row>
    <row r="1122" spans="1:25" x14ac:dyDescent="0.3">
      <c r="A1122">
        <v>29.999999999596426</v>
      </c>
      <c r="B1122">
        <v>1024.393</v>
      </c>
      <c r="C1122">
        <v>1057</v>
      </c>
      <c r="D1122">
        <v>1062.03</v>
      </c>
      <c r="E1122">
        <v>1085.1210000000001</v>
      </c>
      <c r="F1122">
        <v>1106.778</v>
      </c>
      <c r="G1122">
        <v>1131.162</v>
      </c>
      <c r="H1122">
        <v>1141.1880000000001</v>
      </c>
      <c r="I1122">
        <v>1150.116</v>
      </c>
      <c r="J1122">
        <v>1156.268</v>
      </c>
      <c r="K1122">
        <v>1162.442</v>
      </c>
      <c r="L1122">
        <v>1166.7270000000001</v>
      </c>
      <c r="M1122">
        <v>1142.2950000000001</v>
      </c>
      <c r="N1122">
        <v>1021.129</v>
      </c>
      <c r="O1122">
        <v>1043.9169999999999</v>
      </c>
      <c r="P1122">
        <v>0</v>
      </c>
      <c r="Q1122">
        <v>0</v>
      </c>
      <c r="R1122">
        <v>1102.039</v>
      </c>
      <c r="S1122">
        <v>0</v>
      </c>
      <c r="T1122">
        <v>1126.8340000000001</v>
      </c>
      <c r="U1122">
        <v>1150.116</v>
      </c>
      <c r="V1122">
        <v>1158.1089999999999</v>
      </c>
      <c r="W1122">
        <v>1170.4860000000001</v>
      </c>
      <c r="X1122">
        <v>1179.9929999999999</v>
      </c>
      <c r="Y1122">
        <v>1176.229</v>
      </c>
    </row>
    <row r="1123" spans="1:25" x14ac:dyDescent="0.3">
      <c r="A1123">
        <v>30.033333330244446</v>
      </c>
      <c r="B1123">
        <v>1022.8869999999999</v>
      </c>
      <c r="C1123">
        <v>1056.998</v>
      </c>
      <c r="D1123">
        <v>1062.6220000000001</v>
      </c>
      <c r="E1123">
        <v>1086.0170000000001</v>
      </c>
      <c r="F1123">
        <v>1106.3810000000001</v>
      </c>
      <c r="G1123">
        <v>1128.673</v>
      </c>
      <c r="H1123">
        <v>1137.6559999999999</v>
      </c>
      <c r="I1123">
        <v>1150.4570000000001</v>
      </c>
      <c r="J1123">
        <v>1159.1420000000001</v>
      </c>
      <c r="K1123">
        <v>1163.6469999999999</v>
      </c>
      <c r="L1123">
        <v>1164.875</v>
      </c>
      <c r="M1123">
        <v>1142.4069999999999</v>
      </c>
      <c r="N1123">
        <v>1014.2859999999999</v>
      </c>
      <c r="O1123">
        <v>1046.854</v>
      </c>
      <c r="P1123">
        <v>0</v>
      </c>
      <c r="Q1123">
        <v>0</v>
      </c>
      <c r="R1123">
        <v>1103.184</v>
      </c>
      <c r="S1123">
        <v>0</v>
      </c>
      <c r="T1123">
        <v>1126.3</v>
      </c>
      <c r="U1123">
        <v>1150.2280000000001</v>
      </c>
      <c r="V1123">
        <v>1159.5250000000001</v>
      </c>
      <c r="W1123">
        <v>1168.787</v>
      </c>
      <c r="X1123">
        <v>1177.48</v>
      </c>
      <c r="Y1123">
        <v>1177.518</v>
      </c>
    </row>
    <row r="1124" spans="1:25" x14ac:dyDescent="0.3">
      <c r="A1124">
        <v>30.066666671369845</v>
      </c>
      <c r="B1124">
        <v>1021.292</v>
      </c>
      <c r="C1124">
        <v>1056.8309999999999</v>
      </c>
      <c r="D1124">
        <v>1063.902</v>
      </c>
      <c r="E1124">
        <v>1083.9580000000001</v>
      </c>
      <c r="F1124">
        <v>1102.6010000000001</v>
      </c>
      <c r="G1124">
        <v>1129.394</v>
      </c>
      <c r="H1124">
        <v>1136.855</v>
      </c>
      <c r="I1124">
        <v>1149.6559999999999</v>
      </c>
      <c r="J1124">
        <v>1161.097</v>
      </c>
      <c r="K1124">
        <v>1164.453</v>
      </c>
      <c r="L1124">
        <v>1167.1099999999999</v>
      </c>
      <c r="M1124">
        <v>1142.769</v>
      </c>
      <c r="N1124">
        <v>1009.421</v>
      </c>
      <c r="O1124">
        <v>1045.116</v>
      </c>
      <c r="P1124">
        <v>0</v>
      </c>
      <c r="Q1124">
        <v>0</v>
      </c>
      <c r="R1124">
        <v>1102.5820000000001</v>
      </c>
      <c r="S1124">
        <v>0</v>
      </c>
      <c r="T1124">
        <v>1124.6489999999999</v>
      </c>
      <c r="U1124">
        <v>1149.0840000000001</v>
      </c>
      <c r="V1124">
        <v>1159.8699999999999</v>
      </c>
      <c r="W1124">
        <v>1170.6759999999999</v>
      </c>
      <c r="X1124">
        <v>1180.7650000000001</v>
      </c>
      <c r="Y1124">
        <v>1176.2270000000001</v>
      </c>
    </row>
    <row r="1125" spans="1:25" x14ac:dyDescent="0.3">
      <c r="A1125">
        <v>30.083333331455165</v>
      </c>
      <c r="B1125">
        <v>1022.651</v>
      </c>
      <c r="C1125">
        <v>1057.52</v>
      </c>
      <c r="D1125">
        <v>1064.8510000000001</v>
      </c>
      <c r="E1125">
        <v>1084.184</v>
      </c>
      <c r="F1125">
        <v>1103.845</v>
      </c>
      <c r="G1125">
        <v>1131.56</v>
      </c>
      <c r="H1125">
        <v>1139.338</v>
      </c>
      <c r="I1125">
        <v>1152.299</v>
      </c>
      <c r="J1125">
        <v>1160.5820000000001</v>
      </c>
      <c r="K1125">
        <v>1162.94</v>
      </c>
      <c r="L1125">
        <v>1167.498</v>
      </c>
      <c r="M1125">
        <v>1144.431</v>
      </c>
      <c r="N1125">
        <v>1008.619</v>
      </c>
      <c r="O1125">
        <v>1044.472</v>
      </c>
      <c r="P1125">
        <v>0</v>
      </c>
      <c r="Q1125">
        <v>0</v>
      </c>
      <c r="R1125">
        <v>1097.3009999999999</v>
      </c>
      <c r="S1125">
        <v>0</v>
      </c>
      <c r="T1125">
        <v>1115.252</v>
      </c>
      <c r="U1125">
        <v>1139.0509999999999</v>
      </c>
      <c r="V1125">
        <v>1150.173</v>
      </c>
      <c r="W1125">
        <v>1164.973</v>
      </c>
      <c r="X1125">
        <v>1180.0309999999999</v>
      </c>
      <c r="Y1125">
        <v>1175.979</v>
      </c>
    </row>
    <row r="1126" spans="1:25" x14ac:dyDescent="0.3">
      <c r="A1126">
        <v>30.116666672580564</v>
      </c>
      <c r="B1126">
        <v>1014.875</v>
      </c>
      <c r="C1126">
        <v>1053.6590000000001</v>
      </c>
      <c r="D1126">
        <v>1064.165</v>
      </c>
      <c r="E1126">
        <v>1085.27</v>
      </c>
      <c r="F1126">
        <v>1109.0740000000001</v>
      </c>
      <c r="G1126">
        <v>1128.77</v>
      </c>
      <c r="H1126">
        <v>1139.8910000000001</v>
      </c>
      <c r="I1126">
        <v>1150.5550000000001</v>
      </c>
      <c r="J1126">
        <v>1152.74</v>
      </c>
      <c r="K1126">
        <v>1157.5530000000001</v>
      </c>
      <c r="L1126">
        <v>1160.4090000000001</v>
      </c>
      <c r="M1126">
        <v>1137.8879999999999</v>
      </c>
      <c r="N1126">
        <v>1012.566</v>
      </c>
      <c r="O1126">
        <v>1039.4459999999999</v>
      </c>
      <c r="P1126">
        <v>0</v>
      </c>
      <c r="Q1126">
        <v>0</v>
      </c>
      <c r="R1126">
        <v>1095.9469999999999</v>
      </c>
      <c r="S1126">
        <v>0</v>
      </c>
      <c r="T1126">
        <v>1111.7380000000001</v>
      </c>
      <c r="U1126">
        <v>1132.1679999999999</v>
      </c>
      <c r="V1126">
        <v>1143.229</v>
      </c>
      <c r="W1126">
        <v>1161.1189999999999</v>
      </c>
      <c r="X1126">
        <v>1181.6400000000001</v>
      </c>
      <c r="Y1126">
        <v>1177.097</v>
      </c>
    </row>
    <row r="1127" spans="1:25" x14ac:dyDescent="0.3">
      <c r="A1127">
        <v>30.133333332665885</v>
      </c>
      <c r="B1127">
        <v>1014.0309999999999</v>
      </c>
      <c r="C1127">
        <v>1053.6959999999999</v>
      </c>
      <c r="D1127">
        <v>1060.8240000000001</v>
      </c>
      <c r="E1127">
        <v>1081.9000000000001</v>
      </c>
      <c r="F1127">
        <v>1105.2170000000001</v>
      </c>
      <c r="G1127">
        <v>1125.0309999999999</v>
      </c>
      <c r="H1127">
        <v>1134.9580000000001</v>
      </c>
      <c r="I1127">
        <v>1145.309</v>
      </c>
      <c r="J1127">
        <v>1147.98</v>
      </c>
      <c r="K1127">
        <v>1153.7750000000001</v>
      </c>
      <c r="L1127">
        <v>1156.7280000000001</v>
      </c>
      <c r="M1127">
        <v>1134.2370000000001</v>
      </c>
      <c r="N1127">
        <v>1009.3680000000001</v>
      </c>
      <c r="O1127">
        <v>1040.2940000000001</v>
      </c>
      <c r="P1127">
        <v>0</v>
      </c>
      <c r="Q1127">
        <v>0</v>
      </c>
      <c r="R1127">
        <v>1090.3810000000001</v>
      </c>
      <c r="S1127">
        <v>0</v>
      </c>
      <c r="T1127">
        <v>1107.925</v>
      </c>
      <c r="U1127">
        <v>1130.934</v>
      </c>
      <c r="V1127">
        <v>1140.1010000000001</v>
      </c>
      <c r="W1127">
        <v>1154.8869999999999</v>
      </c>
      <c r="X1127">
        <v>1169.9849999999999</v>
      </c>
      <c r="Y1127">
        <v>1173.338</v>
      </c>
    </row>
    <row r="1128" spans="1:25" x14ac:dyDescent="0.3">
      <c r="A1128">
        <v>30.166666663313904</v>
      </c>
      <c r="B1128">
        <v>1004.673</v>
      </c>
      <c r="C1128">
        <v>1053.0309999999999</v>
      </c>
      <c r="D1128">
        <v>1057.836</v>
      </c>
      <c r="E1128">
        <v>1079.847</v>
      </c>
      <c r="F1128">
        <v>1099.2570000000001</v>
      </c>
      <c r="G1128">
        <v>1117.7650000000001</v>
      </c>
      <c r="H1128">
        <v>1128.258</v>
      </c>
      <c r="I1128">
        <v>1134.921</v>
      </c>
      <c r="J1128">
        <v>1137.9459999999999</v>
      </c>
      <c r="K1128">
        <v>1146.2629999999999</v>
      </c>
      <c r="L1128">
        <v>1153.067</v>
      </c>
      <c r="M1128">
        <v>1132.1500000000001</v>
      </c>
      <c r="N1128">
        <v>1003.833</v>
      </c>
      <c r="O1128">
        <v>1048.354</v>
      </c>
      <c r="P1128">
        <v>0</v>
      </c>
      <c r="Q1128">
        <v>0</v>
      </c>
      <c r="R1128">
        <v>1090.008</v>
      </c>
      <c r="S1128">
        <v>0</v>
      </c>
      <c r="T1128">
        <v>1105.444</v>
      </c>
      <c r="U1128">
        <v>1127.973</v>
      </c>
      <c r="V1128">
        <v>1143.4590000000001</v>
      </c>
      <c r="W1128">
        <v>1160.9469999999999</v>
      </c>
      <c r="X1128">
        <v>1172.298</v>
      </c>
      <c r="Y1128">
        <v>1176.056</v>
      </c>
    </row>
    <row r="1129" spans="1:25" x14ac:dyDescent="0.3">
      <c r="A1129">
        <v>30.200000004439303</v>
      </c>
      <c r="B1129">
        <v>1009.167</v>
      </c>
      <c r="C1129">
        <v>1051.884</v>
      </c>
      <c r="D1129">
        <v>1058.652</v>
      </c>
      <c r="E1129">
        <v>1081.9570000000001</v>
      </c>
      <c r="F1129">
        <v>1100.836</v>
      </c>
      <c r="G1129">
        <v>1116.499</v>
      </c>
      <c r="H1129">
        <v>1127.5170000000001</v>
      </c>
      <c r="I1129">
        <v>1137.22</v>
      </c>
      <c r="J1129">
        <v>1143.973</v>
      </c>
      <c r="K1129">
        <v>1147.789</v>
      </c>
      <c r="L1129">
        <v>1150.498</v>
      </c>
      <c r="M1129">
        <v>1128.846</v>
      </c>
      <c r="N1129">
        <v>1001.6950000000001</v>
      </c>
      <c r="O1129">
        <v>1050.0540000000001</v>
      </c>
      <c r="P1129">
        <v>0</v>
      </c>
      <c r="Q1129">
        <v>0</v>
      </c>
      <c r="R1129">
        <v>1093.7329999999999</v>
      </c>
      <c r="S1129">
        <v>0</v>
      </c>
      <c r="T1129">
        <v>1110.3019999999999</v>
      </c>
      <c r="U1129">
        <v>1132.51</v>
      </c>
      <c r="V1129">
        <v>1150.135</v>
      </c>
      <c r="W1129">
        <v>1166.4770000000001</v>
      </c>
      <c r="X1129">
        <v>1175.9590000000001</v>
      </c>
      <c r="Y1129">
        <v>1177.501</v>
      </c>
    </row>
    <row r="1130" spans="1:25" x14ac:dyDescent="0.3">
      <c r="A1130">
        <v>30.216666664524624</v>
      </c>
      <c r="B1130">
        <v>1002.48</v>
      </c>
      <c r="C1130">
        <v>1051.0530000000001</v>
      </c>
      <c r="D1130">
        <v>1056.6659999999999</v>
      </c>
      <c r="E1130">
        <v>1080.182</v>
      </c>
      <c r="F1130">
        <v>1102.942</v>
      </c>
      <c r="G1130">
        <v>1117.538</v>
      </c>
      <c r="H1130">
        <v>1128.77</v>
      </c>
      <c r="I1130">
        <v>1142.3900000000001</v>
      </c>
      <c r="J1130">
        <v>1146.2629999999999</v>
      </c>
      <c r="K1130">
        <v>1150.7270000000001</v>
      </c>
      <c r="L1130">
        <v>1153.3340000000001</v>
      </c>
      <c r="M1130">
        <v>1133.155</v>
      </c>
      <c r="N1130">
        <v>1007.8339999999999</v>
      </c>
      <c r="O1130">
        <v>1038.7090000000001</v>
      </c>
      <c r="P1130">
        <v>0</v>
      </c>
      <c r="Q1130">
        <v>0</v>
      </c>
      <c r="R1130">
        <v>1095.288</v>
      </c>
      <c r="S1130">
        <v>0</v>
      </c>
      <c r="T1130">
        <v>1109.2059999999999</v>
      </c>
      <c r="U1130">
        <v>1129.529</v>
      </c>
      <c r="V1130">
        <v>1145.0609999999999</v>
      </c>
      <c r="W1130">
        <v>1164.877</v>
      </c>
      <c r="X1130">
        <v>1179.566</v>
      </c>
      <c r="Y1130">
        <v>1175.8820000000001</v>
      </c>
    </row>
    <row r="1131" spans="1:25" x14ac:dyDescent="0.3">
      <c r="A1131">
        <v>30.250000005650023</v>
      </c>
      <c r="B1131">
        <v>1010.703</v>
      </c>
      <c r="C1131">
        <v>1051.7750000000001</v>
      </c>
      <c r="D1131">
        <v>1057.7619999999999</v>
      </c>
      <c r="E1131">
        <v>1080.9290000000001</v>
      </c>
      <c r="F1131">
        <v>1102.153</v>
      </c>
      <c r="G1131">
        <v>1120.0519999999999</v>
      </c>
      <c r="H1131">
        <v>1130.442</v>
      </c>
      <c r="I1131">
        <v>1147.5229999999999</v>
      </c>
      <c r="J1131">
        <v>1151.5329999999999</v>
      </c>
      <c r="K1131">
        <v>1153.93</v>
      </c>
      <c r="L1131">
        <v>1154.6590000000001</v>
      </c>
      <c r="M1131">
        <v>1130.8589999999999</v>
      </c>
      <c r="N1131">
        <v>1007.177</v>
      </c>
      <c r="O1131">
        <v>1042.347</v>
      </c>
      <c r="P1131">
        <v>0</v>
      </c>
      <c r="Q1131">
        <v>0</v>
      </c>
      <c r="R1131">
        <v>1099.3889999999999</v>
      </c>
      <c r="S1131">
        <v>0</v>
      </c>
      <c r="T1131">
        <v>1114.308</v>
      </c>
      <c r="U1131">
        <v>1137.221</v>
      </c>
      <c r="V1131">
        <v>1152.511</v>
      </c>
      <c r="W1131">
        <v>1163.057</v>
      </c>
      <c r="X1131">
        <v>1176.963</v>
      </c>
      <c r="Y1131">
        <v>1177.4059999999999</v>
      </c>
    </row>
    <row r="1132" spans="1:25" x14ac:dyDescent="0.3">
      <c r="A1132">
        <v>30.283333336298043</v>
      </c>
      <c r="B1132">
        <v>1011.14</v>
      </c>
      <c r="C1132">
        <v>1053.1780000000001</v>
      </c>
      <c r="D1132">
        <v>1061.3989999999999</v>
      </c>
      <c r="E1132">
        <v>1084.4839999999999</v>
      </c>
      <c r="F1132">
        <v>1102.867</v>
      </c>
      <c r="G1132">
        <v>1122.943</v>
      </c>
      <c r="H1132">
        <v>1132.3009999999999</v>
      </c>
      <c r="I1132">
        <v>1144.7750000000001</v>
      </c>
      <c r="J1132">
        <v>1150.7840000000001</v>
      </c>
      <c r="K1132">
        <v>1157.4570000000001</v>
      </c>
      <c r="L1132">
        <v>1158.492</v>
      </c>
      <c r="M1132">
        <v>1134.5409999999999</v>
      </c>
      <c r="N1132">
        <v>1004.545</v>
      </c>
      <c r="O1132">
        <v>1043.732</v>
      </c>
      <c r="P1132">
        <v>0</v>
      </c>
      <c r="Q1132">
        <v>0</v>
      </c>
      <c r="R1132">
        <v>1097.9770000000001</v>
      </c>
      <c r="S1132">
        <v>0</v>
      </c>
      <c r="T1132">
        <v>1117.538</v>
      </c>
      <c r="U1132">
        <v>1138.8610000000001</v>
      </c>
      <c r="V1132">
        <v>1152.97</v>
      </c>
      <c r="W1132">
        <v>1165.9179999999999</v>
      </c>
      <c r="X1132">
        <v>1178.9280000000001</v>
      </c>
      <c r="Y1132">
        <v>1178.1949999999999</v>
      </c>
    </row>
    <row r="1133" spans="1:25" x14ac:dyDescent="0.3">
      <c r="A1133">
        <v>30.299999996383363</v>
      </c>
      <c r="B1133">
        <v>1016.802</v>
      </c>
      <c r="C1133">
        <v>1054.4770000000001</v>
      </c>
      <c r="D1133">
        <v>1062.7360000000001</v>
      </c>
      <c r="E1133">
        <v>1085.9269999999999</v>
      </c>
      <c r="F1133">
        <v>1104.692</v>
      </c>
      <c r="G1133">
        <v>1120.751</v>
      </c>
      <c r="H1133">
        <v>1131.106</v>
      </c>
      <c r="I1133">
        <v>1146.3399999999999</v>
      </c>
      <c r="J1133">
        <v>1152.0129999999999</v>
      </c>
      <c r="K1133">
        <v>1158.4549999999999</v>
      </c>
      <c r="L1133">
        <v>1161.2729999999999</v>
      </c>
      <c r="M1133">
        <v>1134.94</v>
      </c>
      <c r="N1133">
        <v>1007.487</v>
      </c>
      <c r="O1133">
        <v>1047.0609999999999</v>
      </c>
      <c r="P1133">
        <v>0</v>
      </c>
      <c r="Q1133">
        <v>0</v>
      </c>
      <c r="R1133">
        <v>1098.317</v>
      </c>
      <c r="S1133">
        <v>0</v>
      </c>
      <c r="T1133">
        <v>1115.8009999999999</v>
      </c>
      <c r="U1133">
        <v>1137.069</v>
      </c>
      <c r="V1133">
        <v>1150.251</v>
      </c>
      <c r="W1133">
        <v>1162.424</v>
      </c>
      <c r="X1133">
        <v>1175.498</v>
      </c>
      <c r="Y1133">
        <v>1173.2239999999999</v>
      </c>
    </row>
    <row r="1134" spans="1:25" x14ac:dyDescent="0.3">
      <c r="A1134">
        <v>30.333333337508762</v>
      </c>
      <c r="B1134">
        <v>1003.961</v>
      </c>
      <c r="C1134">
        <v>1052.6990000000001</v>
      </c>
      <c r="D1134">
        <v>1057.354</v>
      </c>
      <c r="E1134">
        <v>1080.463</v>
      </c>
      <c r="F1134">
        <v>1097.527</v>
      </c>
      <c r="G1134">
        <v>1119.145</v>
      </c>
      <c r="H1134">
        <v>1127.405</v>
      </c>
      <c r="I1134">
        <v>1140.4259999999999</v>
      </c>
      <c r="J1134">
        <v>1147.18</v>
      </c>
      <c r="K1134">
        <v>1154.4090000000001</v>
      </c>
      <c r="L1134">
        <v>1155.08</v>
      </c>
      <c r="M1134">
        <v>1131.922</v>
      </c>
      <c r="N1134">
        <v>1007.78</v>
      </c>
      <c r="O1134">
        <v>1031.604</v>
      </c>
      <c r="P1134">
        <v>0</v>
      </c>
      <c r="Q1134">
        <v>0</v>
      </c>
      <c r="R1134">
        <v>1096.155</v>
      </c>
      <c r="S1134">
        <v>0</v>
      </c>
      <c r="T1134">
        <v>1118.578</v>
      </c>
      <c r="U1134">
        <v>1134.9970000000001</v>
      </c>
      <c r="V1134">
        <v>1147.2180000000001</v>
      </c>
      <c r="W1134">
        <v>1161.7529999999999</v>
      </c>
      <c r="X1134">
        <v>1181.098</v>
      </c>
      <c r="Y1134">
        <v>1173.6279999999999</v>
      </c>
    </row>
    <row r="1135" spans="1:25" x14ac:dyDescent="0.3">
      <c r="A1135">
        <v>30.349999997594082</v>
      </c>
      <c r="B1135">
        <v>1000.636</v>
      </c>
      <c r="C1135">
        <v>1051.1089999999999</v>
      </c>
      <c r="D1135">
        <v>1055.3119999999999</v>
      </c>
      <c r="E1135">
        <v>1078.1510000000001</v>
      </c>
      <c r="F1135">
        <v>1093.7339999999999</v>
      </c>
      <c r="G1135">
        <v>1114.932</v>
      </c>
      <c r="H1135">
        <v>1129.1130000000001</v>
      </c>
      <c r="I1135">
        <v>1140.865</v>
      </c>
      <c r="J1135">
        <v>1147.3699999999999</v>
      </c>
      <c r="K1135">
        <v>1152.895</v>
      </c>
      <c r="L1135">
        <v>1155.886</v>
      </c>
      <c r="M1135">
        <v>1133.213</v>
      </c>
      <c r="N1135">
        <v>1009.168</v>
      </c>
      <c r="O1135">
        <v>1038.029</v>
      </c>
      <c r="P1135">
        <v>0</v>
      </c>
      <c r="Q1135">
        <v>0</v>
      </c>
      <c r="R1135">
        <v>1093.21</v>
      </c>
      <c r="S1135">
        <v>0</v>
      </c>
      <c r="T1135">
        <v>1121.223</v>
      </c>
      <c r="U1135">
        <v>1139.0909999999999</v>
      </c>
      <c r="V1135">
        <v>1142.8869999999999</v>
      </c>
      <c r="W1135">
        <v>1159.644</v>
      </c>
      <c r="X1135">
        <v>1181.5640000000001</v>
      </c>
      <c r="Y1135">
        <v>1175.71</v>
      </c>
    </row>
    <row r="1136" spans="1:25" x14ac:dyDescent="0.3">
      <c r="A1136">
        <v>30.383333338719481</v>
      </c>
      <c r="B1136">
        <v>996.33600000000001</v>
      </c>
      <c r="C1136">
        <v>1049.4269999999999</v>
      </c>
      <c r="D1136">
        <v>1053.2170000000001</v>
      </c>
      <c r="E1136">
        <v>1076.473</v>
      </c>
      <c r="F1136">
        <v>1093.079</v>
      </c>
      <c r="G1136">
        <v>1112.646</v>
      </c>
      <c r="H1136">
        <v>1127.1959999999999</v>
      </c>
      <c r="I1136">
        <v>1133.1179999999999</v>
      </c>
      <c r="J1136">
        <v>1137.202</v>
      </c>
      <c r="K1136">
        <v>1141.914</v>
      </c>
      <c r="L1136">
        <v>1143.402</v>
      </c>
      <c r="M1136">
        <v>1125.354</v>
      </c>
      <c r="N1136">
        <v>1002.938</v>
      </c>
      <c r="O1136">
        <v>1032.9839999999999</v>
      </c>
      <c r="P1136">
        <v>0</v>
      </c>
      <c r="Q1136">
        <v>0</v>
      </c>
      <c r="R1136">
        <v>1091.4870000000001</v>
      </c>
      <c r="S1136">
        <v>0</v>
      </c>
      <c r="T1136">
        <v>1121.0150000000001</v>
      </c>
      <c r="U1136">
        <v>1137.088</v>
      </c>
      <c r="V1136">
        <v>1142.7149999999999</v>
      </c>
      <c r="W1136">
        <v>1156.346</v>
      </c>
      <c r="X1136">
        <v>1178.0609999999999</v>
      </c>
      <c r="Y1136">
        <v>1176.558</v>
      </c>
    </row>
    <row r="1137" spans="1:25" x14ac:dyDescent="0.3">
      <c r="A1137">
        <v>30.416666669367501</v>
      </c>
      <c r="B1137">
        <v>997.51800000000003</v>
      </c>
      <c r="C1137">
        <v>1047.171</v>
      </c>
      <c r="D1137">
        <v>1048.2249999999999</v>
      </c>
      <c r="E1137">
        <v>1071.72</v>
      </c>
      <c r="F1137">
        <v>1089.24</v>
      </c>
      <c r="G1137">
        <v>1107.4369999999999</v>
      </c>
      <c r="H1137">
        <v>1123.93</v>
      </c>
      <c r="I1137">
        <v>1130.232</v>
      </c>
      <c r="J1137">
        <v>1137.6590000000001</v>
      </c>
      <c r="K1137">
        <v>1145.348</v>
      </c>
      <c r="L1137">
        <v>1146.721</v>
      </c>
      <c r="M1137">
        <v>1127.8969999999999</v>
      </c>
      <c r="N1137">
        <v>1008.145</v>
      </c>
      <c r="O1137">
        <v>1028.8969999999999</v>
      </c>
      <c r="P1137">
        <v>0</v>
      </c>
      <c r="Q1137">
        <v>0</v>
      </c>
      <c r="R1137">
        <v>1093.9580000000001</v>
      </c>
      <c r="S1137">
        <v>0</v>
      </c>
      <c r="T1137">
        <v>1123.9870000000001</v>
      </c>
      <c r="U1137">
        <v>1140.2919999999999</v>
      </c>
      <c r="V1137">
        <v>1143.7260000000001</v>
      </c>
      <c r="W1137">
        <v>1163.3630000000001</v>
      </c>
      <c r="X1137">
        <v>1179.296</v>
      </c>
      <c r="Y1137">
        <v>1175.2850000000001</v>
      </c>
    </row>
    <row r="1138" spans="1:25" x14ac:dyDescent="0.3">
      <c r="A1138">
        <v>30.433333339930201</v>
      </c>
      <c r="B1138">
        <v>991.53</v>
      </c>
      <c r="C1138">
        <v>1045.5260000000001</v>
      </c>
      <c r="D1138">
        <v>1047.5229999999999</v>
      </c>
      <c r="E1138">
        <v>1072</v>
      </c>
      <c r="F1138">
        <v>1088.155</v>
      </c>
      <c r="G1138">
        <v>1115.0450000000001</v>
      </c>
      <c r="H1138">
        <v>1132.2829999999999</v>
      </c>
      <c r="I1138">
        <v>1136.117</v>
      </c>
      <c r="J1138">
        <v>1141.876</v>
      </c>
      <c r="K1138">
        <v>1151.1110000000001</v>
      </c>
      <c r="L1138">
        <v>1153.412</v>
      </c>
      <c r="M1138">
        <v>1131.941</v>
      </c>
      <c r="N1138">
        <v>995.80799999999999</v>
      </c>
      <c r="O1138">
        <v>1029.7439999999999</v>
      </c>
      <c r="P1138">
        <v>0</v>
      </c>
      <c r="Q1138">
        <v>0</v>
      </c>
      <c r="R1138">
        <v>1093.902</v>
      </c>
      <c r="S1138">
        <v>0</v>
      </c>
      <c r="T1138">
        <v>1118.7860000000001</v>
      </c>
      <c r="U1138">
        <v>1135.0730000000001</v>
      </c>
      <c r="V1138">
        <v>1144.223</v>
      </c>
      <c r="W1138">
        <v>1162.424</v>
      </c>
      <c r="X1138">
        <v>1178.5820000000001</v>
      </c>
      <c r="Y1138">
        <v>1177.079</v>
      </c>
    </row>
    <row r="1139" spans="1:25" x14ac:dyDescent="0.3">
      <c r="A1139">
        <v>30.466666670578221</v>
      </c>
      <c r="B1139">
        <v>984.74599999999998</v>
      </c>
      <c r="C1139">
        <v>1039.558</v>
      </c>
      <c r="D1139">
        <v>1042.144</v>
      </c>
      <c r="E1139">
        <v>1066.9690000000001</v>
      </c>
      <c r="F1139">
        <v>1085.9649999999999</v>
      </c>
      <c r="G1139">
        <v>1111.626</v>
      </c>
      <c r="H1139">
        <v>1120.5440000000001</v>
      </c>
      <c r="I1139">
        <v>1132.4349999999999</v>
      </c>
      <c r="J1139">
        <v>1136.232</v>
      </c>
      <c r="K1139">
        <v>1143.8030000000001</v>
      </c>
      <c r="L1139">
        <v>1148.058</v>
      </c>
      <c r="M1139">
        <v>1129.778</v>
      </c>
      <c r="N1139">
        <v>995.11699999999996</v>
      </c>
      <c r="O1139">
        <v>1028.8240000000001</v>
      </c>
      <c r="P1139">
        <v>0</v>
      </c>
      <c r="Q1139">
        <v>0</v>
      </c>
      <c r="R1139">
        <v>1088.885</v>
      </c>
      <c r="S1139">
        <v>0</v>
      </c>
      <c r="T1139">
        <v>1112.816</v>
      </c>
      <c r="U1139">
        <v>1129.664</v>
      </c>
      <c r="V1139">
        <v>1138.7860000000001</v>
      </c>
      <c r="W1139">
        <v>1156.768</v>
      </c>
      <c r="X1139">
        <v>1177.8309999999999</v>
      </c>
      <c r="Y1139">
        <v>1171.336</v>
      </c>
    </row>
    <row r="1140" spans="1:25" x14ac:dyDescent="0.3">
      <c r="A1140">
        <v>30.483333330663541</v>
      </c>
      <c r="B1140">
        <v>990.56500000000005</v>
      </c>
      <c r="C1140">
        <v>1039.8510000000001</v>
      </c>
      <c r="D1140">
        <v>1041.0709999999999</v>
      </c>
      <c r="E1140">
        <v>1065.78</v>
      </c>
      <c r="F1140">
        <v>1086.6559999999999</v>
      </c>
      <c r="G1140">
        <v>1108.471</v>
      </c>
      <c r="H1140">
        <v>1120.0129999999999</v>
      </c>
      <c r="I1140">
        <v>1137.068</v>
      </c>
      <c r="J1140">
        <v>1142.009</v>
      </c>
      <c r="K1140">
        <v>1149.5250000000001</v>
      </c>
      <c r="L1140">
        <v>1153.009</v>
      </c>
      <c r="M1140">
        <v>1133.1559999999999</v>
      </c>
      <c r="N1140">
        <v>1000.745</v>
      </c>
      <c r="O1140">
        <v>1033.665</v>
      </c>
      <c r="P1140">
        <v>0</v>
      </c>
      <c r="Q1140">
        <v>0</v>
      </c>
      <c r="R1140">
        <v>1086.5070000000001</v>
      </c>
      <c r="S1140">
        <v>0</v>
      </c>
      <c r="T1140">
        <v>1110.454</v>
      </c>
      <c r="U1140">
        <v>1128.6569999999999</v>
      </c>
      <c r="V1140">
        <v>1138.0409999999999</v>
      </c>
      <c r="W1140">
        <v>1158.55</v>
      </c>
      <c r="X1140">
        <v>1176.307</v>
      </c>
      <c r="Y1140">
        <v>1177.83</v>
      </c>
    </row>
    <row r="1141" spans="1:25" x14ac:dyDescent="0.3">
      <c r="A1141">
        <v>30.51666667178894</v>
      </c>
      <c r="B1141">
        <v>997.39200000000005</v>
      </c>
      <c r="C1141">
        <v>1041.7739999999999</v>
      </c>
      <c r="D1141">
        <v>1042.0139999999999</v>
      </c>
      <c r="E1141">
        <v>1067.191</v>
      </c>
      <c r="F1141">
        <v>1084.4100000000001</v>
      </c>
      <c r="G1141">
        <v>1110.7750000000001</v>
      </c>
      <c r="H1141">
        <v>1124.8420000000001</v>
      </c>
      <c r="I1141">
        <v>1137.5840000000001</v>
      </c>
      <c r="J1141">
        <v>1142.9059999999999</v>
      </c>
      <c r="K1141">
        <v>1146.76</v>
      </c>
      <c r="L1141">
        <v>1152.78</v>
      </c>
      <c r="M1141">
        <v>1132.454</v>
      </c>
      <c r="N1141">
        <v>998.24699999999996</v>
      </c>
      <c r="O1141">
        <v>1040.4059999999999</v>
      </c>
      <c r="P1141">
        <v>0</v>
      </c>
      <c r="Q1141">
        <v>0</v>
      </c>
      <c r="R1141">
        <v>1085.365</v>
      </c>
      <c r="S1141">
        <v>0</v>
      </c>
      <c r="T1141">
        <v>1112.0029999999999</v>
      </c>
      <c r="U1141">
        <v>1134.143</v>
      </c>
      <c r="V1141">
        <v>1143.9549999999999</v>
      </c>
      <c r="W1141">
        <v>1157.8610000000001</v>
      </c>
      <c r="X1141">
        <v>1169.0989999999999</v>
      </c>
      <c r="Y1141">
        <v>1173.9369999999999</v>
      </c>
    </row>
    <row r="1142" spans="1:25" x14ac:dyDescent="0.3">
      <c r="A1142">
        <v>30.55000000243696</v>
      </c>
      <c r="B1142">
        <v>995.71799999999996</v>
      </c>
      <c r="C1142">
        <v>1040.518</v>
      </c>
      <c r="D1142">
        <v>1043.124</v>
      </c>
      <c r="E1142">
        <v>1067.229</v>
      </c>
      <c r="F1142">
        <v>1088.287</v>
      </c>
      <c r="G1142">
        <v>1114.1389999999999</v>
      </c>
      <c r="H1142">
        <v>1121.375</v>
      </c>
      <c r="I1142">
        <v>1132.0940000000001</v>
      </c>
      <c r="J1142">
        <v>1137.604</v>
      </c>
      <c r="K1142">
        <v>1144.453</v>
      </c>
      <c r="L1142">
        <v>1148.9549999999999</v>
      </c>
      <c r="M1142">
        <v>1131.335</v>
      </c>
      <c r="N1142">
        <v>1000.162</v>
      </c>
      <c r="O1142">
        <v>1037.7729999999999</v>
      </c>
      <c r="P1142">
        <v>0</v>
      </c>
      <c r="Q1142">
        <v>0</v>
      </c>
      <c r="R1142">
        <v>1082.82</v>
      </c>
      <c r="S1142">
        <v>0</v>
      </c>
      <c r="T1142">
        <v>1107.9090000000001</v>
      </c>
      <c r="U1142">
        <v>1127.2349999999999</v>
      </c>
      <c r="V1142">
        <v>1141.973</v>
      </c>
      <c r="W1142">
        <v>1158.9349999999999</v>
      </c>
      <c r="X1142">
        <v>1171.105</v>
      </c>
      <c r="Y1142">
        <v>1180.615</v>
      </c>
    </row>
    <row r="1143" spans="1:25" x14ac:dyDescent="0.3">
      <c r="A1143">
        <v>30.566666672999659</v>
      </c>
      <c r="B1143">
        <v>1000.691</v>
      </c>
      <c r="C1143">
        <v>1043.2339999999999</v>
      </c>
      <c r="D1143">
        <v>1045.175</v>
      </c>
      <c r="E1143">
        <v>1067.377</v>
      </c>
      <c r="F1143">
        <v>1085.1400000000001</v>
      </c>
      <c r="G1143">
        <v>1114.0630000000001</v>
      </c>
      <c r="H1143">
        <v>1119.655</v>
      </c>
      <c r="I1143">
        <v>1136.421</v>
      </c>
      <c r="J1143">
        <v>1139.568</v>
      </c>
      <c r="K1143">
        <v>1145.787</v>
      </c>
      <c r="L1143">
        <v>1150.9580000000001</v>
      </c>
      <c r="M1143">
        <v>1128.942</v>
      </c>
      <c r="N1143">
        <v>997.86500000000001</v>
      </c>
      <c r="O1143">
        <v>1038.453</v>
      </c>
      <c r="P1143">
        <v>0</v>
      </c>
      <c r="Q1143">
        <v>0</v>
      </c>
      <c r="R1143">
        <v>1081.3209999999999</v>
      </c>
      <c r="S1143">
        <v>0</v>
      </c>
      <c r="T1143">
        <v>1103.056</v>
      </c>
      <c r="U1143">
        <v>1123.02</v>
      </c>
      <c r="V1143">
        <v>1138.538</v>
      </c>
      <c r="W1143">
        <v>1155.1759999999999</v>
      </c>
      <c r="X1143">
        <v>1171.932</v>
      </c>
      <c r="Y1143">
        <v>1174.7850000000001</v>
      </c>
    </row>
    <row r="1144" spans="1:25" x14ac:dyDescent="0.3">
      <c r="A1144">
        <v>30.600000003647679</v>
      </c>
      <c r="B1144">
        <v>1004.783</v>
      </c>
      <c r="C1144">
        <v>1041.848</v>
      </c>
      <c r="D1144">
        <v>1045.3599999999999</v>
      </c>
      <c r="E1144">
        <v>1065.019</v>
      </c>
      <c r="F1144">
        <v>1082.2760000000001</v>
      </c>
      <c r="G1144">
        <v>1109.68</v>
      </c>
      <c r="H1144">
        <v>1114.894</v>
      </c>
      <c r="I1144">
        <v>1133.403</v>
      </c>
      <c r="J1144">
        <v>1140.4259999999999</v>
      </c>
      <c r="K1144">
        <v>1145.1379999999999</v>
      </c>
      <c r="L1144">
        <v>1150.194</v>
      </c>
      <c r="M1144">
        <v>1128.98</v>
      </c>
      <c r="N1144">
        <v>999.43</v>
      </c>
      <c r="O1144">
        <v>1038.5260000000001</v>
      </c>
      <c r="P1144">
        <v>0</v>
      </c>
      <c r="Q1144">
        <v>0</v>
      </c>
      <c r="R1144">
        <v>1081.3209999999999</v>
      </c>
      <c r="S1144">
        <v>0</v>
      </c>
      <c r="T1144">
        <v>1102.3040000000001</v>
      </c>
      <c r="U1144">
        <v>1121.6759999999999</v>
      </c>
      <c r="V1144">
        <v>1137.7170000000001</v>
      </c>
      <c r="W1144">
        <v>1151.2260000000001</v>
      </c>
      <c r="X1144">
        <v>1170.4680000000001</v>
      </c>
      <c r="Y1144">
        <v>1170.4680000000001</v>
      </c>
    </row>
    <row r="1145" spans="1:25" x14ac:dyDescent="0.3">
      <c r="A1145">
        <v>30.616666663733</v>
      </c>
      <c r="B1145">
        <v>1006.2089999999999</v>
      </c>
      <c r="C1145">
        <v>1042.9570000000001</v>
      </c>
      <c r="D1145">
        <v>1047.856</v>
      </c>
      <c r="E1145">
        <v>1068.2719999999999</v>
      </c>
      <c r="F1145">
        <v>1082.202</v>
      </c>
      <c r="G1145">
        <v>1111.4369999999999</v>
      </c>
      <c r="H1145">
        <v>1120.1469999999999</v>
      </c>
      <c r="I1145">
        <v>1133.1189999999999</v>
      </c>
      <c r="J1145">
        <v>1138.9960000000001</v>
      </c>
      <c r="K1145">
        <v>1145.635</v>
      </c>
      <c r="L1145">
        <v>1151.7639999999999</v>
      </c>
      <c r="M1145">
        <v>1131.107</v>
      </c>
      <c r="N1145">
        <v>998.26599999999996</v>
      </c>
      <c r="O1145">
        <v>1035.3420000000001</v>
      </c>
      <c r="P1145">
        <v>0</v>
      </c>
      <c r="Q1145">
        <v>0</v>
      </c>
      <c r="R1145">
        <v>1084.729</v>
      </c>
      <c r="S1145">
        <v>0</v>
      </c>
      <c r="T1145">
        <v>1104.26</v>
      </c>
      <c r="U1145">
        <v>1124.8050000000001</v>
      </c>
      <c r="V1145">
        <v>1140.4839999999999</v>
      </c>
      <c r="W1145">
        <v>1158.7239999999999</v>
      </c>
      <c r="X1145">
        <v>1174.7860000000001</v>
      </c>
      <c r="Y1145">
        <v>1173.3399999999999</v>
      </c>
    </row>
    <row r="1146" spans="1:25" x14ac:dyDescent="0.3">
      <c r="A1146">
        <v>30.650000004858398</v>
      </c>
      <c r="B1146">
        <v>1005.04</v>
      </c>
      <c r="C1146">
        <v>1043.9739999999999</v>
      </c>
      <c r="D1146">
        <v>1047.9670000000001</v>
      </c>
      <c r="E1146">
        <v>1069.894</v>
      </c>
      <c r="F1146">
        <v>1082.0709999999999</v>
      </c>
      <c r="G1146">
        <v>1108.604</v>
      </c>
      <c r="H1146">
        <v>1123.6849999999999</v>
      </c>
      <c r="I1146">
        <v>1137.8320000000001</v>
      </c>
      <c r="J1146">
        <v>1142.6210000000001</v>
      </c>
      <c r="K1146">
        <v>1150.0039999999999</v>
      </c>
      <c r="L1146">
        <v>1157.2090000000001</v>
      </c>
      <c r="M1146">
        <v>1133.5930000000001</v>
      </c>
      <c r="N1146">
        <v>998.24800000000005</v>
      </c>
      <c r="O1146">
        <v>1039.4110000000001</v>
      </c>
      <c r="P1146">
        <v>0</v>
      </c>
      <c r="Q1146">
        <v>0</v>
      </c>
      <c r="R1146">
        <v>1085.8900000000001</v>
      </c>
      <c r="S1146">
        <v>0</v>
      </c>
      <c r="T1146">
        <v>1107.269</v>
      </c>
      <c r="U1146">
        <v>1127.69</v>
      </c>
      <c r="V1146">
        <v>1140.5219999999999</v>
      </c>
      <c r="W1146">
        <v>1156.672</v>
      </c>
      <c r="X1146">
        <v>1179.51</v>
      </c>
      <c r="Y1146">
        <v>1174.3620000000001</v>
      </c>
    </row>
    <row r="1147" spans="1:25" x14ac:dyDescent="0.3">
      <c r="A1147">
        <v>30.683333335506418</v>
      </c>
      <c r="B1147">
        <v>999.74099999999999</v>
      </c>
      <c r="C1147">
        <v>1043.42</v>
      </c>
      <c r="D1147">
        <v>1047.7639999999999</v>
      </c>
      <c r="E1147">
        <v>1067.5640000000001</v>
      </c>
      <c r="F1147">
        <v>1081.2090000000001</v>
      </c>
      <c r="G1147">
        <v>1112.835</v>
      </c>
      <c r="H1147">
        <v>1124.3489999999999</v>
      </c>
      <c r="I1147">
        <v>1139.0909999999999</v>
      </c>
      <c r="J1147">
        <v>1144.433</v>
      </c>
      <c r="K1147">
        <v>1151.9559999999999</v>
      </c>
      <c r="L1147">
        <v>1155.752</v>
      </c>
      <c r="M1147">
        <v>1131.5999999999999</v>
      </c>
      <c r="N1147">
        <v>994.57100000000003</v>
      </c>
      <c r="O1147">
        <v>1037.22</v>
      </c>
      <c r="P1147">
        <v>0</v>
      </c>
      <c r="Q1147">
        <v>0</v>
      </c>
      <c r="R1147">
        <v>1084.973</v>
      </c>
      <c r="S1147">
        <v>0</v>
      </c>
      <c r="T1147">
        <v>1107.1559999999999</v>
      </c>
      <c r="U1147">
        <v>1125.7729999999999</v>
      </c>
      <c r="V1147">
        <v>1136.9739999999999</v>
      </c>
      <c r="W1147">
        <v>1155.0229999999999</v>
      </c>
      <c r="X1147">
        <v>1174.6310000000001</v>
      </c>
      <c r="Y1147">
        <v>1173.4169999999999</v>
      </c>
    </row>
    <row r="1148" spans="1:25" x14ac:dyDescent="0.3">
      <c r="A1148">
        <v>30.700000006069118</v>
      </c>
      <c r="B1148">
        <v>1003.086</v>
      </c>
      <c r="C1148">
        <v>1042.1079999999999</v>
      </c>
      <c r="D1148">
        <v>1047.5609999999999</v>
      </c>
      <c r="E1148">
        <v>1067.248</v>
      </c>
      <c r="F1148">
        <v>1083.8869999999999</v>
      </c>
      <c r="G1148">
        <v>1115.991</v>
      </c>
      <c r="H1148">
        <v>1126.172</v>
      </c>
      <c r="I1148">
        <v>1137.394</v>
      </c>
      <c r="J1148">
        <v>1144.491</v>
      </c>
      <c r="K1148">
        <v>1150.691</v>
      </c>
      <c r="L1148">
        <v>1158.3409999999999</v>
      </c>
      <c r="M1148">
        <v>1136.422</v>
      </c>
      <c r="N1148">
        <v>987.96400000000006</v>
      </c>
      <c r="O1148">
        <v>1032.1569999999999</v>
      </c>
      <c r="P1148">
        <v>0</v>
      </c>
      <c r="Q1148">
        <v>0</v>
      </c>
      <c r="R1148">
        <v>1082.895</v>
      </c>
      <c r="S1148">
        <v>0</v>
      </c>
      <c r="T1148">
        <v>1110.21</v>
      </c>
      <c r="U1148">
        <v>1127.482</v>
      </c>
      <c r="V1148">
        <v>1136.5550000000001</v>
      </c>
      <c r="W1148">
        <v>1153.068</v>
      </c>
      <c r="X1148">
        <v>1168.4839999999999</v>
      </c>
      <c r="Y1148">
        <v>1173.4949999999999</v>
      </c>
    </row>
    <row r="1149" spans="1:25" x14ac:dyDescent="0.3">
      <c r="A1149">
        <v>30.733333336717138</v>
      </c>
      <c r="B1149">
        <v>992.45899999999995</v>
      </c>
      <c r="C1149">
        <v>1039.539</v>
      </c>
      <c r="D1149">
        <v>1045.3420000000001</v>
      </c>
      <c r="E1149">
        <v>1066.4490000000001</v>
      </c>
      <c r="F1149">
        <v>1081.79</v>
      </c>
      <c r="G1149">
        <v>1114.347</v>
      </c>
      <c r="H1149">
        <v>1122.5650000000001</v>
      </c>
      <c r="I1149">
        <v>1135.606</v>
      </c>
      <c r="J1149">
        <v>1145.2719999999999</v>
      </c>
      <c r="K1149">
        <v>1148.191</v>
      </c>
      <c r="L1149">
        <v>1152.3969999999999</v>
      </c>
      <c r="M1149">
        <v>1131.885</v>
      </c>
      <c r="N1149">
        <v>997.28300000000002</v>
      </c>
      <c r="O1149">
        <v>1028.6220000000001</v>
      </c>
      <c r="P1149">
        <v>0</v>
      </c>
      <c r="Q1149">
        <v>0</v>
      </c>
      <c r="R1149">
        <v>1084.2239999999999</v>
      </c>
      <c r="S1149">
        <v>0</v>
      </c>
      <c r="T1149">
        <v>1108.3779999999999</v>
      </c>
      <c r="U1149">
        <v>1125.8869999999999</v>
      </c>
      <c r="V1149">
        <v>1132.473</v>
      </c>
      <c r="W1149">
        <v>1150.595</v>
      </c>
      <c r="X1149">
        <v>1169.0419999999999</v>
      </c>
      <c r="Y1149">
        <v>1172.55</v>
      </c>
    </row>
    <row r="1150" spans="1:25" x14ac:dyDescent="0.3">
      <c r="A1150">
        <v>30.749999996802458</v>
      </c>
      <c r="B1150">
        <v>983.93200000000002</v>
      </c>
      <c r="C1150">
        <v>1040.501</v>
      </c>
      <c r="D1150">
        <v>1047.211</v>
      </c>
      <c r="E1150">
        <v>1070.027</v>
      </c>
      <c r="F1150">
        <v>1083.346</v>
      </c>
      <c r="G1150">
        <v>1111.0619999999999</v>
      </c>
      <c r="H1150">
        <v>1124.731</v>
      </c>
      <c r="I1150">
        <v>1133.2539999999999</v>
      </c>
      <c r="J1150">
        <v>1141.211</v>
      </c>
      <c r="K1150">
        <v>1143.749</v>
      </c>
      <c r="L1150">
        <v>1147.297</v>
      </c>
      <c r="M1150">
        <v>1129.211</v>
      </c>
      <c r="N1150">
        <v>999.03300000000002</v>
      </c>
      <c r="O1150">
        <v>1030.8150000000001</v>
      </c>
      <c r="P1150">
        <v>0</v>
      </c>
      <c r="Q1150">
        <v>0</v>
      </c>
      <c r="R1150">
        <v>1088.307</v>
      </c>
      <c r="S1150">
        <v>0</v>
      </c>
      <c r="T1150">
        <v>1112.97</v>
      </c>
      <c r="U1150">
        <v>1131.223</v>
      </c>
      <c r="V1150">
        <v>1137.625</v>
      </c>
      <c r="W1150">
        <v>1155.6579999999999</v>
      </c>
      <c r="X1150">
        <v>1173.6890000000001</v>
      </c>
      <c r="Y1150">
        <v>1171.877</v>
      </c>
    </row>
    <row r="1151" spans="1:25" x14ac:dyDescent="0.3">
      <c r="A1151">
        <v>30.783333337927857</v>
      </c>
      <c r="B1151">
        <v>978.34500000000003</v>
      </c>
      <c r="C1151">
        <v>1039.7059999999999</v>
      </c>
      <c r="D1151">
        <v>1048.7070000000001</v>
      </c>
      <c r="E1151">
        <v>1072.7650000000001</v>
      </c>
      <c r="F1151">
        <v>1084.0930000000001</v>
      </c>
      <c r="G1151">
        <v>1107.57</v>
      </c>
      <c r="H1151">
        <v>1124.027</v>
      </c>
      <c r="I1151">
        <v>1132.4549999999999</v>
      </c>
      <c r="J1151">
        <v>1138.0999999999999</v>
      </c>
      <c r="K1151">
        <v>1137.7180000000001</v>
      </c>
      <c r="L1151">
        <v>1138.367</v>
      </c>
      <c r="M1151">
        <v>1121.2619999999999</v>
      </c>
      <c r="N1151">
        <v>999.28599999999994</v>
      </c>
      <c r="O1151">
        <v>1029.23</v>
      </c>
      <c r="P1151">
        <v>0</v>
      </c>
      <c r="Q1151">
        <v>0</v>
      </c>
      <c r="R1151">
        <v>1088.942</v>
      </c>
      <c r="S1151">
        <v>0</v>
      </c>
      <c r="T1151">
        <v>1111.4190000000001</v>
      </c>
      <c r="U1151">
        <v>1130.8789999999999</v>
      </c>
      <c r="V1151">
        <v>1138.501</v>
      </c>
      <c r="W1151">
        <v>1154.6210000000001</v>
      </c>
      <c r="X1151">
        <v>1172.7049999999999</v>
      </c>
      <c r="Y1151">
        <v>1174.6130000000001</v>
      </c>
    </row>
    <row r="1152" spans="1:25" x14ac:dyDescent="0.3">
      <c r="A1152">
        <v>30.816666668575877</v>
      </c>
      <c r="B1152">
        <v>986.21600000000001</v>
      </c>
      <c r="C1152">
        <v>1040.8689999999999</v>
      </c>
      <c r="D1152">
        <v>1049.317</v>
      </c>
      <c r="E1152">
        <v>1074.0329999999999</v>
      </c>
      <c r="F1152">
        <v>1085.8530000000001</v>
      </c>
      <c r="G1152">
        <v>1108.097</v>
      </c>
      <c r="H1152">
        <v>1121.867</v>
      </c>
      <c r="I1152">
        <v>1132.854</v>
      </c>
      <c r="J1152">
        <v>1138.768</v>
      </c>
      <c r="K1152">
        <v>1143.213</v>
      </c>
      <c r="L1152">
        <v>1148.02</v>
      </c>
      <c r="M1152">
        <v>1126.893</v>
      </c>
      <c r="N1152">
        <v>998.26700000000005</v>
      </c>
      <c r="O1152">
        <v>1028.751</v>
      </c>
      <c r="P1152">
        <v>0</v>
      </c>
      <c r="Q1152">
        <v>0</v>
      </c>
      <c r="R1152">
        <v>1082.277</v>
      </c>
      <c r="S1152">
        <v>0</v>
      </c>
      <c r="T1152">
        <v>1106.329</v>
      </c>
      <c r="U1152">
        <v>1129.152</v>
      </c>
      <c r="V1152">
        <v>1140.1600000000001</v>
      </c>
      <c r="W1152">
        <v>1150.462</v>
      </c>
      <c r="X1152">
        <v>1164.0360000000001</v>
      </c>
      <c r="Y1152">
        <v>1173.4559999999999</v>
      </c>
    </row>
    <row r="1153" spans="1:25" x14ac:dyDescent="0.3">
      <c r="A1153">
        <v>30.833333339138576</v>
      </c>
      <c r="B1153">
        <v>990.98599999999999</v>
      </c>
      <c r="C1153">
        <v>1041.941</v>
      </c>
      <c r="D1153">
        <v>1046.027</v>
      </c>
      <c r="E1153">
        <v>1070.5840000000001</v>
      </c>
      <c r="F1153">
        <v>1081.9960000000001</v>
      </c>
      <c r="G1153">
        <v>1103.2829999999999</v>
      </c>
      <c r="H1153">
        <v>1117.8610000000001</v>
      </c>
      <c r="I1153">
        <v>1131.0309999999999</v>
      </c>
      <c r="J1153">
        <v>1137.375</v>
      </c>
      <c r="K1153">
        <v>1142.106</v>
      </c>
      <c r="L1153">
        <v>1151.8219999999999</v>
      </c>
      <c r="M1153">
        <v>1127.8989999999999</v>
      </c>
      <c r="N1153">
        <v>995.08100000000002</v>
      </c>
      <c r="O1153">
        <v>1032.691</v>
      </c>
      <c r="P1153">
        <v>0</v>
      </c>
      <c r="Q1153">
        <v>0</v>
      </c>
      <c r="R1153">
        <v>1079.4570000000001</v>
      </c>
      <c r="S1153">
        <v>0</v>
      </c>
      <c r="T1153">
        <v>1102.136</v>
      </c>
      <c r="U1153">
        <v>1121.961</v>
      </c>
      <c r="V1153">
        <v>1134.5809999999999</v>
      </c>
      <c r="W1153">
        <v>1153.356</v>
      </c>
      <c r="X1153">
        <v>1168.5409999999999</v>
      </c>
      <c r="Y1153">
        <v>1172.146</v>
      </c>
    </row>
    <row r="1154" spans="1:25" x14ac:dyDescent="0.3">
      <c r="A1154">
        <v>30.866666669786596</v>
      </c>
      <c r="B1154">
        <v>997.50199999999995</v>
      </c>
      <c r="C1154">
        <v>1037.68</v>
      </c>
      <c r="D1154">
        <v>1041.0909999999999</v>
      </c>
      <c r="E1154">
        <v>1067.9929999999999</v>
      </c>
      <c r="F1154">
        <v>1081.6780000000001</v>
      </c>
      <c r="G1154">
        <v>1108.078</v>
      </c>
      <c r="H1154">
        <v>1118.277</v>
      </c>
      <c r="I1154">
        <v>1130.633</v>
      </c>
      <c r="J1154">
        <v>1138.539</v>
      </c>
      <c r="K1154">
        <v>1146.3409999999999</v>
      </c>
      <c r="L1154">
        <v>1155.8679999999999</v>
      </c>
      <c r="M1154">
        <v>1129.3800000000001</v>
      </c>
      <c r="N1154">
        <v>988.43700000000001</v>
      </c>
      <c r="O1154">
        <v>1038.914</v>
      </c>
      <c r="P1154">
        <v>0</v>
      </c>
      <c r="Q1154">
        <v>0</v>
      </c>
      <c r="R1154">
        <v>1084.018</v>
      </c>
      <c r="S1154">
        <v>0</v>
      </c>
      <c r="T1154">
        <v>1102.7</v>
      </c>
      <c r="U1154">
        <v>1121.2809999999999</v>
      </c>
      <c r="V1154">
        <v>1138.0809999999999</v>
      </c>
      <c r="W1154">
        <v>1157.7080000000001</v>
      </c>
      <c r="X1154">
        <v>1170.5840000000001</v>
      </c>
      <c r="Y1154">
        <v>1173.0709999999999</v>
      </c>
    </row>
    <row r="1155" spans="1:25" x14ac:dyDescent="0.3">
      <c r="A1155">
        <v>30.900000000434616</v>
      </c>
      <c r="B1155">
        <v>1006.431</v>
      </c>
      <c r="C1155">
        <v>1037.5899999999999</v>
      </c>
      <c r="D1155">
        <v>1041.1300000000001</v>
      </c>
      <c r="E1155">
        <v>1067.25</v>
      </c>
      <c r="F1155">
        <v>1082.8399999999999</v>
      </c>
      <c r="G1155">
        <v>1113.423</v>
      </c>
      <c r="H1155">
        <v>1129.78</v>
      </c>
      <c r="I1155">
        <v>1131.546</v>
      </c>
      <c r="J1155">
        <v>1140.944</v>
      </c>
      <c r="K1155">
        <v>1148.9380000000001</v>
      </c>
      <c r="L1155">
        <v>1156.33</v>
      </c>
      <c r="M1155">
        <v>1127.806</v>
      </c>
      <c r="N1155">
        <v>988.803</v>
      </c>
      <c r="O1155">
        <v>1033.2449999999999</v>
      </c>
      <c r="P1155">
        <v>0</v>
      </c>
      <c r="Q1155">
        <v>0</v>
      </c>
      <c r="R1155">
        <v>1081.586</v>
      </c>
      <c r="S1155">
        <v>0</v>
      </c>
      <c r="T1155">
        <v>1106.444</v>
      </c>
      <c r="U1155">
        <v>1126.6859999999999</v>
      </c>
      <c r="V1155">
        <v>1145.5039999999999</v>
      </c>
      <c r="W1155">
        <v>1160.279</v>
      </c>
      <c r="X1155">
        <v>1170.393</v>
      </c>
      <c r="Y1155">
        <v>1170.143</v>
      </c>
    </row>
    <row r="1156" spans="1:25" x14ac:dyDescent="0.3">
      <c r="A1156">
        <v>30.916666670997316</v>
      </c>
      <c r="B1156">
        <v>1000.274</v>
      </c>
      <c r="C1156">
        <v>1039.855</v>
      </c>
      <c r="D1156">
        <v>1046.269</v>
      </c>
      <c r="E1156">
        <v>1076.645</v>
      </c>
      <c r="F1156">
        <v>1093.307</v>
      </c>
      <c r="G1156">
        <v>1113.7260000000001</v>
      </c>
      <c r="H1156">
        <v>1127.75</v>
      </c>
      <c r="I1156">
        <v>1132.3620000000001</v>
      </c>
      <c r="J1156">
        <v>1141.8219999999999</v>
      </c>
      <c r="K1156">
        <v>1148.614</v>
      </c>
      <c r="L1156">
        <v>1149.587</v>
      </c>
      <c r="M1156">
        <v>1122.2470000000001</v>
      </c>
      <c r="N1156">
        <v>993.154</v>
      </c>
      <c r="O1156">
        <v>1027.2249999999999</v>
      </c>
      <c r="P1156">
        <v>0</v>
      </c>
      <c r="Q1156">
        <v>0</v>
      </c>
      <c r="R1156">
        <v>1080.373</v>
      </c>
      <c r="S1156">
        <v>0</v>
      </c>
      <c r="T1156">
        <v>1109.5509999999999</v>
      </c>
      <c r="U1156">
        <v>1123.915</v>
      </c>
      <c r="V1156">
        <v>1137.759</v>
      </c>
      <c r="W1156">
        <v>1153.2619999999999</v>
      </c>
      <c r="X1156">
        <v>1169.3530000000001</v>
      </c>
      <c r="Y1156">
        <v>1166.385</v>
      </c>
    </row>
    <row r="1157" spans="1:25" x14ac:dyDescent="0.3">
      <c r="A1157">
        <v>30.950000001645336</v>
      </c>
      <c r="B1157">
        <v>997.64800000000002</v>
      </c>
      <c r="C1157">
        <v>1040.056</v>
      </c>
      <c r="D1157">
        <v>1047.154</v>
      </c>
      <c r="E1157">
        <v>1078.2080000000001</v>
      </c>
      <c r="F1157">
        <v>1099.0889999999999</v>
      </c>
      <c r="G1157">
        <v>1114.5550000000001</v>
      </c>
      <c r="H1157">
        <v>1124.501</v>
      </c>
      <c r="I1157">
        <v>1136.6310000000001</v>
      </c>
      <c r="J1157">
        <v>1143.518</v>
      </c>
      <c r="K1157">
        <v>1146.4939999999999</v>
      </c>
      <c r="L1157">
        <v>1149.527</v>
      </c>
      <c r="M1157">
        <v>1125.0329999999999</v>
      </c>
      <c r="N1157">
        <v>989.65700000000004</v>
      </c>
      <c r="O1157">
        <v>1023.1849999999999</v>
      </c>
      <c r="P1157">
        <v>0</v>
      </c>
      <c r="Q1157">
        <v>0</v>
      </c>
      <c r="R1157">
        <v>1077.0340000000001</v>
      </c>
      <c r="S1157">
        <v>0</v>
      </c>
      <c r="T1157">
        <v>1106.7619999999999</v>
      </c>
      <c r="U1157">
        <v>1124.0840000000001</v>
      </c>
      <c r="V1157">
        <v>1137.47</v>
      </c>
      <c r="W1157">
        <v>1152.5119999999999</v>
      </c>
      <c r="X1157">
        <v>1169.4469999999999</v>
      </c>
      <c r="Y1157">
        <v>1172.261</v>
      </c>
    </row>
    <row r="1158" spans="1:25" x14ac:dyDescent="0.3">
      <c r="A1158">
        <v>30.966666672208035</v>
      </c>
      <c r="B1158">
        <v>987.16600000000005</v>
      </c>
      <c r="C1158">
        <v>1036.2840000000001</v>
      </c>
      <c r="D1158">
        <v>1046.4179999999999</v>
      </c>
      <c r="E1158">
        <v>1075.6569999999999</v>
      </c>
      <c r="F1158">
        <v>1098.6410000000001</v>
      </c>
      <c r="G1158">
        <v>1114.8040000000001</v>
      </c>
      <c r="H1158">
        <v>1123.1189999999999</v>
      </c>
      <c r="I1158">
        <v>1133.2360000000001</v>
      </c>
      <c r="J1158">
        <v>1139.7429999999999</v>
      </c>
      <c r="K1158">
        <v>1145.5050000000001</v>
      </c>
      <c r="L1158">
        <v>1148.0419999999999</v>
      </c>
      <c r="M1158">
        <v>1121.454</v>
      </c>
      <c r="N1158">
        <v>989.09500000000003</v>
      </c>
      <c r="O1158">
        <v>1014.55</v>
      </c>
      <c r="P1158">
        <v>0</v>
      </c>
      <c r="Q1158">
        <v>0</v>
      </c>
      <c r="R1158">
        <v>1078.136</v>
      </c>
      <c r="S1158">
        <v>0</v>
      </c>
      <c r="T1158">
        <v>1107.423</v>
      </c>
      <c r="U1158">
        <v>1128.9839999999999</v>
      </c>
      <c r="V1158">
        <v>1138.4269999999999</v>
      </c>
      <c r="W1158">
        <v>1151.8440000000001</v>
      </c>
      <c r="X1158">
        <v>1168.3710000000001</v>
      </c>
      <c r="Y1158">
        <v>1169.797</v>
      </c>
    </row>
    <row r="1159" spans="1:25" x14ac:dyDescent="0.3">
      <c r="A1159">
        <v>31.000000002856055</v>
      </c>
      <c r="B1159">
        <v>987.67600000000004</v>
      </c>
      <c r="C1159">
        <v>1035.364</v>
      </c>
      <c r="D1159">
        <v>1042.3140000000001</v>
      </c>
      <c r="E1159">
        <v>1071.184</v>
      </c>
      <c r="F1159">
        <v>1090.4059999999999</v>
      </c>
      <c r="G1159">
        <v>1113.2360000000001</v>
      </c>
      <c r="H1159">
        <v>1121.7940000000001</v>
      </c>
      <c r="I1159">
        <v>1130.902</v>
      </c>
      <c r="J1159">
        <v>1139.7059999999999</v>
      </c>
      <c r="K1159">
        <v>1147.241</v>
      </c>
      <c r="L1159">
        <v>1145.944</v>
      </c>
      <c r="M1159">
        <v>1120.019</v>
      </c>
      <c r="N1159">
        <v>994.029</v>
      </c>
      <c r="O1159">
        <v>1019.41</v>
      </c>
      <c r="P1159">
        <v>0</v>
      </c>
      <c r="Q1159">
        <v>0</v>
      </c>
      <c r="R1159">
        <v>1073.123</v>
      </c>
      <c r="S1159">
        <v>0</v>
      </c>
      <c r="T1159">
        <v>1105.6179999999999</v>
      </c>
      <c r="U1159">
        <v>1128.472</v>
      </c>
      <c r="V1159">
        <v>1137.932</v>
      </c>
      <c r="W1159">
        <v>1151.883</v>
      </c>
      <c r="X1159">
        <v>1166.059</v>
      </c>
      <c r="Y1159">
        <v>1172.7080000000001</v>
      </c>
    </row>
    <row r="1160" spans="1:25" x14ac:dyDescent="0.3">
      <c r="A1160">
        <v>31.033333333504075</v>
      </c>
      <c r="B1160">
        <v>989.27700000000004</v>
      </c>
      <c r="C1160">
        <v>1035.547</v>
      </c>
      <c r="D1160">
        <v>1038.4559999999999</v>
      </c>
      <c r="E1160">
        <v>1067.4359999999999</v>
      </c>
      <c r="F1160">
        <v>1085.163</v>
      </c>
      <c r="G1160">
        <v>1111.251</v>
      </c>
      <c r="H1160">
        <v>1126.269</v>
      </c>
      <c r="I1160">
        <v>1136.2349999999999</v>
      </c>
      <c r="J1160">
        <v>1140.83</v>
      </c>
      <c r="K1160">
        <v>1147.6600000000001</v>
      </c>
      <c r="L1160">
        <v>1144.4359999999999</v>
      </c>
      <c r="M1160">
        <v>1120.0740000000001</v>
      </c>
      <c r="N1160">
        <v>988.49400000000003</v>
      </c>
      <c r="O1160">
        <v>1025.2049999999999</v>
      </c>
      <c r="P1160">
        <v>0</v>
      </c>
      <c r="Q1160">
        <v>0</v>
      </c>
      <c r="R1160">
        <v>1072.972</v>
      </c>
      <c r="S1160">
        <v>0</v>
      </c>
      <c r="T1160">
        <v>1106.7829999999999</v>
      </c>
      <c r="U1160">
        <v>1128.338</v>
      </c>
      <c r="V1160">
        <v>1139.6669999999999</v>
      </c>
      <c r="W1160">
        <v>1159.3599999999999</v>
      </c>
      <c r="X1160">
        <v>1168.7560000000001</v>
      </c>
      <c r="Y1160">
        <v>1169.527</v>
      </c>
    </row>
    <row r="1161" spans="1:25" x14ac:dyDescent="0.3">
      <c r="A1161">
        <v>31.050000004066774</v>
      </c>
      <c r="B1161">
        <v>997.029</v>
      </c>
      <c r="C1161">
        <v>1036.097</v>
      </c>
      <c r="D1161">
        <v>1037.0730000000001</v>
      </c>
      <c r="E1161">
        <v>1065.1510000000001</v>
      </c>
      <c r="F1161">
        <v>1083.1569999999999</v>
      </c>
      <c r="G1161">
        <v>1110.588</v>
      </c>
      <c r="H1161">
        <v>1124.9190000000001</v>
      </c>
      <c r="I1161">
        <v>1133.8599999999999</v>
      </c>
      <c r="J1161">
        <v>1141.954</v>
      </c>
      <c r="K1161">
        <v>1147.6389999999999</v>
      </c>
      <c r="L1161">
        <v>1147.143</v>
      </c>
      <c r="M1161">
        <v>1123.704</v>
      </c>
      <c r="N1161">
        <v>990.13</v>
      </c>
      <c r="O1161">
        <v>1021.718</v>
      </c>
      <c r="P1161">
        <v>0</v>
      </c>
      <c r="Q1161">
        <v>0</v>
      </c>
      <c r="R1161">
        <v>1071.404</v>
      </c>
      <c r="S1161">
        <v>0</v>
      </c>
      <c r="T1161">
        <v>1105.069</v>
      </c>
      <c r="U1161">
        <v>1129.9110000000001</v>
      </c>
      <c r="V1161">
        <v>1142.373</v>
      </c>
      <c r="W1161">
        <v>1160.009</v>
      </c>
      <c r="X1161">
        <v>1171.452</v>
      </c>
      <c r="Y1161">
        <v>1173.4760000000001</v>
      </c>
    </row>
    <row r="1162" spans="1:25" x14ac:dyDescent="0.3">
      <c r="A1162">
        <v>31.083333334714794</v>
      </c>
      <c r="B1162">
        <v>984.93100000000004</v>
      </c>
      <c r="C1162">
        <v>1034.5350000000001</v>
      </c>
      <c r="D1162">
        <v>1035.271</v>
      </c>
      <c r="E1162">
        <v>1064.7260000000001</v>
      </c>
      <c r="F1162">
        <v>1079.348</v>
      </c>
      <c r="G1162">
        <v>1107.047</v>
      </c>
      <c r="H1162">
        <v>1126.175</v>
      </c>
      <c r="I1162">
        <v>1133.8630000000001</v>
      </c>
      <c r="J1162">
        <v>1141.117</v>
      </c>
      <c r="K1162">
        <v>1144.1120000000001</v>
      </c>
      <c r="L1162">
        <v>1146.8019999999999</v>
      </c>
      <c r="M1162">
        <v>1123.479</v>
      </c>
      <c r="N1162">
        <v>986.01900000000001</v>
      </c>
      <c r="O1162">
        <v>1019.355</v>
      </c>
      <c r="P1162">
        <v>0</v>
      </c>
      <c r="Q1162">
        <v>0</v>
      </c>
      <c r="R1162">
        <v>1076.8499999999999</v>
      </c>
      <c r="S1162">
        <v>0</v>
      </c>
      <c r="T1162">
        <v>1104.47</v>
      </c>
      <c r="U1162">
        <v>1127.048</v>
      </c>
      <c r="V1162">
        <v>1141.117</v>
      </c>
      <c r="W1162">
        <v>1155.046</v>
      </c>
      <c r="X1162">
        <v>1167.7159999999999</v>
      </c>
      <c r="Y1162">
        <v>1170.144</v>
      </c>
    </row>
    <row r="1163" spans="1:25" x14ac:dyDescent="0.3">
      <c r="A1163">
        <v>31.100000005277494</v>
      </c>
      <c r="B1163">
        <v>985.25699999999995</v>
      </c>
      <c r="C1163">
        <v>1031.7360000000001</v>
      </c>
      <c r="D1163">
        <v>1032.8040000000001</v>
      </c>
      <c r="E1163">
        <v>1060.7170000000001</v>
      </c>
      <c r="F1163">
        <v>1081.83</v>
      </c>
      <c r="G1163">
        <v>1103.0409999999999</v>
      </c>
      <c r="H1163">
        <v>1121.1320000000001</v>
      </c>
      <c r="I1163">
        <v>1128.3</v>
      </c>
      <c r="J1163">
        <v>1133.9190000000001</v>
      </c>
      <c r="K1163">
        <v>1137.511</v>
      </c>
      <c r="L1163">
        <v>1139.819</v>
      </c>
      <c r="M1163">
        <v>1119.0730000000001</v>
      </c>
      <c r="N1163">
        <v>982.04700000000003</v>
      </c>
      <c r="O1163">
        <v>1018.676</v>
      </c>
      <c r="P1163">
        <v>0</v>
      </c>
      <c r="Q1163">
        <v>0</v>
      </c>
      <c r="R1163">
        <v>1073.4570000000001</v>
      </c>
      <c r="S1163">
        <v>0</v>
      </c>
      <c r="T1163">
        <v>1102.6079999999999</v>
      </c>
      <c r="U1163">
        <v>1125.605</v>
      </c>
      <c r="V1163">
        <v>1140.5250000000001</v>
      </c>
      <c r="W1163">
        <v>1155.18</v>
      </c>
      <c r="X1163">
        <v>1167.4069999999999</v>
      </c>
      <c r="Y1163">
        <v>1168.3119999999999</v>
      </c>
    </row>
    <row r="1164" spans="1:25" x14ac:dyDescent="0.3">
      <c r="A1164">
        <v>31.133333335925514</v>
      </c>
      <c r="B1164">
        <v>990.86</v>
      </c>
      <c r="C1164">
        <v>1030.98</v>
      </c>
      <c r="D1164">
        <v>1032.8399999999999</v>
      </c>
      <c r="E1164">
        <v>1060.7159999999999</v>
      </c>
      <c r="F1164">
        <v>1079.347</v>
      </c>
      <c r="G1164">
        <v>1103.623</v>
      </c>
      <c r="H1164">
        <v>1117.3530000000001</v>
      </c>
      <c r="I1164">
        <v>1126.0409999999999</v>
      </c>
      <c r="J1164">
        <v>1128.2429999999999</v>
      </c>
      <c r="K1164">
        <v>1133.9749999999999</v>
      </c>
      <c r="L1164">
        <v>1136.557</v>
      </c>
      <c r="M1164">
        <v>1118.864</v>
      </c>
      <c r="N1164">
        <v>981.91899999999998</v>
      </c>
      <c r="O1164">
        <v>1021.078</v>
      </c>
      <c r="P1164">
        <v>0</v>
      </c>
      <c r="Q1164">
        <v>0</v>
      </c>
      <c r="R1164">
        <v>1073.7170000000001</v>
      </c>
      <c r="S1164">
        <v>0</v>
      </c>
      <c r="T1164">
        <v>1101.1030000000001</v>
      </c>
      <c r="U1164">
        <v>1123.117</v>
      </c>
      <c r="V1164">
        <v>1135.2660000000001</v>
      </c>
      <c r="W1164">
        <v>1150.3489999999999</v>
      </c>
      <c r="X1164">
        <v>1167.194</v>
      </c>
      <c r="Y1164">
        <v>1167.059</v>
      </c>
    </row>
    <row r="1165" spans="1:25" x14ac:dyDescent="0.3">
      <c r="A1165">
        <v>31.166666666573533</v>
      </c>
      <c r="B1165">
        <v>996.90499999999997</v>
      </c>
      <c r="C1165">
        <v>1028.846</v>
      </c>
      <c r="D1165">
        <v>1032.473</v>
      </c>
      <c r="E1165">
        <v>1060.328</v>
      </c>
      <c r="F1165">
        <v>1079.0129999999999</v>
      </c>
      <c r="G1165">
        <v>1100.165</v>
      </c>
      <c r="H1165">
        <v>1114.7470000000001</v>
      </c>
      <c r="I1165">
        <v>1120.8689999999999</v>
      </c>
      <c r="J1165">
        <v>1127.4090000000001</v>
      </c>
      <c r="K1165">
        <v>1134.9449999999999</v>
      </c>
      <c r="L1165">
        <v>1140.145</v>
      </c>
      <c r="M1165">
        <v>1122.5119999999999</v>
      </c>
      <c r="N1165">
        <v>977.65899999999999</v>
      </c>
      <c r="O1165">
        <v>1018.769</v>
      </c>
      <c r="P1165">
        <v>0</v>
      </c>
      <c r="Q1165">
        <v>0</v>
      </c>
      <c r="R1165">
        <v>1075.8630000000001</v>
      </c>
      <c r="S1165">
        <v>0</v>
      </c>
      <c r="T1165">
        <v>1099.5440000000001</v>
      </c>
      <c r="U1165">
        <v>1117.7139999999999</v>
      </c>
      <c r="V1165">
        <v>1127.732</v>
      </c>
      <c r="W1165">
        <v>1149.9690000000001</v>
      </c>
      <c r="X1165">
        <v>1171.3969999999999</v>
      </c>
      <c r="Y1165">
        <v>1168.6030000000001</v>
      </c>
    </row>
    <row r="1166" spans="1:25" x14ac:dyDescent="0.3">
      <c r="A1166">
        <v>31.183333337136233</v>
      </c>
      <c r="B1166">
        <v>989.20399999999995</v>
      </c>
      <c r="C1166">
        <v>1026.5260000000001</v>
      </c>
      <c r="D1166">
        <v>1030.2270000000001</v>
      </c>
      <c r="E1166">
        <v>1060.328</v>
      </c>
      <c r="F1166">
        <v>1078.547</v>
      </c>
      <c r="G1166">
        <v>1100.0139999999999</v>
      </c>
      <c r="H1166">
        <v>1115.163</v>
      </c>
      <c r="I1166">
        <v>1119.47</v>
      </c>
      <c r="J1166">
        <v>1129.402</v>
      </c>
      <c r="K1166">
        <v>1136.425</v>
      </c>
      <c r="L1166">
        <v>1142.2239999999999</v>
      </c>
      <c r="M1166">
        <v>1122.5119999999999</v>
      </c>
      <c r="N1166">
        <v>977.82100000000003</v>
      </c>
      <c r="O1166">
        <v>1021.354</v>
      </c>
      <c r="P1166">
        <v>0</v>
      </c>
      <c r="Q1166">
        <v>0</v>
      </c>
      <c r="R1166">
        <v>1074.6880000000001</v>
      </c>
      <c r="S1166">
        <v>0</v>
      </c>
      <c r="T1166">
        <v>1100.615</v>
      </c>
      <c r="U1166">
        <v>1119.999</v>
      </c>
      <c r="V1166">
        <v>1132.5340000000001</v>
      </c>
      <c r="W1166">
        <v>1152.7260000000001</v>
      </c>
      <c r="X1166">
        <v>1171.9939999999999</v>
      </c>
      <c r="Y1166">
        <v>1167.4839999999999</v>
      </c>
    </row>
    <row r="1167" spans="1:25" x14ac:dyDescent="0.3">
      <c r="A1167">
        <v>31.216666667784253</v>
      </c>
      <c r="B1167">
        <v>989.33199999999999</v>
      </c>
      <c r="C1167">
        <v>1026.748</v>
      </c>
      <c r="D1167">
        <v>1027.6679999999999</v>
      </c>
      <c r="E1167">
        <v>1056.338</v>
      </c>
      <c r="F1167">
        <v>1074.521</v>
      </c>
      <c r="G1167">
        <v>1101.5</v>
      </c>
      <c r="H1167">
        <v>1114.2</v>
      </c>
      <c r="I1167">
        <v>1123.8409999999999</v>
      </c>
      <c r="J1167">
        <v>1132.5340000000001</v>
      </c>
      <c r="K1167">
        <v>1139.172</v>
      </c>
      <c r="L1167">
        <v>1146.6310000000001</v>
      </c>
      <c r="M1167">
        <v>1127.011</v>
      </c>
      <c r="N1167">
        <v>978.78300000000002</v>
      </c>
      <c r="O1167">
        <v>1021.2809999999999</v>
      </c>
      <c r="P1167">
        <v>0</v>
      </c>
      <c r="Q1167">
        <v>0</v>
      </c>
      <c r="R1167">
        <v>1077.9880000000001</v>
      </c>
      <c r="S1167">
        <v>0</v>
      </c>
      <c r="T1167">
        <v>1101.5</v>
      </c>
      <c r="U1167">
        <v>1121.587</v>
      </c>
      <c r="V1167">
        <v>1133.711</v>
      </c>
      <c r="W1167">
        <v>1150.867</v>
      </c>
      <c r="X1167">
        <v>1174.115</v>
      </c>
      <c r="Y1167">
        <v>1168.6410000000001</v>
      </c>
    </row>
    <row r="1168" spans="1:25" x14ac:dyDescent="0.3">
      <c r="A1168">
        <v>31.233333338346952</v>
      </c>
      <c r="B1168">
        <v>983.11699999999996</v>
      </c>
      <c r="C1168">
        <v>1025.1500000000001</v>
      </c>
      <c r="D1168">
        <v>1027.097</v>
      </c>
      <c r="E1168">
        <v>1057.191</v>
      </c>
      <c r="F1168">
        <v>1072.3579999999999</v>
      </c>
      <c r="G1168">
        <v>1100.3710000000001</v>
      </c>
      <c r="H1168">
        <v>1117.0329999999999</v>
      </c>
      <c r="I1168">
        <v>1128.2819999999999</v>
      </c>
      <c r="J1168">
        <v>1137.817</v>
      </c>
      <c r="K1168">
        <v>1140.373</v>
      </c>
      <c r="L1168">
        <v>1146.306</v>
      </c>
      <c r="M1168">
        <v>1124.3520000000001</v>
      </c>
      <c r="N1168">
        <v>977.98500000000001</v>
      </c>
      <c r="O1168">
        <v>1013.303</v>
      </c>
      <c r="P1168">
        <v>0</v>
      </c>
      <c r="Q1168">
        <v>0</v>
      </c>
      <c r="R1168">
        <v>1075.6199999999999</v>
      </c>
      <c r="S1168">
        <v>0</v>
      </c>
      <c r="T1168">
        <v>1101.3489999999999</v>
      </c>
      <c r="U1168">
        <v>1122.777</v>
      </c>
      <c r="V1168">
        <v>1134.432</v>
      </c>
      <c r="W1168">
        <v>1148.0039999999999</v>
      </c>
      <c r="X1168">
        <v>1164.307</v>
      </c>
      <c r="Y1168">
        <v>1167.4649999999999</v>
      </c>
    </row>
    <row r="1169" spans="1:25" x14ac:dyDescent="0.3">
      <c r="A1169">
        <v>31.266666668994972</v>
      </c>
      <c r="B1169">
        <v>987.01900000000001</v>
      </c>
      <c r="C1169">
        <v>1026.433</v>
      </c>
      <c r="D1169">
        <v>1026.029</v>
      </c>
      <c r="E1169">
        <v>1053.7750000000001</v>
      </c>
      <c r="F1169">
        <v>1073.0650000000001</v>
      </c>
      <c r="G1169">
        <v>1099.1659999999999</v>
      </c>
      <c r="H1169">
        <v>1112.5350000000001</v>
      </c>
      <c r="I1169">
        <v>1122.624</v>
      </c>
      <c r="J1169">
        <v>1132.703</v>
      </c>
      <c r="K1169">
        <v>1138.788</v>
      </c>
      <c r="L1169">
        <v>1145.713</v>
      </c>
      <c r="M1169">
        <v>1125.6420000000001</v>
      </c>
      <c r="N1169">
        <v>971.64</v>
      </c>
      <c r="O1169">
        <v>1016.034</v>
      </c>
      <c r="P1169">
        <v>0</v>
      </c>
      <c r="Q1169">
        <v>0</v>
      </c>
      <c r="R1169">
        <v>1072.319</v>
      </c>
      <c r="S1169">
        <v>0</v>
      </c>
      <c r="T1169">
        <v>1099.674</v>
      </c>
      <c r="U1169">
        <v>1122.114</v>
      </c>
      <c r="V1169">
        <v>1134.279</v>
      </c>
      <c r="W1169">
        <v>1150.1579999999999</v>
      </c>
      <c r="X1169">
        <v>1161.5260000000001</v>
      </c>
      <c r="Y1169">
        <v>1160.356</v>
      </c>
    </row>
    <row r="1170" spans="1:25" x14ac:dyDescent="0.3">
      <c r="A1170">
        <v>31.299999999642992</v>
      </c>
      <c r="B1170">
        <v>982.79100000000005</v>
      </c>
      <c r="C1170">
        <v>1025.499</v>
      </c>
      <c r="D1170">
        <v>1024.4359999999999</v>
      </c>
      <c r="E1170">
        <v>1050.652</v>
      </c>
      <c r="F1170">
        <v>1065.0050000000001</v>
      </c>
      <c r="G1170">
        <v>1094.5250000000001</v>
      </c>
      <c r="H1170">
        <v>1103.3050000000001</v>
      </c>
      <c r="I1170">
        <v>1118.942</v>
      </c>
      <c r="J1170">
        <v>1130.9970000000001</v>
      </c>
      <c r="K1170">
        <v>1137.722</v>
      </c>
      <c r="L1170">
        <v>1142.854</v>
      </c>
      <c r="M1170">
        <v>1123.556</v>
      </c>
      <c r="N1170">
        <v>981.54</v>
      </c>
      <c r="O1170">
        <v>1019.741</v>
      </c>
      <c r="P1170">
        <v>0</v>
      </c>
      <c r="Q1170">
        <v>0</v>
      </c>
      <c r="R1170">
        <v>1074.1479999999999</v>
      </c>
      <c r="S1170">
        <v>0</v>
      </c>
      <c r="T1170">
        <v>1099.2239999999999</v>
      </c>
      <c r="U1170">
        <v>1119.943</v>
      </c>
      <c r="V1170">
        <v>1133.3320000000001</v>
      </c>
      <c r="W1170">
        <v>1152.9570000000001</v>
      </c>
      <c r="X1170">
        <v>1168.2560000000001</v>
      </c>
      <c r="Y1170">
        <v>1166.001</v>
      </c>
    </row>
    <row r="1171" spans="1:25" x14ac:dyDescent="0.3">
      <c r="A1171">
        <v>31.316666670205692</v>
      </c>
      <c r="B1171">
        <v>984.02499999999998</v>
      </c>
      <c r="C1171">
        <v>1025.5540000000001</v>
      </c>
      <c r="D1171">
        <v>1023.7569999999999</v>
      </c>
      <c r="E1171">
        <v>1049.413</v>
      </c>
      <c r="F1171">
        <v>1067.3810000000001</v>
      </c>
      <c r="G1171">
        <v>1096.479</v>
      </c>
      <c r="H1171">
        <v>1105.1289999999999</v>
      </c>
      <c r="I1171">
        <v>1122.721</v>
      </c>
      <c r="J1171">
        <v>1132.117</v>
      </c>
      <c r="K1171">
        <v>1136.825</v>
      </c>
      <c r="L1171">
        <v>1140.03</v>
      </c>
      <c r="M1171">
        <v>1123.0050000000001</v>
      </c>
      <c r="N1171">
        <v>983.75300000000004</v>
      </c>
      <c r="O1171">
        <v>1018.64</v>
      </c>
      <c r="P1171">
        <v>0</v>
      </c>
      <c r="Q1171">
        <v>0</v>
      </c>
      <c r="R1171">
        <v>1073.5889999999999</v>
      </c>
      <c r="S1171">
        <v>0</v>
      </c>
      <c r="T1171">
        <v>1096.347</v>
      </c>
      <c r="U1171">
        <v>1118.432</v>
      </c>
      <c r="V1171">
        <v>1134.6410000000001</v>
      </c>
      <c r="W1171">
        <v>1148.462</v>
      </c>
      <c r="X1171">
        <v>1160.837</v>
      </c>
      <c r="Y1171">
        <v>1167.8510000000001</v>
      </c>
    </row>
    <row r="1172" spans="1:25" x14ac:dyDescent="0.3">
      <c r="A1172">
        <v>31.350000000853711</v>
      </c>
      <c r="B1172">
        <v>986.72900000000004</v>
      </c>
      <c r="C1172">
        <v>1025.1869999999999</v>
      </c>
      <c r="D1172">
        <v>1021.812</v>
      </c>
      <c r="E1172">
        <v>1048.0809999999999</v>
      </c>
      <c r="F1172">
        <v>1072.47</v>
      </c>
      <c r="G1172">
        <v>1100.3330000000001</v>
      </c>
      <c r="H1172">
        <v>1108.175</v>
      </c>
      <c r="I1172">
        <v>1121.3779999999999</v>
      </c>
      <c r="J1172">
        <v>1129.383</v>
      </c>
      <c r="K1172">
        <v>1136.71</v>
      </c>
      <c r="L1172">
        <v>1138.5609999999999</v>
      </c>
      <c r="M1172">
        <v>1120.547</v>
      </c>
      <c r="N1172">
        <v>972.68899999999996</v>
      </c>
      <c r="O1172">
        <v>1025.242</v>
      </c>
      <c r="P1172">
        <v>0</v>
      </c>
      <c r="Q1172">
        <v>0</v>
      </c>
      <c r="R1172">
        <v>1066.23</v>
      </c>
      <c r="S1172">
        <v>0</v>
      </c>
      <c r="T1172">
        <v>1091.2670000000001</v>
      </c>
      <c r="U1172">
        <v>1113.6130000000001</v>
      </c>
      <c r="V1172">
        <v>1134.242</v>
      </c>
      <c r="W1172">
        <v>1145.4860000000001</v>
      </c>
      <c r="X1172">
        <v>1157.769</v>
      </c>
      <c r="Y1172">
        <v>1166.251</v>
      </c>
    </row>
    <row r="1173" spans="1:25" x14ac:dyDescent="0.3">
      <c r="A1173">
        <v>31.366666671416411</v>
      </c>
      <c r="B1173">
        <v>985.928</v>
      </c>
      <c r="C1173">
        <v>1026.692</v>
      </c>
      <c r="D1173">
        <v>1022.8579999999999</v>
      </c>
      <c r="E1173">
        <v>1048.636</v>
      </c>
      <c r="F1173">
        <v>1069.3009999999999</v>
      </c>
      <c r="G1173">
        <v>1094.655</v>
      </c>
      <c r="H1173">
        <v>1100.8969999999999</v>
      </c>
      <c r="I1173">
        <v>1116.9010000000001</v>
      </c>
      <c r="J1173">
        <v>1123.8589999999999</v>
      </c>
      <c r="K1173">
        <v>1132.3820000000001</v>
      </c>
      <c r="L1173">
        <v>1136.3109999999999</v>
      </c>
      <c r="M1173">
        <v>1121.038</v>
      </c>
      <c r="N1173">
        <v>974.03099999999995</v>
      </c>
      <c r="O1173">
        <v>1022.968</v>
      </c>
      <c r="P1173">
        <v>0</v>
      </c>
      <c r="Q1173">
        <v>0</v>
      </c>
      <c r="R1173">
        <v>1069.58</v>
      </c>
      <c r="S1173">
        <v>0</v>
      </c>
      <c r="T1173">
        <v>1090.424</v>
      </c>
      <c r="U1173">
        <v>1110.6469999999999</v>
      </c>
      <c r="V1173">
        <v>1128.2439999999999</v>
      </c>
      <c r="W1173">
        <v>1147.393</v>
      </c>
      <c r="X1173">
        <v>1163.847</v>
      </c>
      <c r="Y1173">
        <v>1168.8330000000001</v>
      </c>
    </row>
    <row r="1174" spans="1:25" x14ac:dyDescent="0.3">
      <c r="A1174">
        <v>31.400000002064431</v>
      </c>
      <c r="B1174">
        <v>977.38699999999994</v>
      </c>
      <c r="C1174">
        <v>1024.9680000000001</v>
      </c>
      <c r="D1174">
        <v>1021.08</v>
      </c>
      <c r="E1174">
        <v>1050.856</v>
      </c>
      <c r="F1174">
        <v>1065.7670000000001</v>
      </c>
      <c r="G1174">
        <v>1089.527</v>
      </c>
      <c r="H1174">
        <v>1100.1279999999999</v>
      </c>
      <c r="I1174">
        <v>1111.6310000000001</v>
      </c>
      <c r="J1174">
        <v>1125.663</v>
      </c>
      <c r="K1174">
        <v>1135.6289999999999</v>
      </c>
      <c r="L1174">
        <v>1141.0609999999999</v>
      </c>
      <c r="M1174">
        <v>1121.7570000000001</v>
      </c>
      <c r="N1174">
        <v>974.66700000000003</v>
      </c>
      <c r="O1174">
        <v>1018.311</v>
      </c>
      <c r="P1174">
        <v>0</v>
      </c>
      <c r="Q1174">
        <v>0</v>
      </c>
      <c r="R1174">
        <v>1068.799</v>
      </c>
      <c r="S1174">
        <v>0</v>
      </c>
      <c r="T1174">
        <v>1093.1210000000001</v>
      </c>
      <c r="U1174">
        <v>1110.4970000000001</v>
      </c>
      <c r="V1174">
        <v>1125.9860000000001</v>
      </c>
      <c r="W1174">
        <v>1146.6890000000001</v>
      </c>
      <c r="X1174">
        <v>1164.653</v>
      </c>
      <c r="Y1174">
        <v>1167.9090000000001</v>
      </c>
    </row>
    <row r="1175" spans="1:25" x14ac:dyDescent="0.3">
      <c r="A1175">
        <v>31.433333332712451</v>
      </c>
      <c r="B1175">
        <v>958.23699999999997</v>
      </c>
      <c r="C1175">
        <v>1020.732</v>
      </c>
      <c r="D1175">
        <v>1021.3920000000001</v>
      </c>
      <c r="E1175">
        <v>1051.854</v>
      </c>
      <c r="F1175">
        <v>1069.8430000000001</v>
      </c>
      <c r="G1175">
        <v>1093.645</v>
      </c>
      <c r="H1175">
        <v>1103.0609999999999</v>
      </c>
      <c r="I1175">
        <v>1110.6479999999999</v>
      </c>
      <c r="J1175">
        <v>1120.17</v>
      </c>
      <c r="K1175">
        <v>1129.953</v>
      </c>
      <c r="L1175">
        <v>1135.6859999999999</v>
      </c>
      <c r="M1175">
        <v>1119.1500000000001</v>
      </c>
      <c r="N1175">
        <v>978.13099999999997</v>
      </c>
      <c r="O1175">
        <v>1013.396</v>
      </c>
      <c r="P1175">
        <v>0</v>
      </c>
      <c r="Q1175">
        <v>0</v>
      </c>
      <c r="R1175">
        <v>1063.837</v>
      </c>
      <c r="S1175">
        <v>0</v>
      </c>
      <c r="T1175">
        <v>1089.3579999999999</v>
      </c>
      <c r="U1175">
        <v>1106.4079999999999</v>
      </c>
      <c r="V1175">
        <v>1117.5440000000001</v>
      </c>
      <c r="W1175">
        <v>1134.8130000000001</v>
      </c>
      <c r="X1175">
        <v>1153.954</v>
      </c>
      <c r="Y1175">
        <v>1166.348</v>
      </c>
    </row>
    <row r="1176" spans="1:25" x14ac:dyDescent="0.3">
      <c r="A1176">
        <v>31.45000000327515</v>
      </c>
      <c r="B1176">
        <v>973.16200000000003</v>
      </c>
      <c r="C1176">
        <v>1023.6660000000001</v>
      </c>
      <c r="D1176">
        <v>1022.675</v>
      </c>
      <c r="E1176">
        <v>1048.693</v>
      </c>
      <c r="F1176">
        <v>1064.7090000000001</v>
      </c>
      <c r="G1176">
        <v>1093.046</v>
      </c>
      <c r="H1176">
        <v>1104.434</v>
      </c>
      <c r="I1176">
        <v>1113.7850000000001</v>
      </c>
      <c r="J1176">
        <v>1122.0029999999999</v>
      </c>
      <c r="K1176">
        <v>1131.567</v>
      </c>
      <c r="L1176">
        <v>1136.788</v>
      </c>
      <c r="M1176">
        <v>1119.2629999999999</v>
      </c>
      <c r="N1176">
        <v>974.75800000000004</v>
      </c>
      <c r="O1176">
        <v>1016.422</v>
      </c>
      <c r="P1176">
        <v>0</v>
      </c>
      <c r="Q1176">
        <v>0</v>
      </c>
      <c r="R1176">
        <v>1065.0989999999999</v>
      </c>
      <c r="S1176">
        <v>0</v>
      </c>
      <c r="T1176">
        <v>1091.8109999999999</v>
      </c>
      <c r="U1176">
        <v>1115.9010000000001</v>
      </c>
      <c r="V1176">
        <v>1130.5419999999999</v>
      </c>
      <c r="W1176">
        <v>1143.1210000000001</v>
      </c>
      <c r="X1176">
        <v>1159.0740000000001</v>
      </c>
      <c r="Y1176">
        <v>1166.059</v>
      </c>
    </row>
    <row r="1177" spans="1:25" x14ac:dyDescent="0.3">
      <c r="A1177">
        <v>31.48333333392317</v>
      </c>
      <c r="B1177">
        <v>980.90499999999997</v>
      </c>
      <c r="C1177">
        <v>1028.0730000000001</v>
      </c>
      <c r="D1177">
        <v>1025.279</v>
      </c>
      <c r="E1177">
        <v>1048.211</v>
      </c>
      <c r="F1177">
        <v>1064.133</v>
      </c>
      <c r="G1177">
        <v>1091.492</v>
      </c>
      <c r="H1177">
        <v>1112.99</v>
      </c>
      <c r="I1177">
        <v>1123.2139999999999</v>
      </c>
      <c r="J1177">
        <v>1131.9649999999999</v>
      </c>
      <c r="K1177">
        <v>1136.654</v>
      </c>
      <c r="L1177">
        <v>1140.5830000000001</v>
      </c>
      <c r="M1177">
        <v>1122.002</v>
      </c>
      <c r="N1177">
        <v>978.29399999999998</v>
      </c>
      <c r="O1177">
        <v>1017.797</v>
      </c>
      <c r="P1177">
        <v>0</v>
      </c>
      <c r="Q1177">
        <v>0</v>
      </c>
      <c r="R1177">
        <v>1066.0999999999999</v>
      </c>
      <c r="S1177">
        <v>0</v>
      </c>
      <c r="T1177">
        <v>1096.366</v>
      </c>
      <c r="U1177">
        <v>1117.827</v>
      </c>
      <c r="V1177">
        <v>1134.1099999999999</v>
      </c>
      <c r="W1177">
        <v>1146.6120000000001</v>
      </c>
      <c r="X1177">
        <v>1164.288</v>
      </c>
      <c r="Y1177">
        <v>1168.8150000000001</v>
      </c>
    </row>
    <row r="1178" spans="1:25" x14ac:dyDescent="0.3">
      <c r="A1178">
        <v>31.500000004485869</v>
      </c>
      <c r="B1178">
        <v>991.29899999999998</v>
      </c>
      <c r="C1178">
        <v>1029.123</v>
      </c>
      <c r="D1178">
        <v>1029.252</v>
      </c>
      <c r="E1178">
        <v>1054.3150000000001</v>
      </c>
      <c r="F1178">
        <v>1068.9849999999999</v>
      </c>
      <c r="G1178">
        <v>1092.335</v>
      </c>
      <c r="H1178">
        <v>1115.4469999999999</v>
      </c>
      <c r="I1178">
        <v>1125.758</v>
      </c>
      <c r="J1178">
        <v>1131.8520000000001</v>
      </c>
      <c r="K1178">
        <v>1136.1610000000001</v>
      </c>
      <c r="L1178">
        <v>1137.913</v>
      </c>
      <c r="M1178">
        <v>1121.4739999999999</v>
      </c>
      <c r="N1178">
        <v>970.91899999999998</v>
      </c>
      <c r="O1178">
        <v>1021.135</v>
      </c>
      <c r="P1178">
        <v>0</v>
      </c>
      <c r="Q1178">
        <v>0</v>
      </c>
      <c r="R1178">
        <v>1068.9290000000001</v>
      </c>
      <c r="S1178">
        <v>0</v>
      </c>
      <c r="T1178">
        <v>1094.675</v>
      </c>
      <c r="U1178">
        <v>1117.5820000000001</v>
      </c>
      <c r="V1178">
        <v>1133.2940000000001</v>
      </c>
      <c r="W1178">
        <v>1142.95</v>
      </c>
      <c r="X1178">
        <v>1159.9169999999999</v>
      </c>
      <c r="Y1178">
        <v>1167.0039999999999</v>
      </c>
    </row>
    <row r="1179" spans="1:25" x14ac:dyDescent="0.3">
      <c r="A1179">
        <v>31.533333335133889</v>
      </c>
      <c r="B1179">
        <v>987.96900000000005</v>
      </c>
      <c r="C1179">
        <v>1027.9459999999999</v>
      </c>
      <c r="D1179">
        <v>1027.8910000000001</v>
      </c>
      <c r="E1179">
        <v>1054.261</v>
      </c>
      <c r="F1179">
        <v>1071.671</v>
      </c>
      <c r="G1179">
        <v>1095.0329999999999</v>
      </c>
      <c r="H1179">
        <v>1112.3309999999999</v>
      </c>
      <c r="I1179">
        <v>1124.5640000000001</v>
      </c>
      <c r="J1179">
        <v>1130.6759999999999</v>
      </c>
      <c r="K1179">
        <v>1139.136</v>
      </c>
      <c r="L1179">
        <v>1136.3140000000001</v>
      </c>
      <c r="M1179">
        <v>1117.6400000000001</v>
      </c>
      <c r="N1179">
        <v>968.3</v>
      </c>
      <c r="O1179">
        <v>1024.8230000000001</v>
      </c>
      <c r="P1179">
        <v>0</v>
      </c>
      <c r="Q1179">
        <v>0</v>
      </c>
      <c r="R1179">
        <v>1066.4000000000001</v>
      </c>
      <c r="S1179">
        <v>0</v>
      </c>
      <c r="T1179">
        <v>1088.3489999999999</v>
      </c>
      <c r="U1179">
        <v>1109.498</v>
      </c>
      <c r="V1179">
        <v>1127.81</v>
      </c>
      <c r="W1179">
        <v>1145.9079999999999</v>
      </c>
      <c r="X1179">
        <v>1162.9290000000001</v>
      </c>
      <c r="Y1179">
        <v>1164.866</v>
      </c>
    </row>
    <row r="1180" spans="1:25" x14ac:dyDescent="0.3">
      <c r="A1180">
        <v>31.566666665781909</v>
      </c>
      <c r="B1180">
        <v>982.46699999999998</v>
      </c>
      <c r="C1180">
        <v>1025.3910000000001</v>
      </c>
      <c r="D1180">
        <v>1023.502</v>
      </c>
      <c r="E1180">
        <v>1047.6410000000001</v>
      </c>
      <c r="F1180">
        <v>1064.7850000000001</v>
      </c>
      <c r="G1180">
        <v>1091.5129999999999</v>
      </c>
      <c r="H1180">
        <v>1107.4069999999999</v>
      </c>
      <c r="I1180">
        <v>1117.6590000000001</v>
      </c>
      <c r="J1180">
        <v>1125.9880000000001</v>
      </c>
      <c r="K1180">
        <v>1133.941</v>
      </c>
      <c r="L1180">
        <v>1131.9480000000001</v>
      </c>
      <c r="M1180">
        <v>1113.616</v>
      </c>
      <c r="N1180">
        <v>970.19799999999998</v>
      </c>
      <c r="O1180">
        <v>1023.741</v>
      </c>
      <c r="P1180">
        <v>0</v>
      </c>
      <c r="Q1180">
        <v>0</v>
      </c>
      <c r="R1180">
        <v>1066.6220000000001</v>
      </c>
      <c r="S1180">
        <v>0</v>
      </c>
      <c r="T1180">
        <v>1084.623</v>
      </c>
      <c r="U1180">
        <v>1105.1500000000001</v>
      </c>
      <c r="V1180">
        <v>1121.57</v>
      </c>
      <c r="W1180">
        <v>1138.144</v>
      </c>
      <c r="X1180">
        <v>1158.002</v>
      </c>
      <c r="Y1180">
        <v>1161.146</v>
      </c>
    </row>
    <row r="1181" spans="1:25" x14ac:dyDescent="0.3">
      <c r="A1181">
        <v>31.583333336344609</v>
      </c>
      <c r="B1181">
        <v>972.56500000000005</v>
      </c>
      <c r="C1181">
        <v>1020.476</v>
      </c>
      <c r="D1181">
        <v>1019.523</v>
      </c>
      <c r="E1181">
        <v>1041.836</v>
      </c>
      <c r="F1181">
        <v>1060.7760000000001</v>
      </c>
      <c r="G1181">
        <v>1087.1510000000001</v>
      </c>
      <c r="H1181">
        <v>1102.1790000000001</v>
      </c>
      <c r="I1181">
        <v>1116.393</v>
      </c>
      <c r="J1181">
        <v>1126.31</v>
      </c>
      <c r="K1181">
        <v>1133.182</v>
      </c>
      <c r="L1181">
        <v>1134.0170000000001</v>
      </c>
      <c r="M1181">
        <v>1113.578</v>
      </c>
      <c r="N1181">
        <v>969.58299999999997</v>
      </c>
      <c r="O1181">
        <v>1014.773</v>
      </c>
      <c r="P1181">
        <v>0</v>
      </c>
      <c r="Q1181">
        <v>0</v>
      </c>
      <c r="R1181">
        <v>1065.694</v>
      </c>
      <c r="S1181">
        <v>0</v>
      </c>
      <c r="T1181">
        <v>1085.8030000000001</v>
      </c>
      <c r="U1181">
        <v>1107.162</v>
      </c>
      <c r="V1181">
        <v>1119.9829999999999</v>
      </c>
      <c r="W1181">
        <v>1136.828</v>
      </c>
      <c r="X1181">
        <v>1158.96</v>
      </c>
      <c r="Y1181">
        <v>1162.354</v>
      </c>
    </row>
    <row r="1182" spans="1:25" x14ac:dyDescent="0.3">
      <c r="A1182">
        <v>31.616666666992629</v>
      </c>
      <c r="B1182">
        <v>974.16099999999994</v>
      </c>
      <c r="C1182">
        <v>1017.4880000000001</v>
      </c>
      <c r="D1182">
        <v>1017.4880000000001</v>
      </c>
      <c r="E1182">
        <v>1041.393</v>
      </c>
      <c r="F1182">
        <v>1063.5609999999999</v>
      </c>
      <c r="G1182">
        <v>1085.7280000000001</v>
      </c>
      <c r="H1182">
        <v>1098.08</v>
      </c>
      <c r="I1182">
        <v>1117.905</v>
      </c>
      <c r="J1182">
        <v>1125.096</v>
      </c>
      <c r="K1182">
        <v>1130.4680000000001</v>
      </c>
      <c r="L1182">
        <v>1132.2339999999999</v>
      </c>
      <c r="M1182">
        <v>1115.242</v>
      </c>
      <c r="N1182">
        <v>972.40300000000002</v>
      </c>
      <c r="O1182">
        <v>1016.571</v>
      </c>
      <c r="P1182">
        <v>0</v>
      </c>
      <c r="Q1182">
        <v>0</v>
      </c>
      <c r="R1182">
        <v>1064.2470000000001</v>
      </c>
      <c r="S1182">
        <v>0</v>
      </c>
      <c r="T1182">
        <v>1085.915</v>
      </c>
      <c r="U1182">
        <v>1106.1099999999999</v>
      </c>
      <c r="V1182">
        <v>1116.3</v>
      </c>
      <c r="W1182">
        <v>1139.213</v>
      </c>
      <c r="X1182">
        <v>1162.508</v>
      </c>
      <c r="Y1182">
        <v>1160.4369999999999</v>
      </c>
    </row>
    <row r="1183" spans="1:25" x14ac:dyDescent="0.3">
      <c r="A1183">
        <v>31.649999997640649</v>
      </c>
      <c r="B1183">
        <v>975.62800000000004</v>
      </c>
      <c r="C1183">
        <v>1018.402</v>
      </c>
      <c r="D1183">
        <v>1018.256</v>
      </c>
      <c r="E1183">
        <v>1040.4659999999999</v>
      </c>
      <c r="F1183">
        <v>1059.4939999999999</v>
      </c>
      <c r="G1183">
        <v>1083.404</v>
      </c>
      <c r="H1183">
        <v>1096.2909999999999</v>
      </c>
      <c r="I1183">
        <v>1111.99</v>
      </c>
      <c r="J1183">
        <v>1120.7940000000001</v>
      </c>
      <c r="K1183">
        <v>1128.1880000000001</v>
      </c>
      <c r="L1183">
        <v>1128.9849999999999</v>
      </c>
      <c r="M1183">
        <v>1113.3689999999999</v>
      </c>
      <c r="N1183">
        <v>965.154</v>
      </c>
      <c r="O1183">
        <v>1018.164</v>
      </c>
      <c r="P1183">
        <v>0</v>
      </c>
      <c r="Q1183">
        <v>0</v>
      </c>
      <c r="R1183">
        <v>1061.721</v>
      </c>
      <c r="S1183">
        <v>0</v>
      </c>
      <c r="T1183">
        <v>1085.22</v>
      </c>
      <c r="U1183">
        <v>1109.741</v>
      </c>
      <c r="V1183">
        <v>1117.5250000000001</v>
      </c>
      <c r="W1183">
        <v>1133.655</v>
      </c>
      <c r="X1183">
        <v>1152.5550000000001</v>
      </c>
      <c r="Y1183">
        <v>1163.1959999999999</v>
      </c>
    </row>
    <row r="1184" spans="1:25" x14ac:dyDescent="0.3">
      <c r="A1184">
        <v>31.666666668203348</v>
      </c>
      <c r="B1184">
        <v>980.09</v>
      </c>
      <c r="C1184">
        <v>1020.035</v>
      </c>
      <c r="D1184">
        <v>1017.761</v>
      </c>
      <c r="E1184">
        <v>1041.8710000000001</v>
      </c>
      <c r="F1184">
        <v>1057.7860000000001</v>
      </c>
      <c r="G1184">
        <v>1079.2929999999999</v>
      </c>
      <c r="H1184">
        <v>1097.9090000000001</v>
      </c>
      <c r="I1184">
        <v>1111.8389999999999</v>
      </c>
      <c r="J1184">
        <v>1114.8800000000001</v>
      </c>
      <c r="K1184">
        <v>1120.605</v>
      </c>
      <c r="L1184">
        <v>1122.211</v>
      </c>
      <c r="M1184">
        <v>1107.9690000000001</v>
      </c>
      <c r="N1184">
        <v>962.93200000000002</v>
      </c>
      <c r="O1184">
        <v>1013.671</v>
      </c>
      <c r="P1184">
        <v>0</v>
      </c>
      <c r="Q1184">
        <v>0</v>
      </c>
      <c r="R1184">
        <v>1061.981</v>
      </c>
      <c r="S1184">
        <v>0</v>
      </c>
      <c r="T1184">
        <v>1085.0519999999999</v>
      </c>
      <c r="U1184">
        <v>1107.499</v>
      </c>
      <c r="V1184">
        <v>1117.5440000000001</v>
      </c>
      <c r="W1184">
        <v>1134.1679999999999</v>
      </c>
      <c r="X1184">
        <v>1155.9100000000001</v>
      </c>
      <c r="Y1184">
        <v>1164.692</v>
      </c>
    </row>
    <row r="1185" spans="1:25" x14ac:dyDescent="0.3">
      <c r="A1185">
        <v>31.699999998851368</v>
      </c>
      <c r="B1185">
        <v>973.72500000000002</v>
      </c>
      <c r="C1185">
        <v>1019.798</v>
      </c>
      <c r="D1185">
        <v>1019.119</v>
      </c>
      <c r="E1185">
        <v>1044.701</v>
      </c>
      <c r="F1185">
        <v>1058.79</v>
      </c>
      <c r="G1185">
        <v>1083.7059999999999</v>
      </c>
      <c r="H1185">
        <v>1095.146</v>
      </c>
      <c r="I1185">
        <v>1109.403</v>
      </c>
      <c r="J1185">
        <v>1116.412</v>
      </c>
      <c r="K1185">
        <v>1127.4680000000001</v>
      </c>
      <c r="L1185">
        <v>1133.6759999999999</v>
      </c>
      <c r="M1185">
        <v>1117.7159999999999</v>
      </c>
      <c r="N1185">
        <v>965.55399999999997</v>
      </c>
      <c r="O1185">
        <v>1014.828</v>
      </c>
      <c r="P1185">
        <v>0</v>
      </c>
      <c r="Q1185">
        <v>0</v>
      </c>
      <c r="R1185">
        <v>1065.6569999999999</v>
      </c>
      <c r="S1185">
        <v>0</v>
      </c>
      <c r="T1185">
        <v>1088.499</v>
      </c>
      <c r="U1185">
        <v>1109.6489999999999</v>
      </c>
      <c r="V1185">
        <v>1121.8530000000001</v>
      </c>
      <c r="W1185">
        <v>1136.5419999999999</v>
      </c>
      <c r="X1185">
        <v>1156.5250000000001</v>
      </c>
      <c r="Y1185">
        <v>1167.2560000000001</v>
      </c>
    </row>
    <row r="1186" spans="1:25" x14ac:dyDescent="0.3">
      <c r="A1186">
        <v>31.716666669414067</v>
      </c>
      <c r="B1186">
        <v>969.27599999999995</v>
      </c>
      <c r="C1186">
        <v>1019.394</v>
      </c>
      <c r="D1186">
        <v>1019.908</v>
      </c>
      <c r="E1186">
        <v>1043.537</v>
      </c>
      <c r="F1186">
        <v>1067.7380000000001</v>
      </c>
      <c r="G1186">
        <v>1088.2550000000001</v>
      </c>
      <c r="H1186">
        <v>1102.2919999999999</v>
      </c>
      <c r="I1186">
        <v>1118.32</v>
      </c>
      <c r="J1186">
        <v>1123.444</v>
      </c>
      <c r="K1186">
        <v>1134.4159999999999</v>
      </c>
      <c r="L1186">
        <v>1138.373</v>
      </c>
      <c r="M1186">
        <v>1121.136</v>
      </c>
      <c r="N1186">
        <v>964.61400000000003</v>
      </c>
      <c r="O1186">
        <v>1014.883</v>
      </c>
      <c r="P1186">
        <v>0</v>
      </c>
      <c r="Q1186">
        <v>0</v>
      </c>
      <c r="R1186">
        <v>1067.0119999999999</v>
      </c>
      <c r="S1186">
        <v>0</v>
      </c>
      <c r="T1186">
        <v>1090.277</v>
      </c>
      <c r="U1186">
        <v>1111.2170000000001</v>
      </c>
      <c r="V1186">
        <v>1120.8330000000001</v>
      </c>
      <c r="W1186">
        <v>1136.2</v>
      </c>
      <c r="X1186">
        <v>1158.309</v>
      </c>
      <c r="Y1186">
        <v>1166.4269999999999</v>
      </c>
    </row>
    <row r="1187" spans="1:25" x14ac:dyDescent="0.3">
      <c r="A1187">
        <v>31.750000000062087</v>
      </c>
      <c r="B1187">
        <v>973.12800000000004</v>
      </c>
      <c r="C1187">
        <v>1016.662</v>
      </c>
      <c r="D1187">
        <v>1020.33</v>
      </c>
      <c r="E1187">
        <v>1044.018</v>
      </c>
      <c r="F1187">
        <v>1071.7460000000001</v>
      </c>
      <c r="G1187">
        <v>1094.752</v>
      </c>
      <c r="H1187">
        <v>1108.7049999999999</v>
      </c>
      <c r="I1187">
        <v>1120.021</v>
      </c>
      <c r="J1187">
        <v>1122.251</v>
      </c>
      <c r="K1187">
        <v>1128.95</v>
      </c>
      <c r="L1187">
        <v>1134.4549999999999</v>
      </c>
      <c r="M1187">
        <v>1117.1310000000001</v>
      </c>
      <c r="N1187">
        <v>965.97</v>
      </c>
      <c r="O1187">
        <v>1008.5</v>
      </c>
      <c r="P1187">
        <v>0</v>
      </c>
      <c r="Q1187">
        <v>0</v>
      </c>
      <c r="R1187">
        <v>1062.039</v>
      </c>
      <c r="S1187">
        <v>0</v>
      </c>
      <c r="T1187">
        <v>1088.125</v>
      </c>
      <c r="U1187">
        <v>1109.0450000000001</v>
      </c>
      <c r="V1187">
        <v>1123.1410000000001</v>
      </c>
      <c r="W1187">
        <v>1138.6020000000001</v>
      </c>
      <c r="X1187">
        <v>1155.376</v>
      </c>
      <c r="Y1187">
        <v>1161.78</v>
      </c>
    </row>
    <row r="1188" spans="1:25" x14ac:dyDescent="0.3">
      <c r="A1188">
        <v>31.783333330710107</v>
      </c>
      <c r="B1188">
        <v>974.05200000000002</v>
      </c>
      <c r="C1188">
        <v>1018.1660000000001</v>
      </c>
      <c r="D1188">
        <v>1020.9349999999999</v>
      </c>
      <c r="E1188">
        <v>1048.6020000000001</v>
      </c>
      <c r="F1188">
        <v>1071.7080000000001</v>
      </c>
      <c r="G1188">
        <v>1092.7670000000001</v>
      </c>
      <c r="H1188">
        <v>1103.0820000000001</v>
      </c>
      <c r="I1188">
        <v>1111.3109999999999</v>
      </c>
      <c r="J1188">
        <v>1116.6010000000001</v>
      </c>
      <c r="K1188">
        <v>1121.9480000000001</v>
      </c>
      <c r="L1188">
        <v>1131.3409999999999</v>
      </c>
      <c r="M1188">
        <v>1115.4680000000001</v>
      </c>
      <c r="N1188">
        <v>962.28300000000002</v>
      </c>
      <c r="O1188">
        <v>1006.69</v>
      </c>
      <c r="P1188">
        <v>0</v>
      </c>
      <c r="Q1188">
        <v>0</v>
      </c>
      <c r="R1188">
        <v>1062.6130000000001</v>
      </c>
      <c r="S1188">
        <v>0</v>
      </c>
      <c r="T1188">
        <v>1088.3109999999999</v>
      </c>
      <c r="U1188">
        <v>1116.431</v>
      </c>
      <c r="V1188">
        <v>1125.3040000000001</v>
      </c>
      <c r="W1188">
        <v>1136.5419999999999</v>
      </c>
      <c r="X1188">
        <v>1151.4059999999999</v>
      </c>
      <c r="Y1188">
        <v>1158.711</v>
      </c>
    </row>
    <row r="1189" spans="1:25" x14ac:dyDescent="0.3">
      <c r="A1189">
        <v>31.800000001272807</v>
      </c>
      <c r="B1189">
        <v>978.74800000000005</v>
      </c>
      <c r="C1189">
        <v>1019.778</v>
      </c>
      <c r="D1189">
        <v>1021.942</v>
      </c>
      <c r="E1189">
        <v>1049.192</v>
      </c>
      <c r="F1189">
        <v>1067.2149999999999</v>
      </c>
      <c r="G1189">
        <v>1087.598</v>
      </c>
      <c r="H1189">
        <v>1101.5940000000001</v>
      </c>
      <c r="I1189">
        <v>1111.0260000000001</v>
      </c>
      <c r="J1189">
        <v>1115.5229999999999</v>
      </c>
      <c r="K1189">
        <v>1123.0060000000001</v>
      </c>
      <c r="L1189">
        <v>1133.029</v>
      </c>
      <c r="M1189">
        <v>1115.183</v>
      </c>
      <c r="N1189">
        <v>963.70899999999995</v>
      </c>
      <c r="O1189">
        <v>1009.119</v>
      </c>
      <c r="P1189">
        <v>0</v>
      </c>
      <c r="Q1189">
        <v>0</v>
      </c>
      <c r="R1189">
        <v>1062.8530000000001</v>
      </c>
      <c r="S1189">
        <v>0</v>
      </c>
      <c r="T1189">
        <v>1087.5050000000001</v>
      </c>
      <c r="U1189">
        <v>1113.652</v>
      </c>
      <c r="V1189">
        <v>1128.3969999999999</v>
      </c>
      <c r="W1189">
        <v>1139.115</v>
      </c>
      <c r="X1189">
        <v>1153.1300000000001</v>
      </c>
      <c r="Y1189">
        <v>1161.068</v>
      </c>
    </row>
    <row r="1190" spans="1:25" x14ac:dyDescent="0.3">
      <c r="A1190">
        <v>31.833333331920826</v>
      </c>
      <c r="B1190">
        <v>973.47</v>
      </c>
      <c r="C1190">
        <v>1017.65</v>
      </c>
      <c r="D1190">
        <v>1017.779</v>
      </c>
      <c r="E1190">
        <v>1046.326</v>
      </c>
      <c r="F1190">
        <v>1062.5930000000001</v>
      </c>
      <c r="G1190">
        <v>1088.8710000000001</v>
      </c>
      <c r="H1190">
        <v>1098.2280000000001</v>
      </c>
      <c r="I1190">
        <v>1108.326</v>
      </c>
      <c r="J1190">
        <v>1116.6369999999999</v>
      </c>
      <c r="K1190">
        <v>1123.499</v>
      </c>
      <c r="L1190">
        <v>1130.029</v>
      </c>
      <c r="M1190">
        <v>1113.7470000000001</v>
      </c>
      <c r="N1190">
        <v>963.83500000000004</v>
      </c>
      <c r="O1190">
        <v>1006.396</v>
      </c>
      <c r="P1190">
        <v>0</v>
      </c>
      <c r="Q1190">
        <v>0</v>
      </c>
      <c r="R1190">
        <v>1064.2260000000001</v>
      </c>
      <c r="S1190">
        <v>0</v>
      </c>
      <c r="T1190">
        <v>1090.463</v>
      </c>
      <c r="U1190">
        <v>1110.875</v>
      </c>
      <c r="V1190">
        <v>1124.221</v>
      </c>
      <c r="W1190">
        <v>1143.999</v>
      </c>
      <c r="X1190">
        <v>1157.732</v>
      </c>
      <c r="Y1190">
        <v>1158.8440000000001</v>
      </c>
    </row>
    <row r="1191" spans="1:25" x14ac:dyDescent="0.3">
      <c r="A1191">
        <v>31.850000002483526</v>
      </c>
      <c r="B1191">
        <v>967.92100000000005</v>
      </c>
      <c r="C1191">
        <v>1018.258</v>
      </c>
      <c r="D1191">
        <v>1017.231</v>
      </c>
      <c r="E1191">
        <v>1045.404</v>
      </c>
      <c r="F1191">
        <v>1064.971</v>
      </c>
      <c r="G1191">
        <v>1088.3119999999999</v>
      </c>
      <c r="H1191">
        <v>1099.7539999999999</v>
      </c>
      <c r="I1191">
        <v>1114.4860000000001</v>
      </c>
      <c r="J1191">
        <v>1124.508</v>
      </c>
      <c r="K1191">
        <v>1130.0129999999999</v>
      </c>
      <c r="L1191">
        <v>1132.9359999999999</v>
      </c>
      <c r="M1191">
        <v>1116.1859999999999</v>
      </c>
      <c r="N1191">
        <v>969.45699999999999</v>
      </c>
      <c r="O1191">
        <v>1007.129</v>
      </c>
      <c r="P1191">
        <v>0</v>
      </c>
      <c r="Q1191">
        <v>0</v>
      </c>
      <c r="R1191">
        <v>1064.5260000000001</v>
      </c>
      <c r="S1191">
        <v>0</v>
      </c>
      <c r="T1191">
        <v>1089.922</v>
      </c>
      <c r="U1191">
        <v>1110.556</v>
      </c>
      <c r="V1191">
        <v>1124.1849999999999</v>
      </c>
      <c r="W1191">
        <v>1138.6980000000001</v>
      </c>
      <c r="X1191">
        <v>1152.154</v>
      </c>
      <c r="Y1191">
        <v>1158.903</v>
      </c>
    </row>
    <row r="1192" spans="1:25" x14ac:dyDescent="0.3">
      <c r="A1192">
        <v>31.883333333131546</v>
      </c>
      <c r="B1192">
        <v>963.62199999999996</v>
      </c>
      <c r="C1192">
        <v>1017.654</v>
      </c>
      <c r="D1192">
        <v>1015.306</v>
      </c>
      <c r="E1192">
        <v>1041.357</v>
      </c>
      <c r="F1192">
        <v>1059.998</v>
      </c>
      <c r="G1192">
        <v>1086.9839999999999</v>
      </c>
      <c r="H1192">
        <v>1095.9380000000001</v>
      </c>
      <c r="I1192">
        <v>1112.3520000000001</v>
      </c>
      <c r="J1192">
        <v>1125.173</v>
      </c>
      <c r="K1192">
        <v>1130.412</v>
      </c>
      <c r="L1192">
        <v>1132.9939999999999</v>
      </c>
      <c r="M1192">
        <v>1113.9580000000001</v>
      </c>
      <c r="N1192">
        <v>963.29600000000005</v>
      </c>
      <c r="O1192">
        <v>1015.068</v>
      </c>
      <c r="P1192">
        <v>0</v>
      </c>
      <c r="Q1192">
        <v>0</v>
      </c>
      <c r="R1192">
        <v>1062.7639999999999</v>
      </c>
      <c r="S1192">
        <v>0</v>
      </c>
      <c r="T1192">
        <v>1086.6089999999999</v>
      </c>
      <c r="U1192">
        <v>1109.8579999999999</v>
      </c>
      <c r="V1192">
        <v>1124.9079999999999</v>
      </c>
      <c r="W1192">
        <v>1139.576</v>
      </c>
      <c r="X1192">
        <v>1157.5820000000001</v>
      </c>
      <c r="Y1192">
        <v>1160.8030000000001</v>
      </c>
    </row>
    <row r="1193" spans="1:25" x14ac:dyDescent="0.3">
      <c r="A1193">
        <v>31.916666663779566</v>
      </c>
      <c r="B1193">
        <v>969.56600000000003</v>
      </c>
      <c r="C1193">
        <v>1019.248</v>
      </c>
      <c r="D1193">
        <v>1020.33</v>
      </c>
      <c r="E1193">
        <v>1044.2950000000001</v>
      </c>
      <c r="F1193">
        <v>1060.0709999999999</v>
      </c>
      <c r="G1193">
        <v>1088.3869999999999</v>
      </c>
      <c r="H1193">
        <v>1098.0050000000001</v>
      </c>
      <c r="I1193">
        <v>1112.3510000000001</v>
      </c>
      <c r="J1193">
        <v>1124.8109999999999</v>
      </c>
      <c r="K1193">
        <v>1127.925</v>
      </c>
      <c r="L1193">
        <v>1130.5820000000001</v>
      </c>
      <c r="M1193">
        <v>1110.7260000000001</v>
      </c>
      <c r="N1193">
        <v>966.44</v>
      </c>
      <c r="O1193">
        <v>1017.378</v>
      </c>
      <c r="P1193">
        <v>0</v>
      </c>
      <c r="Q1193">
        <v>0</v>
      </c>
      <c r="R1193">
        <v>1064.6559999999999</v>
      </c>
      <c r="S1193">
        <v>0</v>
      </c>
      <c r="T1193">
        <v>1090.4459999999999</v>
      </c>
      <c r="U1193">
        <v>1112.181</v>
      </c>
      <c r="V1193">
        <v>1128.4939999999999</v>
      </c>
      <c r="W1193">
        <v>1146.0419999999999</v>
      </c>
      <c r="X1193">
        <v>1166.8130000000001</v>
      </c>
      <c r="Y1193">
        <v>1162.355</v>
      </c>
    </row>
    <row r="1194" spans="1:25" x14ac:dyDescent="0.3">
      <c r="A1194">
        <v>31.933333334342265</v>
      </c>
      <c r="B1194">
        <v>972.40200000000004</v>
      </c>
      <c r="C1194">
        <v>1018.587</v>
      </c>
      <c r="D1194">
        <v>1019.779</v>
      </c>
      <c r="E1194">
        <v>1043.259</v>
      </c>
      <c r="F1194">
        <v>1063.4490000000001</v>
      </c>
      <c r="G1194">
        <v>1091.1010000000001</v>
      </c>
      <c r="H1194">
        <v>1099.1510000000001</v>
      </c>
      <c r="I1194">
        <v>1114.5419999999999</v>
      </c>
      <c r="J1194">
        <v>1122.4010000000001</v>
      </c>
      <c r="K1194">
        <v>1126.1020000000001</v>
      </c>
      <c r="L1194">
        <v>1127.7529999999999</v>
      </c>
      <c r="M1194">
        <v>1108.874</v>
      </c>
      <c r="N1194">
        <v>965.84299999999996</v>
      </c>
      <c r="O1194">
        <v>1020.0549999999999</v>
      </c>
      <c r="P1194">
        <v>0</v>
      </c>
      <c r="Q1194">
        <v>0</v>
      </c>
      <c r="R1194">
        <v>1061.463</v>
      </c>
      <c r="S1194">
        <v>0</v>
      </c>
      <c r="T1194">
        <v>1089.079</v>
      </c>
      <c r="U1194">
        <v>1113.5409999999999</v>
      </c>
      <c r="V1194">
        <v>1123.9760000000001</v>
      </c>
      <c r="W1194">
        <v>1138.239</v>
      </c>
      <c r="X1194">
        <v>1158.98</v>
      </c>
      <c r="Y1194">
        <v>1166.8510000000001</v>
      </c>
    </row>
    <row r="1195" spans="1:25" x14ac:dyDescent="0.3">
      <c r="A1195">
        <v>31.966666664990285</v>
      </c>
      <c r="B1195">
        <v>976.12099999999998</v>
      </c>
      <c r="C1195">
        <v>1020.753</v>
      </c>
      <c r="D1195">
        <v>1022.788</v>
      </c>
      <c r="E1195">
        <v>1044.74</v>
      </c>
      <c r="F1195">
        <v>1062.336</v>
      </c>
      <c r="G1195">
        <v>1090.99</v>
      </c>
      <c r="H1195">
        <v>1101.5409999999999</v>
      </c>
      <c r="I1195">
        <v>1113.296</v>
      </c>
      <c r="J1195">
        <v>1118.4159999999999</v>
      </c>
      <c r="K1195">
        <v>1123.3879999999999</v>
      </c>
      <c r="L1195">
        <v>1122.421</v>
      </c>
      <c r="M1195">
        <v>1104.3430000000001</v>
      </c>
      <c r="N1195">
        <v>958.15</v>
      </c>
      <c r="O1195">
        <v>1012.246</v>
      </c>
      <c r="P1195">
        <v>0</v>
      </c>
      <c r="Q1195">
        <v>0</v>
      </c>
      <c r="R1195">
        <v>1055.0419999999999</v>
      </c>
      <c r="S1195">
        <v>0</v>
      </c>
      <c r="T1195">
        <v>1082.6769999999999</v>
      </c>
      <c r="U1195">
        <v>1106.9570000000001</v>
      </c>
      <c r="V1195">
        <v>1117.925</v>
      </c>
      <c r="W1195">
        <v>1134.2840000000001</v>
      </c>
      <c r="X1195">
        <v>1153.4780000000001</v>
      </c>
      <c r="Y1195">
        <v>1161.3969999999999</v>
      </c>
    </row>
    <row r="1196" spans="1:25" x14ac:dyDescent="0.3">
      <c r="A1196">
        <v>31.983333335552985</v>
      </c>
      <c r="B1196">
        <v>974.36099999999999</v>
      </c>
      <c r="C1196">
        <v>1017.617</v>
      </c>
      <c r="D1196">
        <v>1020.3680000000001</v>
      </c>
      <c r="E1196">
        <v>1042.9459999999999</v>
      </c>
      <c r="F1196">
        <v>1063.2270000000001</v>
      </c>
      <c r="G1196">
        <v>1086.8710000000001</v>
      </c>
      <c r="H1196">
        <v>1096.8579999999999</v>
      </c>
      <c r="I1196">
        <v>1109.442</v>
      </c>
      <c r="J1196">
        <v>1112.8620000000001</v>
      </c>
      <c r="K1196">
        <v>1121.288</v>
      </c>
      <c r="L1196">
        <v>1124.5650000000001</v>
      </c>
      <c r="M1196">
        <v>1106.1669999999999</v>
      </c>
      <c r="N1196">
        <v>957.375</v>
      </c>
      <c r="O1196">
        <v>1012.794</v>
      </c>
      <c r="P1196">
        <v>0</v>
      </c>
      <c r="Q1196">
        <v>0</v>
      </c>
      <c r="R1196">
        <v>1059.4960000000001</v>
      </c>
      <c r="S1196">
        <v>0</v>
      </c>
      <c r="T1196">
        <v>1081.9280000000001</v>
      </c>
      <c r="U1196">
        <v>1103.9670000000001</v>
      </c>
      <c r="V1196">
        <v>1112.3520000000001</v>
      </c>
      <c r="W1196">
        <v>1139.0229999999999</v>
      </c>
      <c r="X1196">
        <v>1154.2260000000001</v>
      </c>
      <c r="Y1196">
        <v>1159.23</v>
      </c>
    </row>
    <row r="1197" spans="1:25" x14ac:dyDescent="0.3">
      <c r="A1197">
        <v>32.016666666201004</v>
      </c>
      <c r="B1197">
        <v>969.06</v>
      </c>
      <c r="C1197">
        <v>1015.635</v>
      </c>
      <c r="D1197">
        <v>1013.9109999999999</v>
      </c>
      <c r="E1197">
        <v>1040.191</v>
      </c>
      <c r="F1197">
        <v>1062.855</v>
      </c>
      <c r="G1197">
        <v>1085.1099999999999</v>
      </c>
      <c r="H1197">
        <v>1092.4680000000001</v>
      </c>
      <c r="I1197">
        <v>1105.79</v>
      </c>
      <c r="J1197">
        <v>1111.3869999999999</v>
      </c>
      <c r="K1197">
        <v>1121.4570000000001</v>
      </c>
      <c r="L1197">
        <v>1126.1400000000001</v>
      </c>
      <c r="M1197">
        <v>1105.771</v>
      </c>
      <c r="N1197">
        <v>965.01199999999994</v>
      </c>
      <c r="O1197">
        <v>1003.073</v>
      </c>
      <c r="P1197">
        <v>0</v>
      </c>
      <c r="Q1197">
        <v>0</v>
      </c>
      <c r="R1197">
        <v>1054.7260000000001</v>
      </c>
      <c r="S1197">
        <v>0</v>
      </c>
      <c r="T1197">
        <v>1085.4849999999999</v>
      </c>
      <c r="U1197">
        <v>1106.4670000000001</v>
      </c>
      <c r="V1197">
        <v>1118.963</v>
      </c>
      <c r="W1197">
        <v>1142.6279999999999</v>
      </c>
      <c r="X1197">
        <v>1160.6669999999999</v>
      </c>
      <c r="Y1197">
        <v>1161.415</v>
      </c>
    </row>
    <row r="1198" spans="1:25" x14ac:dyDescent="0.3">
      <c r="A1198">
        <v>32.049999996849024</v>
      </c>
      <c r="B1198">
        <v>974.87</v>
      </c>
      <c r="C1198">
        <v>1014.023</v>
      </c>
      <c r="D1198">
        <v>1009.652</v>
      </c>
      <c r="E1198">
        <v>1038.48</v>
      </c>
      <c r="F1198">
        <v>1059.405</v>
      </c>
      <c r="G1198">
        <v>1087.827</v>
      </c>
      <c r="H1198">
        <v>1096.615</v>
      </c>
      <c r="I1198">
        <v>1112.107</v>
      </c>
      <c r="J1198">
        <v>1116.8679999999999</v>
      </c>
      <c r="K1198">
        <v>1123.162</v>
      </c>
      <c r="L1198">
        <v>1129.8630000000001</v>
      </c>
      <c r="M1198">
        <v>1107.7850000000001</v>
      </c>
      <c r="N1198">
        <v>962.79100000000005</v>
      </c>
      <c r="O1198">
        <v>1005.761</v>
      </c>
      <c r="P1198">
        <v>0</v>
      </c>
      <c r="Q1198">
        <v>0</v>
      </c>
      <c r="R1198">
        <v>1057.6600000000001</v>
      </c>
      <c r="S1198">
        <v>0</v>
      </c>
      <c r="T1198">
        <v>1086.1980000000001</v>
      </c>
      <c r="U1198">
        <v>1110.2750000000001</v>
      </c>
      <c r="V1198">
        <v>1123.5029999999999</v>
      </c>
      <c r="W1198">
        <v>1138.9670000000001</v>
      </c>
      <c r="X1198">
        <v>1158.6369999999999</v>
      </c>
      <c r="Y1198">
        <v>1158.2339999999999</v>
      </c>
    </row>
    <row r="1199" spans="1:25" x14ac:dyDescent="0.3">
      <c r="A1199">
        <v>32.066666667411724</v>
      </c>
      <c r="B1199">
        <v>977.69799999999998</v>
      </c>
      <c r="C1199">
        <v>1013.38</v>
      </c>
      <c r="D1199">
        <v>1008.463</v>
      </c>
      <c r="E1199">
        <v>1034.778</v>
      </c>
      <c r="F1199">
        <v>1056.192</v>
      </c>
      <c r="G1199">
        <v>1085.8779999999999</v>
      </c>
      <c r="H1199">
        <v>1093.049</v>
      </c>
      <c r="I1199">
        <v>1110.556</v>
      </c>
      <c r="J1199">
        <v>1118.6610000000001</v>
      </c>
      <c r="K1199">
        <v>1123.9190000000001</v>
      </c>
      <c r="L1199">
        <v>1130.316</v>
      </c>
      <c r="M1199">
        <v>1108.9880000000001</v>
      </c>
      <c r="N1199">
        <v>955.48400000000004</v>
      </c>
      <c r="O1199">
        <v>999.31</v>
      </c>
      <c r="P1199">
        <v>0</v>
      </c>
      <c r="Q1199">
        <v>0</v>
      </c>
      <c r="R1199">
        <v>1054.3920000000001</v>
      </c>
      <c r="S1199">
        <v>0</v>
      </c>
      <c r="T1199">
        <v>1082.5640000000001</v>
      </c>
      <c r="U1199">
        <v>1110.1590000000001</v>
      </c>
      <c r="V1199">
        <v>1121.873</v>
      </c>
      <c r="W1199">
        <v>1134.3789999999999</v>
      </c>
      <c r="X1199">
        <v>1148.5609999999999</v>
      </c>
      <c r="Y1199">
        <v>1155.855</v>
      </c>
    </row>
    <row r="1200" spans="1:25" x14ac:dyDescent="0.3">
      <c r="A1200">
        <v>32.099999998059744</v>
      </c>
      <c r="B1200">
        <v>972.94600000000003</v>
      </c>
      <c r="C1200">
        <v>1010.308</v>
      </c>
      <c r="D1200">
        <v>1004.955</v>
      </c>
      <c r="E1200">
        <v>1030.433</v>
      </c>
      <c r="F1200">
        <v>1048.048</v>
      </c>
      <c r="G1200">
        <v>1077.2819999999999</v>
      </c>
      <c r="H1200">
        <v>1089.0229999999999</v>
      </c>
      <c r="I1200">
        <v>1109.423</v>
      </c>
      <c r="J1200">
        <v>1118.3969999999999</v>
      </c>
      <c r="K1200">
        <v>1125.931</v>
      </c>
      <c r="L1200">
        <v>1127.336</v>
      </c>
      <c r="M1200">
        <v>1106.373</v>
      </c>
      <c r="N1200">
        <v>956.76199999999994</v>
      </c>
      <c r="O1200">
        <v>998.52700000000004</v>
      </c>
      <c r="P1200">
        <v>0</v>
      </c>
      <c r="Q1200">
        <v>0</v>
      </c>
      <c r="R1200">
        <v>1053.242</v>
      </c>
      <c r="S1200">
        <v>0</v>
      </c>
      <c r="T1200">
        <v>1082.3019999999999</v>
      </c>
      <c r="U1200">
        <v>1103.703</v>
      </c>
      <c r="V1200">
        <v>1117.395</v>
      </c>
      <c r="W1200">
        <v>1138.6400000000001</v>
      </c>
      <c r="X1200">
        <v>1157.6959999999999</v>
      </c>
      <c r="Y1200">
        <v>1159.498</v>
      </c>
    </row>
    <row r="1201" spans="1:25" x14ac:dyDescent="0.3">
      <c r="A1201">
        <v>32.133333339185143</v>
      </c>
      <c r="B1201">
        <v>961.995</v>
      </c>
      <c r="C1201">
        <v>1006.473</v>
      </c>
      <c r="D1201">
        <v>1000.5170000000001</v>
      </c>
      <c r="E1201">
        <v>1027.23</v>
      </c>
      <c r="F1201">
        <v>1044.259</v>
      </c>
      <c r="G1201">
        <v>1072.6790000000001</v>
      </c>
      <c r="H1201">
        <v>1085.374</v>
      </c>
      <c r="I1201">
        <v>1109.1590000000001</v>
      </c>
      <c r="J1201">
        <v>1116.32</v>
      </c>
      <c r="K1201">
        <v>1125.838</v>
      </c>
      <c r="L1201">
        <v>1130.204</v>
      </c>
      <c r="M1201">
        <v>1110.444</v>
      </c>
      <c r="N1201">
        <v>949.25400000000002</v>
      </c>
      <c r="O1201">
        <v>999.73099999999999</v>
      </c>
      <c r="P1201">
        <v>0</v>
      </c>
      <c r="Q1201">
        <v>0</v>
      </c>
      <c r="R1201">
        <v>1053.595</v>
      </c>
      <c r="S1201">
        <v>0</v>
      </c>
      <c r="T1201">
        <v>1080.9000000000001</v>
      </c>
      <c r="U1201">
        <v>1104.0050000000001</v>
      </c>
      <c r="V1201">
        <v>1114.4870000000001</v>
      </c>
      <c r="W1201">
        <v>1130.6590000000001</v>
      </c>
      <c r="X1201">
        <v>1148.829</v>
      </c>
      <c r="Y1201">
        <v>1158.329</v>
      </c>
    </row>
    <row r="1202" spans="1:25" x14ac:dyDescent="0.3">
      <c r="A1202">
        <v>32.149999999270463</v>
      </c>
      <c r="B1202">
        <v>958.65300000000002</v>
      </c>
      <c r="C1202">
        <v>1001.466</v>
      </c>
      <c r="D1202">
        <v>999.87599999999998</v>
      </c>
      <c r="E1202">
        <v>1027.3579999999999</v>
      </c>
      <c r="F1202">
        <v>1043.1310000000001</v>
      </c>
      <c r="G1202">
        <v>1074.319</v>
      </c>
      <c r="H1202">
        <v>1087.095</v>
      </c>
      <c r="I1202">
        <v>1107.7829999999999</v>
      </c>
      <c r="J1202">
        <v>1115.903</v>
      </c>
      <c r="K1202">
        <v>1124.204</v>
      </c>
      <c r="L1202">
        <v>1128.6079999999999</v>
      </c>
      <c r="M1202">
        <v>1108.818</v>
      </c>
      <c r="N1202">
        <v>943.553</v>
      </c>
      <c r="O1202">
        <v>999.38300000000004</v>
      </c>
      <c r="P1202">
        <v>0</v>
      </c>
      <c r="Q1202">
        <v>0</v>
      </c>
      <c r="R1202">
        <v>1047.05</v>
      </c>
      <c r="S1202">
        <v>0</v>
      </c>
      <c r="T1202">
        <v>1074.8030000000001</v>
      </c>
      <c r="U1202">
        <v>1099.7159999999999</v>
      </c>
      <c r="V1202">
        <v>1110.6510000000001</v>
      </c>
      <c r="W1202">
        <v>1131.038</v>
      </c>
      <c r="X1202">
        <v>1152.154</v>
      </c>
      <c r="Y1202">
        <v>1152.154</v>
      </c>
    </row>
    <row r="1203" spans="1:25" x14ac:dyDescent="0.3">
      <c r="A1203">
        <v>32.183333329918483</v>
      </c>
      <c r="B1203">
        <v>963.33199999999999</v>
      </c>
      <c r="C1203">
        <v>1001.357</v>
      </c>
      <c r="D1203">
        <v>993.322</v>
      </c>
      <c r="E1203">
        <v>1023.724</v>
      </c>
      <c r="F1203">
        <v>1040.1179999999999</v>
      </c>
      <c r="G1203">
        <v>1067.5899999999999</v>
      </c>
      <c r="H1203">
        <v>1078.2149999999999</v>
      </c>
      <c r="I1203">
        <v>1099.4349999999999</v>
      </c>
      <c r="J1203">
        <v>1110.8969999999999</v>
      </c>
      <c r="K1203">
        <v>1125.5329999999999</v>
      </c>
      <c r="L1203">
        <v>1127.5650000000001</v>
      </c>
      <c r="M1203">
        <v>1108.329</v>
      </c>
      <c r="N1203">
        <v>940.30499999999995</v>
      </c>
      <c r="O1203">
        <v>1000.571</v>
      </c>
      <c r="P1203">
        <v>0</v>
      </c>
      <c r="Q1203">
        <v>0</v>
      </c>
      <c r="R1203">
        <v>1051.376</v>
      </c>
      <c r="S1203">
        <v>0</v>
      </c>
      <c r="T1203">
        <v>1078.085</v>
      </c>
      <c r="U1203">
        <v>1106.712</v>
      </c>
      <c r="V1203">
        <v>1112.049</v>
      </c>
      <c r="W1203">
        <v>1134.3409999999999</v>
      </c>
      <c r="X1203">
        <v>1155.645</v>
      </c>
      <c r="Y1203">
        <v>1155.0889999999999</v>
      </c>
    </row>
    <row r="1204" spans="1:25" x14ac:dyDescent="0.3">
      <c r="A1204">
        <v>32.200000000481182</v>
      </c>
      <c r="B1204">
        <v>963.62099999999998</v>
      </c>
      <c r="C1204">
        <v>999.32899999999995</v>
      </c>
      <c r="D1204">
        <v>992.39400000000001</v>
      </c>
      <c r="E1204">
        <v>1023.962</v>
      </c>
      <c r="F1204">
        <v>1040.0999999999999</v>
      </c>
      <c r="G1204">
        <v>1064.712</v>
      </c>
      <c r="H1204">
        <v>1078.346</v>
      </c>
      <c r="I1204">
        <v>1094.922</v>
      </c>
      <c r="J1204">
        <v>1110.028</v>
      </c>
      <c r="K1204">
        <v>1123.502</v>
      </c>
      <c r="L1204">
        <v>1128.21</v>
      </c>
      <c r="M1204">
        <v>1108.48</v>
      </c>
      <c r="N1204">
        <v>942.01</v>
      </c>
      <c r="O1204">
        <v>997.6</v>
      </c>
      <c r="P1204">
        <v>0</v>
      </c>
      <c r="Q1204">
        <v>0</v>
      </c>
      <c r="R1204">
        <v>1054.5219999999999</v>
      </c>
      <c r="S1204">
        <v>0</v>
      </c>
      <c r="T1204">
        <v>1082.49</v>
      </c>
      <c r="U1204">
        <v>1108.6679999999999</v>
      </c>
      <c r="V1204">
        <v>1119.588</v>
      </c>
      <c r="W1204">
        <v>1139.557</v>
      </c>
      <c r="X1204">
        <v>1157.0250000000001</v>
      </c>
      <c r="Y1204">
        <v>1157.8109999999999</v>
      </c>
    </row>
    <row r="1205" spans="1:25" x14ac:dyDescent="0.3">
      <c r="A1205">
        <v>32.233333331129202</v>
      </c>
      <c r="B1205">
        <v>957.93399999999997</v>
      </c>
      <c r="C1205">
        <v>1001.009</v>
      </c>
      <c r="D1205">
        <v>994.23199999999997</v>
      </c>
      <c r="E1205">
        <v>1026.4749999999999</v>
      </c>
      <c r="F1205">
        <v>1039.97</v>
      </c>
      <c r="G1205">
        <v>1066.883</v>
      </c>
      <c r="H1205">
        <v>1075.9970000000001</v>
      </c>
      <c r="I1205">
        <v>1092.45</v>
      </c>
      <c r="J1205">
        <v>1105.979</v>
      </c>
      <c r="K1205">
        <v>1121.874</v>
      </c>
      <c r="L1205">
        <v>1125.932</v>
      </c>
      <c r="M1205">
        <v>1105.885</v>
      </c>
      <c r="N1205">
        <v>944.02</v>
      </c>
      <c r="O1205">
        <v>997.09</v>
      </c>
      <c r="P1205">
        <v>0</v>
      </c>
      <c r="Q1205">
        <v>0</v>
      </c>
      <c r="R1205">
        <v>1052.2080000000001</v>
      </c>
      <c r="S1205">
        <v>0</v>
      </c>
      <c r="T1205">
        <v>1081.9280000000001</v>
      </c>
      <c r="U1205">
        <v>1106.674</v>
      </c>
      <c r="V1205">
        <v>1115.45</v>
      </c>
      <c r="W1205">
        <v>1135.8599999999999</v>
      </c>
      <c r="X1205">
        <v>1153.42</v>
      </c>
      <c r="Y1205">
        <v>1158.501</v>
      </c>
    </row>
    <row r="1206" spans="1:25" x14ac:dyDescent="0.3">
      <c r="A1206">
        <v>32.266666672254601</v>
      </c>
      <c r="B1206">
        <v>958.096</v>
      </c>
      <c r="C1206">
        <v>1001.028</v>
      </c>
      <c r="D1206">
        <v>994.34199999999998</v>
      </c>
      <c r="E1206">
        <v>1025.43</v>
      </c>
      <c r="F1206">
        <v>1042.115</v>
      </c>
      <c r="G1206">
        <v>1074.432</v>
      </c>
      <c r="H1206">
        <v>1082.7149999999999</v>
      </c>
      <c r="I1206">
        <v>1097.6859999999999</v>
      </c>
      <c r="J1206">
        <v>1115.1669999999999</v>
      </c>
      <c r="K1206">
        <v>1124.547</v>
      </c>
      <c r="L1206">
        <v>1126.1220000000001</v>
      </c>
      <c r="M1206">
        <v>1104.174</v>
      </c>
      <c r="N1206">
        <v>948.37199999999996</v>
      </c>
      <c r="O1206">
        <v>997.43600000000004</v>
      </c>
      <c r="P1206">
        <v>0</v>
      </c>
      <c r="Q1206">
        <v>0</v>
      </c>
      <c r="R1206">
        <v>1054.337</v>
      </c>
      <c r="S1206">
        <v>0</v>
      </c>
      <c r="T1206">
        <v>1082.509</v>
      </c>
      <c r="U1206">
        <v>1102.7639999999999</v>
      </c>
      <c r="V1206">
        <v>1114.5809999999999</v>
      </c>
      <c r="W1206">
        <v>1133.4880000000001</v>
      </c>
      <c r="X1206">
        <v>1155.0119999999999</v>
      </c>
      <c r="Y1206">
        <v>1159.787</v>
      </c>
    </row>
    <row r="1207" spans="1:25" x14ac:dyDescent="0.3">
      <c r="A1207">
        <v>32.283333332339922</v>
      </c>
      <c r="B1207">
        <v>960.89400000000001</v>
      </c>
      <c r="C1207">
        <v>1000.317</v>
      </c>
      <c r="D1207">
        <v>992.94200000000001</v>
      </c>
      <c r="E1207">
        <v>1023.909</v>
      </c>
      <c r="F1207">
        <v>1042.2270000000001</v>
      </c>
      <c r="G1207">
        <v>1073.519</v>
      </c>
      <c r="H1207">
        <v>1089.3630000000001</v>
      </c>
      <c r="I1207">
        <v>1101.0719999999999</v>
      </c>
      <c r="J1207">
        <v>1119.797</v>
      </c>
      <c r="K1207">
        <v>1127.0350000000001</v>
      </c>
      <c r="L1207">
        <v>1131.4390000000001</v>
      </c>
      <c r="M1207">
        <v>1106.845</v>
      </c>
      <c r="N1207">
        <v>944.524</v>
      </c>
      <c r="O1207">
        <v>994.61599999999999</v>
      </c>
      <c r="P1207">
        <v>0</v>
      </c>
      <c r="Q1207">
        <v>0</v>
      </c>
      <c r="R1207">
        <v>1049.732</v>
      </c>
      <c r="S1207">
        <v>0</v>
      </c>
      <c r="T1207">
        <v>1078.124</v>
      </c>
      <c r="U1207">
        <v>1097.443</v>
      </c>
      <c r="V1207">
        <v>1111.5029999999999</v>
      </c>
      <c r="W1207">
        <v>1129.085</v>
      </c>
      <c r="X1207">
        <v>1147.6469999999999</v>
      </c>
      <c r="Y1207">
        <v>1154.4960000000001</v>
      </c>
    </row>
    <row r="1208" spans="1:25" x14ac:dyDescent="0.3">
      <c r="A1208">
        <v>32.316666662987942</v>
      </c>
      <c r="B1208">
        <v>951.77599999999995</v>
      </c>
      <c r="C1208">
        <v>999.20299999999997</v>
      </c>
      <c r="D1208">
        <v>992.30399999999997</v>
      </c>
      <c r="E1208">
        <v>1023.505</v>
      </c>
      <c r="F1208">
        <v>1041.2840000000001</v>
      </c>
      <c r="G1208">
        <v>1075.4760000000001</v>
      </c>
      <c r="H1208">
        <v>1087.3779999999999</v>
      </c>
      <c r="I1208">
        <v>1099.8309999999999</v>
      </c>
      <c r="J1208">
        <v>1113.203</v>
      </c>
      <c r="K1208">
        <v>1120.9110000000001</v>
      </c>
      <c r="L1208">
        <v>1123.5409999999999</v>
      </c>
      <c r="M1208">
        <v>1105.51</v>
      </c>
      <c r="N1208">
        <v>944.00300000000004</v>
      </c>
      <c r="O1208">
        <v>1000.883</v>
      </c>
      <c r="P1208">
        <v>0</v>
      </c>
      <c r="Q1208">
        <v>0</v>
      </c>
      <c r="R1208">
        <v>1048.623</v>
      </c>
      <c r="S1208">
        <v>0</v>
      </c>
      <c r="T1208">
        <v>1077.508</v>
      </c>
      <c r="U1208">
        <v>1095.731</v>
      </c>
      <c r="V1208">
        <v>1108.2180000000001</v>
      </c>
      <c r="W1208">
        <v>1130.5650000000001</v>
      </c>
      <c r="X1208">
        <v>1152.712</v>
      </c>
      <c r="Y1208">
        <v>1158.963</v>
      </c>
    </row>
    <row r="1209" spans="1:25" x14ac:dyDescent="0.3">
      <c r="A1209">
        <v>32.333333333550641</v>
      </c>
      <c r="B1209">
        <v>943.44600000000003</v>
      </c>
      <c r="C1209">
        <v>999.25599999999997</v>
      </c>
      <c r="D1209">
        <v>995.76099999999997</v>
      </c>
      <c r="E1209">
        <v>1024.2</v>
      </c>
      <c r="F1209">
        <v>1044.703</v>
      </c>
      <c r="G1209">
        <v>1078.1400000000001</v>
      </c>
      <c r="H1209">
        <v>1088.3869999999999</v>
      </c>
      <c r="I1209">
        <v>1102.2929999999999</v>
      </c>
      <c r="J1209">
        <v>1115.337</v>
      </c>
      <c r="K1209">
        <v>1124.0530000000001</v>
      </c>
      <c r="L1209">
        <v>1128.684</v>
      </c>
      <c r="M1209">
        <v>1105.7339999999999</v>
      </c>
      <c r="N1209">
        <v>942.76400000000001</v>
      </c>
      <c r="O1209">
        <v>996.96299999999997</v>
      </c>
      <c r="P1209">
        <v>0</v>
      </c>
      <c r="Q1209">
        <v>0</v>
      </c>
      <c r="R1209">
        <v>1043.8340000000001</v>
      </c>
      <c r="S1209">
        <v>0</v>
      </c>
      <c r="T1209">
        <v>1073.6849999999999</v>
      </c>
      <c r="U1209">
        <v>1095.5419999999999</v>
      </c>
      <c r="V1209">
        <v>1108.7049999999999</v>
      </c>
      <c r="W1209">
        <v>1128.6279999999999</v>
      </c>
      <c r="X1209">
        <v>1145.261</v>
      </c>
      <c r="Y1209">
        <v>1151.8869999999999</v>
      </c>
    </row>
    <row r="1210" spans="1:25" x14ac:dyDescent="0.3">
      <c r="A1210">
        <v>32.366666664198661</v>
      </c>
      <c r="B1210">
        <v>953.88199999999995</v>
      </c>
      <c r="C1210">
        <v>999.32899999999995</v>
      </c>
      <c r="D1210">
        <v>994.36</v>
      </c>
      <c r="E1210">
        <v>1025.136</v>
      </c>
      <c r="F1210">
        <v>1049.6569999999999</v>
      </c>
      <c r="G1210">
        <v>1082.097</v>
      </c>
      <c r="H1210">
        <v>1095.317</v>
      </c>
      <c r="I1210">
        <v>1106.28</v>
      </c>
      <c r="J1210">
        <v>1114.317</v>
      </c>
      <c r="K1210">
        <v>1120.174</v>
      </c>
      <c r="L1210">
        <v>1123.864</v>
      </c>
      <c r="M1210">
        <v>1102.011</v>
      </c>
      <c r="N1210">
        <v>938.18799999999999</v>
      </c>
      <c r="O1210">
        <v>998.71100000000001</v>
      </c>
      <c r="P1210">
        <v>0</v>
      </c>
      <c r="Q1210">
        <v>0</v>
      </c>
      <c r="R1210">
        <v>1045.0730000000001</v>
      </c>
      <c r="S1210">
        <v>0</v>
      </c>
      <c r="T1210">
        <v>1073.798</v>
      </c>
      <c r="U1210">
        <v>1095.5989999999999</v>
      </c>
      <c r="V1210">
        <v>1104.7570000000001</v>
      </c>
      <c r="W1210">
        <v>1125.4960000000001</v>
      </c>
      <c r="X1210">
        <v>1148.123</v>
      </c>
      <c r="Y1210">
        <v>1152.002</v>
      </c>
    </row>
    <row r="1211" spans="1:25" x14ac:dyDescent="0.3">
      <c r="A1211">
        <v>32.40000000532406</v>
      </c>
      <c r="B1211">
        <v>965.24900000000002</v>
      </c>
      <c r="C1211">
        <v>996.05399999999997</v>
      </c>
      <c r="D1211">
        <v>992.17700000000002</v>
      </c>
      <c r="E1211">
        <v>1027.5630000000001</v>
      </c>
      <c r="F1211">
        <v>1049.9359999999999</v>
      </c>
      <c r="G1211">
        <v>1079.857</v>
      </c>
      <c r="H1211">
        <v>1092.433</v>
      </c>
      <c r="I1211">
        <v>1102.3889999999999</v>
      </c>
      <c r="J1211">
        <v>1111.768</v>
      </c>
      <c r="K1211">
        <v>1118.626</v>
      </c>
      <c r="L1211">
        <v>1121.479</v>
      </c>
      <c r="M1211">
        <v>1103.2539999999999</v>
      </c>
      <c r="N1211">
        <v>937.90200000000004</v>
      </c>
      <c r="O1211">
        <v>997.00099999999998</v>
      </c>
      <c r="P1211">
        <v>0</v>
      </c>
      <c r="Q1211">
        <v>0</v>
      </c>
      <c r="R1211">
        <v>1045.4069999999999</v>
      </c>
      <c r="S1211">
        <v>0</v>
      </c>
      <c r="T1211">
        <v>1070.3499999999999</v>
      </c>
      <c r="U1211">
        <v>1093.5</v>
      </c>
      <c r="V1211">
        <v>1106.9580000000001</v>
      </c>
      <c r="W1211">
        <v>1128.5719999999999</v>
      </c>
      <c r="X1211">
        <v>1152.579</v>
      </c>
      <c r="Y1211">
        <v>1154.17</v>
      </c>
    </row>
    <row r="1212" spans="1:25" x14ac:dyDescent="0.3">
      <c r="A1212">
        <v>32.41666666540938</v>
      </c>
      <c r="B1212">
        <v>962.33900000000006</v>
      </c>
      <c r="C1212">
        <v>999.09299999999996</v>
      </c>
      <c r="D1212">
        <v>991.28399999999999</v>
      </c>
      <c r="E1212">
        <v>1027.377</v>
      </c>
      <c r="F1212">
        <v>1047.365</v>
      </c>
      <c r="G1212">
        <v>1075.3820000000001</v>
      </c>
      <c r="H1212">
        <v>1086.048</v>
      </c>
      <c r="I1212">
        <v>1099.21</v>
      </c>
      <c r="J1212">
        <v>1110.8219999999999</v>
      </c>
      <c r="K1212">
        <v>1118.4549999999999</v>
      </c>
      <c r="L1212">
        <v>1119.2670000000001</v>
      </c>
      <c r="M1212">
        <v>1100.5070000000001</v>
      </c>
      <c r="N1212">
        <v>943.55399999999997</v>
      </c>
      <c r="O1212">
        <v>995.798</v>
      </c>
      <c r="P1212">
        <v>0</v>
      </c>
      <c r="Q1212">
        <v>0</v>
      </c>
      <c r="R1212">
        <v>1044.999</v>
      </c>
      <c r="S1212">
        <v>0</v>
      </c>
      <c r="T1212">
        <v>1068.8209999999999</v>
      </c>
      <c r="U1212">
        <v>1088.5</v>
      </c>
      <c r="V1212">
        <v>1099.604</v>
      </c>
      <c r="W1212">
        <v>1123.1990000000001</v>
      </c>
      <c r="X1212">
        <v>1151.4849999999999</v>
      </c>
      <c r="Y1212">
        <v>1154.1690000000001</v>
      </c>
    </row>
    <row r="1213" spans="1:25" x14ac:dyDescent="0.3">
      <c r="A1213">
        <v>32.450000006534779</v>
      </c>
      <c r="B1213">
        <v>958.96100000000001</v>
      </c>
      <c r="C1213">
        <v>997.63699999999994</v>
      </c>
      <c r="D1213">
        <v>992.77700000000004</v>
      </c>
      <c r="E1213">
        <v>1025.1369999999999</v>
      </c>
      <c r="F1213">
        <v>1041.82</v>
      </c>
      <c r="G1213">
        <v>1070.9090000000001</v>
      </c>
      <c r="H1213">
        <v>1086.086</v>
      </c>
      <c r="I1213">
        <v>1098.1189999999999</v>
      </c>
      <c r="J1213">
        <v>1109.2729999999999</v>
      </c>
      <c r="K1213">
        <v>1120.08</v>
      </c>
      <c r="L1213">
        <v>1122.8009999999999</v>
      </c>
      <c r="M1213">
        <v>1101.598</v>
      </c>
      <c r="N1213">
        <v>949.23699999999997</v>
      </c>
      <c r="O1213">
        <v>996.70899999999995</v>
      </c>
      <c r="P1213">
        <v>0</v>
      </c>
      <c r="Q1213">
        <v>0</v>
      </c>
      <c r="R1213">
        <v>1041.82</v>
      </c>
      <c r="S1213">
        <v>0</v>
      </c>
      <c r="T1213">
        <v>1068.001</v>
      </c>
      <c r="U1213">
        <v>1089.999</v>
      </c>
      <c r="V1213">
        <v>1100.752</v>
      </c>
      <c r="W1213">
        <v>1118.7760000000001</v>
      </c>
      <c r="X1213">
        <v>1145.1089999999999</v>
      </c>
      <c r="Y1213">
        <v>1151.3320000000001</v>
      </c>
    </row>
    <row r="1214" spans="1:25" x14ac:dyDescent="0.3">
      <c r="A1214">
        <v>32.4666666666201</v>
      </c>
      <c r="B1214">
        <v>948.48</v>
      </c>
      <c r="C1214">
        <v>996.78200000000004</v>
      </c>
      <c r="D1214">
        <v>993.15899999999999</v>
      </c>
      <c r="E1214">
        <v>1023.688</v>
      </c>
      <c r="F1214">
        <v>1038.7929999999999</v>
      </c>
      <c r="G1214">
        <v>1072.7729999999999</v>
      </c>
      <c r="H1214">
        <v>1084.4570000000001</v>
      </c>
      <c r="I1214">
        <v>1098.27</v>
      </c>
      <c r="J1214">
        <v>1107.672</v>
      </c>
      <c r="K1214">
        <v>1118.3800000000001</v>
      </c>
      <c r="L1214">
        <v>1125.5160000000001</v>
      </c>
      <c r="M1214">
        <v>1103.0840000000001</v>
      </c>
      <c r="N1214">
        <v>950.029</v>
      </c>
      <c r="O1214">
        <v>999.33</v>
      </c>
      <c r="P1214">
        <v>0</v>
      </c>
      <c r="Q1214">
        <v>0</v>
      </c>
      <c r="R1214">
        <v>1040.23</v>
      </c>
      <c r="S1214">
        <v>0</v>
      </c>
      <c r="T1214">
        <v>1062.43</v>
      </c>
      <c r="U1214">
        <v>1085.58</v>
      </c>
      <c r="V1214">
        <v>1099.079</v>
      </c>
      <c r="W1214">
        <v>1115.7719999999999</v>
      </c>
      <c r="X1214">
        <v>1137.479</v>
      </c>
      <c r="Y1214">
        <v>1147.2650000000001</v>
      </c>
    </row>
    <row r="1215" spans="1:25" x14ac:dyDescent="0.3">
      <c r="A1215">
        <v>32.49999999726812</v>
      </c>
      <c r="B1215">
        <v>956.24400000000003</v>
      </c>
      <c r="C1215">
        <v>996.31100000000004</v>
      </c>
      <c r="D1215">
        <v>993.99900000000002</v>
      </c>
      <c r="E1215">
        <v>1024.02</v>
      </c>
      <c r="F1215">
        <v>1041.1569999999999</v>
      </c>
      <c r="G1215">
        <v>1074.2850000000001</v>
      </c>
      <c r="H1215">
        <v>1082.999</v>
      </c>
      <c r="I1215">
        <v>1096.1099999999999</v>
      </c>
      <c r="J1215">
        <v>1104.9290000000001</v>
      </c>
      <c r="K1215">
        <v>1115.17</v>
      </c>
      <c r="L1215">
        <v>1121.7260000000001</v>
      </c>
      <c r="M1215">
        <v>1102.127</v>
      </c>
      <c r="N1215">
        <v>944.20299999999997</v>
      </c>
      <c r="O1215">
        <v>995.89200000000005</v>
      </c>
      <c r="P1215">
        <v>0</v>
      </c>
      <c r="Q1215">
        <v>0</v>
      </c>
      <c r="R1215">
        <v>1046.1659999999999</v>
      </c>
      <c r="S1215">
        <v>0</v>
      </c>
      <c r="T1215">
        <v>1067.3510000000001</v>
      </c>
      <c r="U1215">
        <v>1086.7809999999999</v>
      </c>
      <c r="V1215">
        <v>1098.1030000000001</v>
      </c>
      <c r="W1215">
        <v>1121.6500000000001</v>
      </c>
      <c r="X1215">
        <v>1148.183</v>
      </c>
      <c r="Y1215">
        <v>1156.856</v>
      </c>
    </row>
    <row r="1216" spans="1:25" x14ac:dyDescent="0.3">
      <c r="A1216">
        <v>32.533333338393518</v>
      </c>
      <c r="B1216">
        <v>958.49300000000005</v>
      </c>
      <c r="C1216">
        <v>996.01700000000005</v>
      </c>
      <c r="D1216">
        <v>990.90200000000004</v>
      </c>
      <c r="E1216">
        <v>1026.9359999999999</v>
      </c>
      <c r="F1216">
        <v>1048.1980000000001</v>
      </c>
      <c r="G1216">
        <v>1074.8240000000001</v>
      </c>
      <c r="H1216">
        <v>1086.5909999999999</v>
      </c>
      <c r="I1216">
        <v>1102.7829999999999</v>
      </c>
      <c r="J1216">
        <v>1109.7829999999999</v>
      </c>
      <c r="K1216">
        <v>1117.9639999999999</v>
      </c>
      <c r="L1216">
        <v>1124.68</v>
      </c>
      <c r="M1216">
        <v>1105.115</v>
      </c>
      <c r="N1216">
        <v>940.32399999999996</v>
      </c>
      <c r="O1216">
        <v>993.10500000000002</v>
      </c>
      <c r="P1216">
        <v>0</v>
      </c>
      <c r="Q1216">
        <v>0</v>
      </c>
      <c r="R1216">
        <v>1047.606</v>
      </c>
      <c r="S1216">
        <v>0</v>
      </c>
      <c r="T1216">
        <v>1075.42</v>
      </c>
      <c r="U1216">
        <v>1093.3689999999999</v>
      </c>
      <c r="V1216">
        <v>1104.607</v>
      </c>
      <c r="W1216">
        <v>1123.3900000000001</v>
      </c>
      <c r="X1216">
        <v>1148.6199999999999</v>
      </c>
      <c r="Y1216">
        <v>1154.1690000000001</v>
      </c>
    </row>
    <row r="1217" spans="1:25" x14ac:dyDescent="0.3">
      <c r="A1217">
        <v>32.549999998478839</v>
      </c>
      <c r="B1217">
        <v>951.70299999999997</v>
      </c>
      <c r="C1217">
        <v>994.96100000000001</v>
      </c>
      <c r="D1217">
        <v>992.34</v>
      </c>
      <c r="E1217">
        <v>1027.249</v>
      </c>
      <c r="F1217">
        <v>1050.5630000000001</v>
      </c>
      <c r="G1217">
        <v>1075.96</v>
      </c>
      <c r="H1217">
        <v>1090.279</v>
      </c>
      <c r="I1217">
        <v>1100.6199999999999</v>
      </c>
      <c r="J1217">
        <v>1105.979</v>
      </c>
      <c r="K1217">
        <v>1114.5809999999999</v>
      </c>
      <c r="L1217">
        <v>1123.1610000000001</v>
      </c>
      <c r="M1217">
        <v>1108.1980000000001</v>
      </c>
      <c r="N1217">
        <v>944.505</v>
      </c>
      <c r="O1217">
        <v>988.827</v>
      </c>
      <c r="P1217">
        <v>0</v>
      </c>
      <c r="Q1217">
        <v>0</v>
      </c>
      <c r="R1217">
        <v>1046.0709999999999</v>
      </c>
      <c r="S1217">
        <v>0</v>
      </c>
      <c r="T1217">
        <v>1073.22</v>
      </c>
      <c r="U1217">
        <v>1093.6859999999999</v>
      </c>
      <c r="V1217">
        <v>1102.876</v>
      </c>
      <c r="W1217">
        <v>1123.769</v>
      </c>
      <c r="X1217">
        <v>1146.711</v>
      </c>
      <c r="Y1217">
        <v>1154.3989999999999</v>
      </c>
    </row>
    <row r="1218" spans="1:25" x14ac:dyDescent="0.3">
      <c r="A1218">
        <v>32.583333339604238</v>
      </c>
      <c r="B1218">
        <v>947.97699999999998</v>
      </c>
      <c r="C1218">
        <v>991.13900000000001</v>
      </c>
      <c r="D1218">
        <v>996.01800000000003</v>
      </c>
      <c r="E1218">
        <v>1027.7840000000001</v>
      </c>
      <c r="F1218">
        <v>1046.202</v>
      </c>
      <c r="G1218">
        <v>1074.2840000000001</v>
      </c>
      <c r="H1218">
        <v>1084.4010000000001</v>
      </c>
      <c r="I1218">
        <v>1101.674</v>
      </c>
      <c r="J1218">
        <v>1107.598</v>
      </c>
      <c r="K1218">
        <v>1115.6969999999999</v>
      </c>
      <c r="L1218">
        <v>1126.029</v>
      </c>
      <c r="M1218">
        <v>1103.329</v>
      </c>
      <c r="N1218">
        <v>940.07399999999996</v>
      </c>
      <c r="O1218">
        <v>981.29100000000005</v>
      </c>
      <c r="P1218">
        <v>0</v>
      </c>
      <c r="Q1218">
        <v>0</v>
      </c>
      <c r="R1218">
        <v>1043.5029999999999</v>
      </c>
      <c r="S1218">
        <v>0</v>
      </c>
      <c r="T1218">
        <v>1070.145</v>
      </c>
      <c r="U1218">
        <v>1090.299</v>
      </c>
      <c r="V1218">
        <v>1098.252</v>
      </c>
      <c r="W1218">
        <v>1115.452</v>
      </c>
      <c r="X1218">
        <v>1140.875</v>
      </c>
      <c r="Y1218">
        <v>1147.018</v>
      </c>
    </row>
    <row r="1219" spans="1:25" x14ac:dyDescent="0.3">
      <c r="A1219">
        <v>32.599999999689558</v>
      </c>
      <c r="B1219">
        <v>947.69100000000003</v>
      </c>
      <c r="C1219">
        <v>992.61599999999999</v>
      </c>
      <c r="D1219">
        <v>993.03499999999997</v>
      </c>
      <c r="E1219">
        <v>1025.672</v>
      </c>
      <c r="F1219">
        <v>1047.3679999999999</v>
      </c>
      <c r="G1219">
        <v>1076.7650000000001</v>
      </c>
      <c r="H1219">
        <v>1087.586</v>
      </c>
      <c r="I1219">
        <v>1099.0809999999999</v>
      </c>
      <c r="J1219">
        <v>1103.463</v>
      </c>
      <c r="K1219">
        <v>1110.4100000000001</v>
      </c>
      <c r="L1219">
        <v>1119.799</v>
      </c>
      <c r="M1219">
        <v>1101.77</v>
      </c>
      <c r="N1219">
        <v>938.10199999999998</v>
      </c>
      <c r="O1219">
        <v>978.68200000000002</v>
      </c>
      <c r="P1219">
        <v>0</v>
      </c>
      <c r="Q1219">
        <v>0</v>
      </c>
      <c r="R1219">
        <v>1044.614</v>
      </c>
      <c r="S1219">
        <v>0</v>
      </c>
      <c r="T1219">
        <v>1068.079</v>
      </c>
      <c r="U1219">
        <v>1087.923</v>
      </c>
      <c r="V1219">
        <v>1097.502</v>
      </c>
      <c r="W1219">
        <v>1117.079</v>
      </c>
      <c r="X1219">
        <v>1135.9970000000001</v>
      </c>
      <c r="Y1219">
        <v>1141.8119999999999</v>
      </c>
    </row>
    <row r="1220" spans="1:25" x14ac:dyDescent="0.3">
      <c r="A1220">
        <v>32.633333330337578</v>
      </c>
      <c r="B1220">
        <v>956.06100000000004</v>
      </c>
      <c r="C1220">
        <v>991.53899999999999</v>
      </c>
      <c r="D1220">
        <v>990.61</v>
      </c>
      <c r="E1220">
        <v>1025.0999999999999</v>
      </c>
      <c r="F1220">
        <v>1044.222</v>
      </c>
      <c r="G1220">
        <v>1072.232</v>
      </c>
      <c r="H1220">
        <v>1079.856</v>
      </c>
      <c r="I1220">
        <v>1094.154</v>
      </c>
      <c r="J1220">
        <v>1102.124</v>
      </c>
      <c r="K1220">
        <v>1111.4259999999999</v>
      </c>
      <c r="L1220">
        <v>1117.3589999999999</v>
      </c>
      <c r="M1220">
        <v>1098.9280000000001</v>
      </c>
      <c r="N1220">
        <v>941.4</v>
      </c>
      <c r="O1220">
        <v>979.67600000000004</v>
      </c>
      <c r="P1220">
        <v>0</v>
      </c>
      <c r="Q1220">
        <v>0</v>
      </c>
      <c r="R1220">
        <v>1041.7639999999999</v>
      </c>
      <c r="S1220">
        <v>0</v>
      </c>
      <c r="T1220">
        <v>1068.299</v>
      </c>
      <c r="U1220">
        <v>1087.115</v>
      </c>
      <c r="V1220">
        <v>1096.3140000000001</v>
      </c>
      <c r="W1220">
        <v>1114.827</v>
      </c>
      <c r="X1220">
        <v>1132.8040000000001</v>
      </c>
      <c r="Y1220">
        <v>1141.5219999999999</v>
      </c>
    </row>
    <row r="1221" spans="1:25" x14ac:dyDescent="0.3">
      <c r="A1221">
        <v>32.666666671462977</v>
      </c>
      <c r="B1221">
        <v>957.61099999999999</v>
      </c>
      <c r="C1221">
        <v>992.04899999999998</v>
      </c>
      <c r="D1221">
        <v>985.93299999999999</v>
      </c>
      <c r="E1221">
        <v>1024.037</v>
      </c>
      <c r="F1221">
        <v>1047.403</v>
      </c>
      <c r="G1221">
        <v>1074.693</v>
      </c>
      <c r="H1221">
        <v>1079.4280000000001</v>
      </c>
      <c r="I1221">
        <v>1096.502</v>
      </c>
      <c r="J1221">
        <v>1103.366</v>
      </c>
      <c r="K1221">
        <v>1109.1980000000001</v>
      </c>
      <c r="L1221">
        <v>1112.4469999999999</v>
      </c>
      <c r="M1221">
        <v>1095.318</v>
      </c>
      <c r="N1221">
        <v>939.14</v>
      </c>
      <c r="O1221">
        <v>982.34199999999998</v>
      </c>
      <c r="P1221">
        <v>0</v>
      </c>
      <c r="Q1221">
        <v>0</v>
      </c>
      <c r="R1221">
        <v>1043.1690000000001</v>
      </c>
      <c r="S1221">
        <v>0</v>
      </c>
      <c r="T1221">
        <v>1069.306</v>
      </c>
      <c r="U1221">
        <v>1088.201</v>
      </c>
      <c r="V1221">
        <v>1098.4770000000001</v>
      </c>
      <c r="W1221">
        <v>1117.9449999999999</v>
      </c>
      <c r="X1221">
        <v>1137.44</v>
      </c>
      <c r="Y1221">
        <v>1146.1969999999999</v>
      </c>
    </row>
    <row r="1222" spans="1:25" x14ac:dyDescent="0.3">
      <c r="A1222">
        <v>32.683333331548297</v>
      </c>
      <c r="B1222">
        <v>949.995</v>
      </c>
      <c r="C1222">
        <v>991.15899999999999</v>
      </c>
      <c r="D1222">
        <v>982.41700000000003</v>
      </c>
      <c r="E1222">
        <v>1019.729</v>
      </c>
      <c r="F1222">
        <v>1044.817</v>
      </c>
      <c r="G1222">
        <v>1070.3889999999999</v>
      </c>
      <c r="H1222">
        <v>1077.883</v>
      </c>
      <c r="I1222">
        <v>1097.67</v>
      </c>
      <c r="J1222">
        <v>1105.3240000000001</v>
      </c>
      <c r="K1222">
        <v>1114.0740000000001</v>
      </c>
      <c r="L1222">
        <v>1120.479</v>
      </c>
      <c r="M1222">
        <v>1105.7</v>
      </c>
      <c r="N1222">
        <v>934.65499999999997</v>
      </c>
      <c r="O1222">
        <v>986.97299999999996</v>
      </c>
      <c r="P1222">
        <v>0</v>
      </c>
      <c r="Q1222">
        <v>0</v>
      </c>
      <c r="R1222">
        <v>1041.3409999999999</v>
      </c>
      <c r="S1222">
        <v>0</v>
      </c>
      <c r="T1222">
        <v>1068.097</v>
      </c>
      <c r="U1222">
        <v>1085.451</v>
      </c>
      <c r="V1222">
        <v>1096.8620000000001</v>
      </c>
      <c r="W1222">
        <v>1118.098</v>
      </c>
      <c r="X1222">
        <v>1143.261</v>
      </c>
      <c r="Y1222">
        <v>1148.164</v>
      </c>
    </row>
    <row r="1223" spans="1:25" x14ac:dyDescent="0.3">
      <c r="A1223">
        <v>32.716666672673696</v>
      </c>
      <c r="B1223">
        <v>943.98699999999997</v>
      </c>
      <c r="C1223">
        <v>990.94100000000003</v>
      </c>
      <c r="D1223">
        <v>981.07500000000005</v>
      </c>
      <c r="E1223">
        <v>1017.4</v>
      </c>
      <c r="F1223">
        <v>1040.528</v>
      </c>
      <c r="G1223">
        <v>1065.94</v>
      </c>
      <c r="H1223">
        <v>1078.796</v>
      </c>
      <c r="I1223">
        <v>1100.3030000000001</v>
      </c>
      <c r="J1223">
        <v>1106.546</v>
      </c>
      <c r="K1223">
        <v>1112.9970000000001</v>
      </c>
      <c r="L1223">
        <v>1116.511</v>
      </c>
      <c r="M1223">
        <v>1101.0550000000001</v>
      </c>
      <c r="N1223">
        <v>938.78300000000002</v>
      </c>
      <c r="O1223">
        <v>984.32100000000003</v>
      </c>
      <c r="P1223">
        <v>0</v>
      </c>
      <c r="Q1223">
        <v>0</v>
      </c>
      <c r="R1223">
        <v>1041.0640000000001</v>
      </c>
      <c r="S1223">
        <v>0</v>
      </c>
      <c r="T1223">
        <v>1068.5809999999999</v>
      </c>
      <c r="U1223">
        <v>1084.74</v>
      </c>
      <c r="V1223">
        <v>1096.5050000000001</v>
      </c>
      <c r="W1223">
        <v>1117.626</v>
      </c>
      <c r="X1223">
        <v>1142.002</v>
      </c>
      <c r="Y1223">
        <v>1151.9860000000001</v>
      </c>
    </row>
    <row r="1224" spans="1:25" x14ac:dyDescent="0.3">
      <c r="A1224">
        <v>32.733333332759017</v>
      </c>
      <c r="B1224">
        <v>947.16499999999996</v>
      </c>
      <c r="C1224">
        <v>989.20899999999995</v>
      </c>
      <c r="D1224">
        <v>983.32100000000003</v>
      </c>
      <c r="E1224">
        <v>1019.91</v>
      </c>
      <c r="F1224">
        <v>1044.4259999999999</v>
      </c>
      <c r="G1224">
        <v>1065.789</v>
      </c>
      <c r="H1224">
        <v>1074.972</v>
      </c>
      <c r="I1224">
        <v>1093.6489999999999</v>
      </c>
      <c r="J1224">
        <v>1102.82</v>
      </c>
      <c r="K1224">
        <v>1113.9960000000001</v>
      </c>
      <c r="L1224">
        <v>1121.5150000000001</v>
      </c>
      <c r="M1224">
        <v>1103.854</v>
      </c>
      <c r="N1224">
        <v>933.93499999999995</v>
      </c>
      <c r="O1224">
        <v>983.39400000000001</v>
      </c>
      <c r="P1224">
        <v>0</v>
      </c>
      <c r="Q1224">
        <v>0</v>
      </c>
      <c r="R1224">
        <v>1039.6759999999999</v>
      </c>
      <c r="S1224">
        <v>0</v>
      </c>
      <c r="T1224">
        <v>1067.2370000000001</v>
      </c>
      <c r="U1224">
        <v>1084.9059999999999</v>
      </c>
      <c r="V1224">
        <v>1097.912</v>
      </c>
      <c r="W1224">
        <v>1117.0940000000001</v>
      </c>
      <c r="X1224">
        <v>1141.0840000000001</v>
      </c>
      <c r="Y1224">
        <v>1147.5889999999999</v>
      </c>
    </row>
    <row r="1225" spans="1:25" x14ac:dyDescent="0.3">
      <c r="A1225">
        <v>32.766666663407037</v>
      </c>
      <c r="B1225">
        <v>952.51599999999996</v>
      </c>
      <c r="C1225">
        <v>989.06600000000003</v>
      </c>
      <c r="D1225">
        <v>984.28499999999997</v>
      </c>
      <c r="E1225">
        <v>1019.986</v>
      </c>
      <c r="F1225">
        <v>1041.8409999999999</v>
      </c>
      <c r="G1225">
        <v>1070.6880000000001</v>
      </c>
      <c r="H1225">
        <v>1073.9680000000001</v>
      </c>
      <c r="I1225">
        <v>1090.9179999999999</v>
      </c>
      <c r="J1225">
        <v>1102.71</v>
      </c>
      <c r="K1225">
        <v>1116.7</v>
      </c>
      <c r="L1225">
        <v>1123.4870000000001</v>
      </c>
      <c r="M1225">
        <v>1105.0419999999999</v>
      </c>
      <c r="N1225">
        <v>931.03599999999994</v>
      </c>
      <c r="O1225">
        <v>981.78200000000004</v>
      </c>
      <c r="P1225">
        <v>0</v>
      </c>
      <c r="Q1225">
        <v>0</v>
      </c>
      <c r="R1225">
        <v>1041.6369999999999</v>
      </c>
      <c r="S1225">
        <v>0</v>
      </c>
      <c r="T1225">
        <v>1066.5899999999999</v>
      </c>
      <c r="U1225">
        <v>1083.5419999999999</v>
      </c>
      <c r="V1225">
        <v>1096.749</v>
      </c>
      <c r="W1225">
        <v>1117.588</v>
      </c>
      <c r="X1225">
        <v>1142.269</v>
      </c>
      <c r="Y1225">
        <v>1146.2750000000001</v>
      </c>
    </row>
    <row r="1226" spans="1:25" x14ac:dyDescent="0.3">
      <c r="A1226">
        <v>32.800000004532436</v>
      </c>
      <c r="B1226">
        <v>947.45399999999995</v>
      </c>
      <c r="C1226">
        <v>988.846</v>
      </c>
      <c r="D1226">
        <v>983.10500000000002</v>
      </c>
      <c r="E1226">
        <v>1015.894</v>
      </c>
      <c r="F1226">
        <v>1039.0150000000001</v>
      </c>
      <c r="G1226">
        <v>1068.8030000000001</v>
      </c>
      <c r="H1226">
        <v>1076.0170000000001</v>
      </c>
      <c r="I1226">
        <v>1094.0429999999999</v>
      </c>
      <c r="J1226">
        <v>1106.7329999999999</v>
      </c>
      <c r="K1226">
        <v>1113.903</v>
      </c>
      <c r="L1226">
        <v>1121.989</v>
      </c>
      <c r="M1226">
        <v>1098.797</v>
      </c>
      <c r="N1226">
        <v>930.28300000000002</v>
      </c>
      <c r="O1226">
        <v>986.93499999999995</v>
      </c>
      <c r="P1226">
        <v>0</v>
      </c>
      <c r="Q1226">
        <v>0</v>
      </c>
      <c r="R1226">
        <v>1048.143</v>
      </c>
      <c r="S1226">
        <v>0</v>
      </c>
      <c r="T1226">
        <v>1069.008</v>
      </c>
      <c r="U1226">
        <v>1086.2360000000001</v>
      </c>
      <c r="V1226">
        <v>1096.5029999999999</v>
      </c>
      <c r="W1226">
        <v>1116.925</v>
      </c>
      <c r="X1226">
        <v>1146.1969999999999</v>
      </c>
      <c r="Y1226">
        <v>1147.17</v>
      </c>
    </row>
    <row r="1227" spans="1:25" x14ac:dyDescent="0.3">
      <c r="A1227">
        <v>32.816666664617756</v>
      </c>
      <c r="B1227">
        <v>939.51700000000005</v>
      </c>
      <c r="C1227">
        <v>985.24400000000003</v>
      </c>
      <c r="D1227">
        <v>984.428</v>
      </c>
      <c r="E1227">
        <v>1018.7</v>
      </c>
      <c r="F1227">
        <v>1042.9110000000001</v>
      </c>
      <c r="G1227">
        <v>1068.1880000000001</v>
      </c>
      <c r="H1227">
        <v>1077.2840000000001</v>
      </c>
      <c r="I1227">
        <v>1099.567</v>
      </c>
      <c r="J1227">
        <v>1111.4269999999999</v>
      </c>
      <c r="K1227">
        <v>1118.153</v>
      </c>
      <c r="L1227">
        <v>1124.68</v>
      </c>
      <c r="M1227">
        <v>1103.385</v>
      </c>
      <c r="N1227">
        <v>935.89099999999996</v>
      </c>
      <c r="O1227">
        <v>984.80899999999997</v>
      </c>
      <c r="P1227">
        <v>0</v>
      </c>
      <c r="Q1227">
        <v>0</v>
      </c>
      <c r="R1227">
        <v>1047.44</v>
      </c>
      <c r="S1227">
        <v>0</v>
      </c>
      <c r="T1227">
        <v>1067.0889999999999</v>
      </c>
      <c r="U1227">
        <v>1084.1949999999999</v>
      </c>
      <c r="V1227">
        <v>1095.1859999999999</v>
      </c>
      <c r="W1227">
        <v>1114.5440000000001</v>
      </c>
      <c r="X1227">
        <v>1143.6020000000001</v>
      </c>
      <c r="Y1227">
        <v>1147.1890000000001</v>
      </c>
    </row>
    <row r="1228" spans="1:25" x14ac:dyDescent="0.3">
      <c r="A1228">
        <v>32.850000005743155</v>
      </c>
      <c r="B1228">
        <v>940.29</v>
      </c>
      <c r="C1228">
        <v>987.15499999999997</v>
      </c>
      <c r="D1228">
        <v>985.86300000000006</v>
      </c>
      <c r="E1228">
        <v>1019.399</v>
      </c>
      <c r="F1228">
        <v>1044.6869999999999</v>
      </c>
      <c r="G1228">
        <v>1072.2159999999999</v>
      </c>
      <c r="H1228">
        <v>1083.5229999999999</v>
      </c>
      <c r="I1228">
        <v>1099.1559999999999</v>
      </c>
      <c r="J1228">
        <v>1111.165</v>
      </c>
      <c r="K1228">
        <v>1115.529</v>
      </c>
      <c r="L1228">
        <v>1117.3620000000001</v>
      </c>
      <c r="M1228">
        <v>1100.3219999999999</v>
      </c>
      <c r="N1228">
        <v>935.51700000000005</v>
      </c>
      <c r="O1228">
        <v>975.94299999999998</v>
      </c>
      <c r="P1228">
        <v>0</v>
      </c>
      <c r="Q1228">
        <v>0</v>
      </c>
      <c r="R1228">
        <v>1031.9280000000001</v>
      </c>
      <c r="S1228">
        <v>0</v>
      </c>
      <c r="T1228">
        <v>1060.2049999999999</v>
      </c>
      <c r="U1228">
        <v>1079.2619999999999</v>
      </c>
      <c r="V1228">
        <v>1089.701</v>
      </c>
      <c r="W1228">
        <v>1106.7719999999999</v>
      </c>
      <c r="X1228">
        <v>1136.9469999999999</v>
      </c>
      <c r="Y1228">
        <v>1145.894</v>
      </c>
    </row>
    <row r="1229" spans="1:25" x14ac:dyDescent="0.3">
      <c r="A1229">
        <v>32.883333336391175</v>
      </c>
      <c r="B1229">
        <v>942.65800000000002</v>
      </c>
      <c r="C1229">
        <v>986.98900000000003</v>
      </c>
      <c r="D1229">
        <v>985.00900000000001</v>
      </c>
      <c r="E1229">
        <v>1019.251</v>
      </c>
      <c r="F1229">
        <v>1040.1199999999999</v>
      </c>
      <c r="G1229">
        <v>1064.5840000000001</v>
      </c>
      <c r="H1229">
        <v>1073.1469999999999</v>
      </c>
      <c r="I1229">
        <v>1086.367</v>
      </c>
      <c r="J1229">
        <v>1095.4870000000001</v>
      </c>
      <c r="K1229">
        <v>1101.9190000000001</v>
      </c>
      <c r="L1229">
        <v>1104.777</v>
      </c>
      <c r="M1229">
        <v>1092.3019999999999</v>
      </c>
      <c r="N1229">
        <v>939.64300000000003</v>
      </c>
      <c r="O1229">
        <v>978.77</v>
      </c>
      <c r="P1229">
        <v>0</v>
      </c>
      <c r="Q1229">
        <v>0</v>
      </c>
      <c r="R1229">
        <v>1033.694</v>
      </c>
      <c r="S1229">
        <v>0</v>
      </c>
      <c r="T1229">
        <v>1062.8019999999999</v>
      </c>
      <c r="U1229">
        <v>1085.5250000000001</v>
      </c>
      <c r="V1229">
        <v>1094.905</v>
      </c>
      <c r="W1229">
        <v>1109.519</v>
      </c>
      <c r="X1229">
        <v>1132.4829999999999</v>
      </c>
      <c r="Y1229">
        <v>1139.597</v>
      </c>
    </row>
    <row r="1230" spans="1:25" x14ac:dyDescent="0.3">
      <c r="A1230">
        <v>32.899999996476495</v>
      </c>
      <c r="B1230">
        <v>946.46500000000003</v>
      </c>
      <c r="C1230">
        <v>986.51800000000003</v>
      </c>
      <c r="D1230">
        <v>986.44500000000005</v>
      </c>
      <c r="E1230">
        <v>1020.7190000000001</v>
      </c>
      <c r="F1230">
        <v>1035.481</v>
      </c>
      <c r="G1230">
        <v>1057.7550000000001</v>
      </c>
      <c r="H1230">
        <v>1069.327</v>
      </c>
      <c r="I1230">
        <v>1079.4860000000001</v>
      </c>
      <c r="J1230">
        <v>1090.5809999999999</v>
      </c>
      <c r="K1230">
        <v>1105.0609999999999</v>
      </c>
      <c r="L1230">
        <v>1109.2750000000001</v>
      </c>
      <c r="M1230">
        <v>1093.0150000000001</v>
      </c>
      <c r="N1230">
        <v>936.61099999999999</v>
      </c>
      <c r="O1230">
        <v>982.59799999999996</v>
      </c>
      <c r="P1230">
        <v>0</v>
      </c>
      <c r="Q1230">
        <v>0</v>
      </c>
      <c r="R1230">
        <v>1038.482</v>
      </c>
      <c r="S1230">
        <v>0</v>
      </c>
      <c r="T1230">
        <v>1065.1980000000001</v>
      </c>
      <c r="U1230">
        <v>1087.979</v>
      </c>
      <c r="V1230">
        <v>1098.893</v>
      </c>
      <c r="W1230">
        <v>1117.4939999999999</v>
      </c>
      <c r="X1230">
        <v>1135.749</v>
      </c>
      <c r="Y1230">
        <v>1143.1089999999999</v>
      </c>
    </row>
    <row r="1231" spans="1:25" x14ac:dyDescent="0.3">
      <c r="A1231">
        <v>32.933333337601894</v>
      </c>
      <c r="B1231">
        <v>941.88800000000003</v>
      </c>
      <c r="C1231">
        <v>984.43</v>
      </c>
      <c r="D1231">
        <v>982.03599999999994</v>
      </c>
      <c r="E1231">
        <v>1019.032</v>
      </c>
      <c r="F1231">
        <v>1033.6769999999999</v>
      </c>
      <c r="G1231">
        <v>1063.3969999999999</v>
      </c>
      <c r="H1231">
        <v>1072.701</v>
      </c>
      <c r="I1231">
        <v>1087.6980000000001</v>
      </c>
      <c r="J1231">
        <v>1096.9749999999999</v>
      </c>
      <c r="K1231">
        <v>1108.088</v>
      </c>
      <c r="L1231">
        <v>1110.9000000000001</v>
      </c>
      <c r="M1231">
        <v>1092.6590000000001</v>
      </c>
      <c r="N1231">
        <v>934.476</v>
      </c>
      <c r="O1231">
        <v>980.04100000000005</v>
      </c>
      <c r="P1231">
        <v>0</v>
      </c>
      <c r="Q1231">
        <v>0</v>
      </c>
      <c r="R1231">
        <v>1035.279</v>
      </c>
      <c r="S1231">
        <v>0</v>
      </c>
      <c r="T1231">
        <v>1064.1959999999999</v>
      </c>
      <c r="U1231">
        <v>1087.885</v>
      </c>
      <c r="V1231">
        <v>1099.4380000000001</v>
      </c>
      <c r="W1231">
        <v>1118.212</v>
      </c>
      <c r="X1231">
        <v>1139.4269999999999</v>
      </c>
      <c r="Y1231">
        <v>1142.326</v>
      </c>
    </row>
    <row r="1232" spans="1:25" x14ac:dyDescent="0.3">
      <c r="A1232">
        <v>32.949999997687215</v>
      </c>
      <c r="B1232">
        <v>929.21199999999999</v>
      </c>
      <c r="C1232">
        <v>984.66600000000005</v>
      </c>
      <c r="D1232">
        <v>981.02099999999996</v>
      </c>
      <c r="E1232">
        <v>1016.318</v>
      </c>
      <c r="F1232">
        <v>1035.721</v>
      </c>
      <c r="G1232">
        <v>1067.9849999999999</v>
      </c>
      <c r="H1232">
        <v>1073.912</v>
      </c>
      <c r="I1232">
        <v>1089.8699999999999</v>
      </c>
      <c r="J1232">
        <v>1100.4349999999999</v>
      </c>
      <c r="K1232">
        <v>1108.671</v>
      </c>
      <c r="L1232">
        <v>1113.489</v>
      </c>
      <c r="M1232">
        <v>1095.846</v>
      </c>
      <c r="N1232">
        <v>930.41</v>
      </c>
      <c r="O1232">
        <v>976.505</v>
      </c>
      <c r="P1232">
        <v>0</v>
      </c>
      <c r="Q1232">
        <v>0</v>
      </c>
      <c r="R1232">
        <v>1029.7</v>
      </c>
      <c r="S1232">
        <v>0</v>
      </c>
      <c r="T1232">
        <v>1060.1120000000001</v>
      </c>
      <c r="U1232">
        <v>1084.44</v>
      </c>
      <c r="V1232">
        <v>1097.595</v>
      </c>
      <c r="W1232">
        <v>1118.816</v>
      </c>
      <c r="X1232">
        <v>1141.125</v>
      </c>
      <c r="Y1232">
        <v>1142.7270000000001</v>
      </c>
    </row>
    <row r="1233" spans="1:25" x14ac:dyDescent="0.3">
      <c r="A1233">
        <v>32.983333338812614</v>
      </c>
      <c r="B1233">
        <v>933.68700000000001</v>
      </c>
      <c r="C1233">
        <v>983.41499999999996</v>
      </c>
      <c r="D1233">
        <v>980.73099999999999</v>
      </c>
      <c r="E1233">
        <v>1014.2089999999999</v>
      </c>
      <c r="F1233">
        <v>1040.732</v>
      </c>
      <c r="G1233">
        <v>1067.1659999999999</v>
      </c>
      <c r="H1233">
        <v>1074.6400000000001</v>
      </c>
      <c r="I1233">
        <v>1095.32</v>
      </c>
      <c r="J1233">
        <v>1103.7260000000001</v>
      </c>
      <c r="K1233">
        <v>1110.145</v>
      </c>
      <c r="L1233">
        <v>1115.662</v>
      </c>
      <c r="M1233">
        <v>1100.511</v>
      </c>
      <c r="N1233">
        <v>937.24</v>
      </c>
      <c r="O1233">
        <v>977.43</v>
      </c>
      <c r="P1233">
        <v>0</v>
      </c>
      <c r="Q1233">
        <v>0</v>
      </c>
      <c r="R1233">
        <v>1034.7639999999999</v>
      </c>
      <c r="S1233">
        <v>0</v>
      </c>
      <c r="T1233">
        <v>1068.153</v>
      </c>
      <c r="U1233">
        <v>1090.376</v>
      </c>
      <c r="V1233">
        <v>1103.0119999999999</v>
      </c>
      <c r="W1233">
        <v>1117.306</v>
      </c>
      <c r="X1233">
        <v>1136.8330000000001</v>
      </c>
      <c r="Y1233">
        <v>1147.039</v>
      </c>
    </row>
    <row r="1234" spans="1:25" x14ac:dyDescent="0.3">
      <c r="A1234">
        <v>33.016666669460633</v>
      </c>
      <c r="B1234">
        <v>919.875</v>
      </c>
      <c r="C1234">
        <v>982.25400000000002</v>
      </c>
      <c r="D1234">
        <v>980.91200000000003</v>
      </c>
      <c r="E1234">
        <v>1014.117</v>
      </c>
      <c r="F1234">
        <v>1044.6500000000001</v>
      </c>
      <c r="G1234">
        <v>1068.2829999999999</v>
      </c>
      <c r="H1234">
        <v>1082.8119999999999</v>
      </c>
      <c r="I1234">
        <v>1099.8330000000001</v>
      </c>
      <c r="J1234">
        <v>1108.7650000000001</v>
      </c>
      <c r="K1234">
        <v>1111.826</v>
      </c>
      <c r="L1234">
        <v>1118.08</v>
      </c>
      <c r="M1234">
        <v>1101.375</v>
      </c>
      <c r="N1234">
        <v>936.23500000000001</v>
      </c>
      <c r="O1234">
        <v>977.50199999999995</v>
      </c>
      <c r="P1234">
        <v>0</v>
      </c>
      <c r="Q1234">
        <v>0</v>
      </c>
      <c r="R1234">
        <v>1036.77</v>
      </c>
      <c r="S1234">
        <v>0</v>
      </c>
      <c r="T1234">
        <v>1071.508</v>
      </c>
      <c r="U1234">
        <v>1089.9449999999999</v>
      </c>
      <c r="V1234">
        <v>1102.8230000000001</v>
      </c>
      <c r="W1234">
        <v>1116.681</v>
      </c>
      <c r="X1234">
        <v>1138.3969999999999</v>
      </c>
      <c r="Y1234">
        <v>1145.3979999999999</v>
      </c>
    </row>
    <row r="1235" spans="1:25" x14ac:dyDescent="0.3">
      <c r="A1235">
        <v>33.033333340023333</v>
      </c>
      <c r="B1235">
        <v>911.21100000000001</v>
      </c>
      <c r="C1235">
        <v>975.41800000000001</v>
      </c>
      <c r="D1235">
        <v>978.21100000000001</v>
      </c>
      <c r="E1235">
        <v>1014.522</v>
      </c>
      <c r="F1235">
        <v>1040.77</v>
      </c>
      <c r="G1235">
        <v>1065.8109999999999</v>
      </c>
      <c r="H1235">
        <v>1077.3810000000001</v>
      </c>
      <c r="I1235">
        <v>1095.3019999999999</v>
      </c>
      <c r="J1235">
        <v>1105.9829999999999</v>
      </c>
      <c r="K1235">
        <v>1111.26</v>
      </c>
      <c r="L1235">
        <v>1120.575</v>
      </c>
      <c r="M1235">
        <v>1105.7950000000001</v>
      </c>
      <c r="N1235">
        <v>930.85799999999995</v>
      </c>
      <c r="O1235">
        <v>982.56299999999999</v>
      </c>
      <c r="P1235">
        <v>0</v>
      </c>
      <c r="Q1235">
        <v>0</v>
      </c>
      <c r="R1235">
        <v>1034.5989999999999</v>
      </c>
      <c r="S1235">
        <v>0</v>
      </c>
      <c r="T1235">
        <v>1070.521</v>
      </c>
      <c r="U1235">
        <v>1087.7180000000001</v>
      </c>
      <c r="V1235">
        <v>1098.1610000000001</v>
      </c>
      <c r="W1235">
        <v>1115.4169999999999</v>
      </c>
      <c r="X1235">
        <v>1142.347</v>
      </c>
      <c r="Y1235">
        <v>1148.9280000000001</v>
      </c>
    </row>
    <row r="1236" spans="1:25" x14ac:dyDescent="0.3">
      <c r="A1236">
        <v>33.066666670671353</v>
      </c>
      <c r="B1236">
        <v>921.61099999999999</v>
      </c>
      <c r="C1236">
        <v>979.46100000000001</v>
      </c>
      <c r="D1236">
        <v>978.26499999999999</v>
      </c>
      <c r="E1236">
        <v>1016.318</v>
      </c>
      <c r="F1236">
        <v>1037.7829999999999</v>
      </c>
      <c r="G1236">
        <v>1067.3699999999999</v>
      </c>
      <c r="H1236">
        <v>1076.951</v>
      </c>
      <c r="I1236">
        <v>1093.296</v>
      </c>
      <c r="J1236">
        <v>1105.5309999999999</v>
      </c>
      <c r="K1236">
        <v>1114.566</v>
      </c>
      <c r="L1236">
        <v>1123.848</v>
      </c>
      <c r="M1236">
        <v>1109.068</v>
      </c>
      <c r="N1236">
        <v>931.68100000000004</v>
      </c>
      <c r="O1236">
        <v>984.34</v>
      </c>
      <c r="P1236">
        <v>0</v>
      </c>
      <c r="Q1236">
        <v>0</v>
      </c>
      <c r="R1236">
        <v>1028.633</v>
      </c>
      <c r="S1236">
        <v>0</v>
      </c>
      <c r="T1236">
        <v>1060.8920000000001</v>
      </c>
      <c r="U1236">
        <v>1081.7449999999999</v>
      </c>
      <c r="V1236">
        <v>1094.4390000000001</v>
      </c>
      <c r="W1236">
        <v>1111.0139999999999</v>
      </c>
      <c r="X1236">
        <v>1138.9690000000001</v>
      </c>
      <c r="Y1236">
        <v>1142.461</v>
      </c>
    </row>
    <row r="1237" spans="1:25" x14ac:dyDescent="0.3">
      <c r="A1237">
        <v>33.083333330756673</v>
      </c>
      <c r="B1237">
        <v>933.52499999999998</v>
      </c>
      <c r="C1237">
        <v>979.62400000000002</v>
      </c>
      <c r="D1237">
        <v>981.63699999999994</v>
      </c>
      <c r="E1237">
        <v>1017.877</v>
      </c>
      <c r="F1237">
        <v>1037.396</v>
      </c>
      <c r="G1237">
        <v>1070.93</v>
      </c>
      <c r="H1237">
        <v>1077.1369999999999</v>
      </c>
      <c r="I1237">
        <v>1095.6769999999999</v>
      </c>
      <c r="J1237">
        <v>1105.2860000000001</v>
      </c>
      <c r="K1237">
        <v>1112.884</v>
      </c>
      <c r="L1237">
        <v>1118.0609999999999</v>
      </c>
      <c r="M1237">
        <v>1101.713</v>
      </c>
      <c r="N1237">
        <v>933.41700000000003</v>
      </c>
      <c r="O1237">
        <v>982.85199999999998</v>
      </c>
      <c r="P1237">
        <v>0</v>
      </c>
      <c r="Q1237">
        <v>0</v>
      </c>
      <c r="R1237">
        <v>1029.9760000000001</v>
      </c>
      <c r="S1237">
        <v>0</v>
      </c>
      <c r="T1237">
        <v>1060.4649999999999</v>
      </c>
      <c r="U1237">
        <v>1078.9079999999999</v>
      </c>
      <c r="V1237">
        <v>1093.951</v>
      </c>
      <c r="W1237">
        <v>1112.6379999999999</v>
      </c>
      <c r="X1237">
        <v>1139.56</v>
      </c>
      <c r="Y1237">
        <v>1141.6400000000001</v>
      </c>
    </row>
    <row r="1238" spans="1:25" x14ac:dyDescent="0.3">
      <c r="A1238">
        <v>33.116666671882072</v>
      </c>
      <c r="B1238">
        <v>942.73199999999997</v>
      </c>
      <c r="C1238">
        <v>981.29300000000001</v>
      </c>
      <c r="D1238">
        <v>983.39700000000005</v>
      </c>
      <c r="E1238">
        <v>1018.354</v>
      </c>
      <c r="F1238">
        <v>1036.7339999999999</v>
      </c>
      <c r="G1238">
        <v>1068.153</v>
      </c>
      <c r="H1238">
        <v>1076.8579999999999</v>
      </c>
      <c r="I1238">
        <v>1098.6679999999999</v>
      </c>
      <c r="J1238">
        <v>1106.453</v>
      </c>
      <c r="K1238">
        <v>1113.6210000000001</v>
      </c>
      <c r="L1238">
        <v>1115.9069999999999</v>
      </c>
      <c r="M1238">
        <v>1098.6300000000001</v>
      </c>
      <c r="N1238">
        <v>932.64599999999996</v>
      </c>
      <c r="O1238">
        <v>985.21100000000001</v>
      </c>
      <c r="P1238">
        <v>0</v>
      </c>
      <c r="Q1238">
        <v>0</v>
      </c>
      <c r="R1238">
        <v>1030.6579999999999</v>
      </c>
      <c r="S1238">
        <v>0</v>
      </c>
      <c r="T1238">
        <v>1063.0820000000001</v>
      </c>
      <c r="U1238">
        <v>1081.7080000000001</v>
      </c>
      <c r="V1238">
        <v>1099.42</v>
      </c>
      <c r="W1238">
        <v>1115.9449999999999</v>
      </c>
      <c r="X1238">
        <v>1141.125</v>
      </c>
      <c r="Y1238">
        <v>1145.6079999999999</v>
      </c>
    </row>
    <row r="1239" spans="1:25" x14ac:dyDescent="0.3">
      <c r="A1239">
        <v>33.150000002530092</v>
      </c>
      <c r="B1239">
        <v>929.32</v>
      </c>
      <c r="C1239">
        <v>981.72900000000004</v>
      </c>
      <c r="D1239">
        <v>984.93899999999996</v>
      </c>
      <c r="E1239">
        <v>1021.326</v>
      </c>
      <c r="F1239">
        <v>1039.864</v>
      </c>
      <c r="G1239">
        <v>1070.1859999999999</v>
      </c>
      <c r="H1239">
        <v>1079.58</v>
      </c>
      <c r="I1239">
        <v>1096.1859999999999</v>
      </c>
      <c r="J1239">
        <v>1103.558</v>
      </c>
      <c r="K1239">
        <v>1113.395</v>
      </c>
      <c r="L1239">
        <v>1116.021</v>
      </c>
      <c r="M1239">
        <v>1097.1079999999999</v>
      </c>
      <c r="N1239">
        <v>934.01</v>
      </c>
      <c r="O1239">
        <v>985.01199999999994</v>
      </c>
      <c r="P1239">
        <v>0</v>
      </c>
      <c r="Q1239">
        <v>0</v>
      </c>
      <c r="R1239">
        <v>1032.481</v>
      </c>
      <c r="S1239">
        <v>0</v>
      </c>
      <c r="T1239">
        <v>1063.1389999999999</v>
      </c>
      <c r="U1239">
        <v>1082.1579999999999</v>
      </c>
      <c r="V1239">
        <v>1096.0920000000001</v>
      </c>
      <c r="W1239">
        <v>1114.7370000000001</v>
      </c>
      <c r="X1239">
        <v>1139.085</v>
      </c>
      <c r="Y1239">
        <v>1145.3230000000001</v>
      </c>
    </row>
    <row r="1240" spans="1:25" x14ac:dyDescent="0.3">
      <c r="A1240">
        <v>33.166666673092791</v>
      </c>
      <c r="B1240">
        <v>929.69500000000005</v>
      </c>
      <c r="C1240">
        <v>983.56</v>
      </c>
      <c r="D1240">
        <v>987.02700000000004</v>
      </c>
      <c r="E1240">
        <v>1022.938</v>
      </c>
      <c r="F1240">
        <v>1039.4580000000001</v>
      </c>
      <c r="G1240">
        <v>1066.961</v>
      </c>
      <c r="H1240">
        <v>1077.193</v>
      </c>
      <c r="I1240">
        <v>1091.9290000000001</v>
      </c>
      <c r="J1240">
        <v>1101.6569999999999</v>
      </c>
      <c r="K1240">
        <v>1111.4860000000001</v>
      </c>
      <c r="L1240">
        <v>1114.924</v>
      </c>
      <c r="M1240">
        <v>1099.5129999999999</v>
      </c>
      <c r="N1240">
        <v>931.64400000000001</v>
      </c>
      <c r="O1240">
        <v>982.72500000000002</v>
      </c>
      <c r="P1240">
        <v>0</v>
      </c>
      <c r="Q1240">
        <v>0</v>
      </c>
      <c r="R1240">
        <v>1033.8240000000001</v>
      </c>
      <c r="S1240">
        <v>0</v>
      </c>
      <c r="T1240">
        <v>1061.634</v>
      </c>
      <c r="U1240">
        <v>1080.1199999999999</v>
      </c>
      <c r="V1240">
        <v>1093.296</v>
      </c>
      <c r="W1240">
        <v>1112.4870000000001</v>
      </c>
      <c r="X1240">
        <v>1131.421</v>
      </c>
      <c r="Y1240">
        <v>1141.048</v>
      </c>
    </row>
    <row r="1241" spans="1:25" x14ac:dyDescent="0.3">
      <c r="A1241">
        <v>33.200000003740811</v>
      </c>
      <c r="B1241">
        <v>936.55899999999997</v>
      </c>
      <c r="C1241">
        <v>983.23400000000004</v>
      </c>
      <c r="D1241">
        <v>983.39800000000002</v>
      </c>
      <c r="E1241">
        <v>1017.749</v>
      </c>
      <c r="F1241">
        <v>1037.452</v>
      </c>
      <c r="G1241">
        <v>1065.7929999999999</v>
      </c>
      <c r="H1241">
        <v>1076.915</v>
      </c>
      <c r="I1241">
        <v>1093.0540000000001</v>
      </c>
      <c r="J1241">
        <v>1101.827</v>
      </c>
      <c r="K1241">
        <v>1111.922</v>
      </c>
      <c r="L1241">
        <v>1116.645</v>
      </c>
      <c r="M1241">
        <v>1098.9880000000001</v>
      </c>
      <c r="N1241">
        <v>923.86500000000001</v>
      </c>
      <c r="O1241">
        <v>979.80700000000002</v>
      </c>
      <c r="P1241">
        <v>0</v>
      </c>
      <c r="Q1241">
        <v>0</v>
      </c>
      <c r="R1241">
        <v>1038.4829999999999</v>
      </c>
      <c r="S1241">
        <v>0</v>
      </c>
      <c r="T1241">
        <v>1062.155</v>
      </c>
      <c r="U1241">
        <v>1077.027</v>
      </c>
      <c r="V1241">
        <v>1090.6949999999999</v>
      </c>
      <c r="W1241">
        <v>1115.133</v>
      </c>
      <c r="X1241">
        <v>1139.5809999999999</v>
      </c>
      <c r="Y1241">
        <v>1140.5150000000001</v>
      </c>
    </row>
    <row r="1242" spans="1:25" x14ac:dyDescent="0.3">
      <c r="A1242">
        <v>33.216666663826132</v>
      </c>
      <c r="B1242">
        <v>938.01199999999994</v>
      </c>
      <c r="C1242">
        <v>982.36400000000003</v>
      </c>
      <c r="D1242">
        <v>983.07100000000003</v>
      </c>
      <c r="E1242">
        <v>1018.41</v>
      </c>
      <c r="F1242">
        <v>1040.1410000000001</v>
      </c>
      <c r="G1242">
        <v>1070.0550000000001</v>
      </c>
      <c r="H1242">
        <v>1080.96</v>
      </c>
      <c r="I1242">
        <v>1094.0650000000001</v>
      </c>
      <c r="J1242">
        <v>1102.1659999999999</v>
      </c>
      <c r="K1242">
        <v>1109.806</v>
      </c>
      <c r="L1242">
        <v>1112.413</v>
      </c>
      <c r="M1242">
        <v>1097.258</v>
      </c>
      <c r="N1242">
        <v>931.57399999999996</v>
      </c>
      <c r="O1242">
        <v>986.24599999999998</v>
      </c>
      <c r="P1242">
        <v>0</v>
      </c>
      <c r="Q1242">
        <v>0</v>
      </c>
      <c r="R1242">
        <v>1035.538</v>
      </c>
      <c r="S1242">
        <v>0</v>
      </c>
      <c r="T1242">
        <v>1062.211</v>
      </c>
      <c r="U1242">
        <v>1077.6980000000001</v>
      </c>
      <c r="V1242">
        <v>1088.7850000000001</v>
      </c>
      <c r="W1242">
        <v>1115.058</v>
      </c>
      <c r="X1242">
        <v>1143.2239999999999</v>
      </c>
      <c r="Y1242">
        <v>1144.0260000000001</v>
      </c>
    </row>
    <row r="1243" spans="1:25" x14ac:dyDescent="0.3">
      <c r="A1243">
        <v>33.250000004951531</v>
      </c>
      <c r="B1243">
        <v>939.96799999999996</v>
      </c>
      <c r="C1243">
        <v>979.82399999999996</v>
      </c>
      <c r="D1243">
        <v>983.07100000000003</v>
      </c>
      <c r="E1243">
        <v>1018.207</v>
      </c>
      <c r="F1243">
        <v>1039.808</v>
      </c>
      <c r="G1243">
        <v>1067.296</v>
      </c>
      <c r="H1243">
        <v>1076.7650000000001</v>
      </c>
      <c r="I1243">
        <v>1091.518</v>
      </c>
      <c r="J1243">
        <v>1102.259</v>
      </c>
      <c r="K1243">
        <v>1108.4079999999999</v>
      </c>
      <c r="L1243">
        <v>1113.5840000000001</v>
      </c>
      <c r="M1243">
        <v>1099.9649999999999</v>
      </c>
      <c r="N1243">
        <v>932.52099999999996</v>
      </c>
      <c r="O1243">
        <v>987.13699999999994</v>
      </c>
      <c r="P1243">
        <v>0</v>
      </c>
      <c r="Q1243">
        <v>0</v>
      </c>
      <c r="R1243">
        <v>1034.9480000000001</v>
      </c>
      <c r="S1243">
        <v>0</v>
      </c>
      <c r="T1243">
        <v>1060.336</v>
      </c>
      <c r="U1243">
        <v>1075.143</v>
      </c>
      <c r="V1243">
        <v>1085.7329999999999</v>
      </c>
      <c r="W1243">
        <v>1106.6030000000001</v>
      </c>
      <c r="X1243">
        <v>1131.1559999999999</v>
      </c>
      <c r="Y1243">
        <v>1142.232</v>
      </c>
    </row>
    <row r="1244" spans="1:25" x14ac:dyDescent="0.3">
      <c r="A1244">
        <v>33.283333335599551</v>
      </c>
      <c r="B1244">
        <v>935.5</v>
      </c>
      <c r="C1244">
        <v>977.79399999999998</v>
      </c>
      <c r="D1244">
        <v>980.98500000000001</v>
      </c>
      <c r="E1244">
        <v>1018.942</v>
      </c>
      <c r="F1244">
        <v>1038.8699999999999</v>
      </c>
      <c r="G1244">
        <v>1066.5170000000001</v>
      </c>
      <c r="H1244">
        <v>1073.1869999999999</v>
      </c>
      <c r="I1244">
        <v>1090.2639999999999</v>
      </c>
      <c r="J1244">
        <v>1100.624</v>
      </c>
      <c r="K1244">
        <v>1110.0509999999999</v>
      </c>
      <c r="L1244">
        <v>1117.93</v>
      </c>
      <c r="M1244">
        <v>1104.1400000000001</v>
      </c>
      <c r="N1244">
        <v>932.61099999999999</v>
      </c>
      <c r="O1244">
        <v>988.52099999999996</v>
      </c>
      <c r="P1244">
        <v>0</v>
      </c>
      <c r="Q1244">
        <v>0</v>
      </c>
      <c r="R1244">
        <v>1031.1559999999999</v>
      </c>
      <c r="S1244">
        <v>0</v>
      </c>
      <c r="T1244">
        <v>1057.923</v>
      </c>
      <c r="U1244">
        <v>1073.4100000000001</v>
      </c>
      <c r="V1244">
        <v>1085.49</v>
      </c>
      <c r="W1244">
        <v>1108.9739999999999</v>
      </c>
      <c r="X1244">
        <v>1134.7629999999999</v>
      </c>
      <c r="Y1244">
        <v>1140.2670000000001</v>
      </c>
    </row>
    <row r="1245" spans="1:25" x14ac:dyDescent="0.3">
      <c r="A1245">
        <v>33.30000000616225</v>
      </c>
      <c r="B1245">
        <v>938.19100000000003</v>
      </c>
      <c r="C1245">
        <v>977.17600000000004</v>
      </c>
      <c r="D1245">
        <v>981.529</v>
      </c>
      <c r="E1245">
        <v>1017.9690000000001</v>
      </c>
      <c r="F1245">
        <v>1036.0889999999999</v>
      </c>
      <c r="G1245">
        <v>1062.0250000000001</v>
      </c>
      <c r="H1245">
        <v>1073</v>
      </c>
      <c r="I1245">
        <v>1088.354</v>
      </c>
      <c r="J1245">
        <v>1096.374</v>
      </c>
      <c r="K1245">
        <v>1109.4649999999999</v>
      </c>
      <c r="L1245">
        <v>1117.3810000000001</v>
      </c>
      <c r="M1245">
        <v>1102.4469999999999</v>
      </c>
      <c r="N1245">
        <v>933.75900000000001</v>
      </c>
      <c r="O1245">
        <v>984.83</v>
      </c>
      <c r="P1245">
        <v>0</v>
      </c>
      <c r="Q1245">
        <v>0</v>
      </c>
      <c r="R1245">
        <v>1031.2470000000001</v>
      </c>
      <c r="S1245">
        <v>0</v>
      </c>
      <c r="T1245">
        <v>1056.7159999999999</v>
      </c>
      <c r="U1245">
        <v>1073.5029999999999</v>
      </c>
      <c r="V1245">
        <v>1085.546</v>
      </c>
      <c r="W1245">
        <v>1109.087</v>
      </c>
      <c r="X1245">
        <v>1136.3</v>
      </c>
      <c r="Y1245">
        <v>1139.866</v>
      </c>
    </row>
    <row r="1246" spans="1:25" x14ac:dyDescent="0.3">
      <c r="A1246">
        <v>33.33333333681027</v>
      </c>
      <c r="B1246">
        <v>940.68600000000004</v>
      </c>
      <c r="C1246">
        <v>979.02700000000004</v>
      </c>
      <c r="D1246">
        <v>980.31399999999996</v>
      </c>
      <c r="E1246">
        <v>1019.198</v>
      </c>
      <c r="F1246">
        <v>1039.0730000000001</v>
      </c>
      <c r="G1246">
        <v>1065.329</v>
      </c>
      <c r="H1246">
        <v>1073.3920000000001</v>
      </c>
      <c r="I1246">
        <v>1088.223</v>
      </c>
      <c r="J1246">
        <v>1097.4459999999999</v>
      </c>
      <c r="K1246">
        <v>1109.0119999999999</v>
      </c>
      <c r="L1246">
        <v>1117.5709999999999</v>
      </c>
      <c r="M1246">
        <v>1102.617</v>
      </c>
      <c r="N1246">
        <v>931.91399999999999</v>
      </c>
      <c r="O1246">
        <v>986.90099999999995</v>
      </c>
      <c r="P1246">
        <v>0</v>
      </c>
      <c r="Q1246">
        <v>0</v>
      </c>
      <c r="R1246">
        <v>1031.5239999999999</v>
      </c>
      <c r="S1246">
        <v>0</v>
      </c>
      <c r="T1246">
        <v>1058.202</v>
      </c>
      <c r="U1246">
        <v>1075.722</v>
      </c>
      <c r="V1246">
        <v>1087.943</v>
      </c>
      <c r="W1246">
        <v>1106.6410000000001</v>
      </c>
      <c r="X1246">
        <v>1128.347</v>
      </c>
      <c r="Y1246">
        <v>1141.011</v>
      </c>
    </row>
    <row r="1247" spans="1:25" x14ac:dyDescent="0.3">
      <c r="A1247">
        <v>33.34999999689559</v>
      </c>
      <c r="B1247">
        <v>942.26599999999996</v>
      </c>
      <c r="C1247">
        <v>981.92899999999997</v>
      </c>
      <c r="D1247">
        <v>981.02200000000005</v>
      </c>
      <c r="E1247">
        <v>1019.822</v>
      </c>
      <c r="F1247">
        <v>1042.396</v>
      </c>
      <c r="G1247">
        <v>1067.818</v>
      </c>
      <c r="H1247">
        <v>1078.742</v>
      </c>
      <c r="I1247">
        <v>1090.2449999999999</v>
      </c>
      <c r="J1247">
        <v>1095.3019999999999</v>
      </c>
      <c r="K1247">
        <v>1105.0619999999999</v>
      </c>
      <c r="L1247">
        <v>1112.7149999999999</v>
      </c>
      <c r="M1247">
        <v>1099.232</v>
      </c>
      <c r="N1247">
        <v>934.13599999999997</v>
      </c>
      <c r="O1247">
        <v>989.17600000000004</v>
      </c>
      <c r="P1247">
        <v>0</v>
      </c>
      <c r="Q1247">
        <v>0</v>
      </c>
      <c r="R1247">
        <v>1031.027</v>
      </c>
      <c r="S1247">
        <v>0</v>
      </c>
      <c r="T1247">
        <v>1060.652</v>
      </c>
      <c r="U1247">
        <v>1080.1210000000001</v>
      </c>
      <c r="V1247">
        <v>1091.107</v>
      </c>
      <c r="W1247">
        <v>1108.8610000000001</v>
      </c>
      <c r="X1247">
        <v>1133.3589999999999</v>
      </c>
      <c r="Y1247">
        <v>1143.873</v>
      </c>
    </row>
    <row r="1248" spans="1:25" x14ac:dyDescent="0.3">
      <c r="A1248">
        <v>33.383333338020989</v>
      </c>
      <c r="B1248">
        <v>938.46100000000001</v>
      </c>
      <c r="C1248">
        <v>985.755</v>
      </c>
      <c r="D1248">
        <v>985.01199999999994</v>
      </c>
      <c r="E1248">
        <v>1019.162</v>
      </c>
      <c r="F1248">
        <v>1038.6679999999999</v>
      </c>
      <c r="G1248">
        <v>1065.403</v>
      </c>
      <c r="H1248">
        <v>1077.288</v>
      </c>
      <c r="I1248">
        <v>1085.0409999999999</v>
      </c>
      <c r="J1248">
        <v>1090.713</v>
      </c>
      <c r="K1248">
        <v>1104.347</v>
      </c>
      <c r="L1248">
        <v>1115.3219999999999</v>
      </c>
      <c r="M1248">
        <v>1100.229</v>
      </c>
      <c r="N1248">
        <v>936.577</v>
      </c>
      <c r="O1248">
        <v>981.76499999999999</v>
      </c>
      <c r="P1248">
        <v>0</v>
      </c>
      <c r="Q1248">
        <v>0</v>
      </c>
      <c r="R1248">
        <v>1033.144</v>
      </c>
      <c r="S1248">
        <v>0</v>
      </c>
      <c r="T1248">
        <v>1059.538</v>
      </c>
      <c r="U1248">
        <v>1080.829</v>
      </c>
      <c r="V1248">
        <v>1096.0920000000001</v>
      </c>
      <c r="W1248">
        <v>1113.924</v>
      </c>
      <c r="X1248">
        <v>1134.232</v>
      </c>
      <c r="Y1248">
        <v>1149.8440000000001</v>
      </c>
    </row>
    <row r="1249" spans="1:25" x14ac:dyDescent="0.3">
      <c r="A1249">
        <v>33.416666668669009</v>
      </c>
      <c r="B1249">
        <v>943.66600000000005</v>
      </c>
      <c r="C1249">
        <v>985.95500000000004</v>
      </c>
      <c r="D1249">
        <v>984.99400000000003</v>
      </c>
      <c r="E1249">
        <v>1018.429</v>
      </c>
      <c r="F1249">
        <v>1039.1469999999999</v>
      </c>
      <c r="G1249">
        <v>1070.8389999999999</v>
      </c>
      <c r="H1249">
        <v>1075.8340000000001</v>
      </c>
      <c r="I1249">
        <v>1084.03</v>
      </c>
      <c r="J1249">
        <v>1090.377</v>
      </c>
      <c r="K1249">
        <v>1105.5329999999999</v>
      </c>
      <c r="L1249">
        <v>1115.55</v>
      </c>
      <c r="M1249">
        <v>1102.4670000000001</v>
      </c>
      <c r="N1249">
        <v>938.31799999999998</v>
      </c>
      <c r="O1249">
        <v>983.87</v>
      </c>
      <c r="P1249">
        <v>0</v>
      </c>
      <c r="Q1249">
        <v>0</v>
      </c>
      <c r="R1249">
        <v>1038.134</v>
      </c>
      <c r="S1249">
        <v>0</v>
      </c>
      <c r="T1249">
        <v>1062.9169999999999</v>
      </c>
      <c r="U1249">
        <v>1082.626</v>
      </c>
      <c r="V1249">
        <v>1095.7729999999999</v>
      </c>
      <c r="W1249">
        <v>1116.154</v>
      </c>
      <c r="X1249">
        <v>1133.701</v>
      </c>
      <c r="Y1249">
        <v>1150.4169999999999</v>
      </c>
    </row>
    <row r="1250" spans="1:25" x14ac:dyDescent="0.3">
      <c r="A1250">
        <v>33.433333339231709</v>
      </c>
      <c r="B1250">
        <v>942.03300000000002</v>
      </c>
      <c r="C1250">
        <v>988.37599999999998</v>
      </c>
      <c r="D1250">
        <v>983.072</v>
      </c>
      <c r="E1250">
        <v>1015.348</v>
      </c>
      <c r="F1250">
        <v>1037.2139999999999</v>
      </c>
      <c r="G1250">
        <v>1069.8510000000001</v>
      </c>
      <c r="H1250">
        <v>1080.1220000000001</v>
      </c>
      <c r="I1250">
        <v>1090.883</v>
      </c>
      <c r="J1250">
        <v>1102.4110000000001</v>
      </c>
      <c r="K1250">
        <v>1112.0170000000001</v>
      </c>
      <c r="L1250">
        <v>1114.2270000000001</v>
      </c>
      <c r="M1250">
        <v>1099.6279999999999</v>
      </c>
      <c r="N1250">
        <v>935.59</v>
      </c>
      <c r="O1250">
        <v>982.38300000000004</v>
      </c>
      <c r="P1250">
        <v>0</v>
      </c>
      <c r="Q1250">
        <v>0</v>
      </c>
      <c r="R1250">
        <v>1036.4590000000001</v>
      </c>
      <c r="S1250">
        <v>0</v>
      </c>
      <c r="T1250">
        <v>1063.77</v>
      </c>
      <c r="U1250">
        <v>1087.9059999999999</v>
      </c>
      <c r="V1250">
        <v>1099.346</v>
      </c>
      <c r="W1250">
        <v>1118.7429999999999</v>
      </c>
      <c r="X1250">
        <v>1137.1959999999999</v>
      </c>
      <c r="Y1250">
        <v>1146.5830000000001</v>
      </c>
    </row>
    <row r="1251" spans="1:25" x14ac:dyDescent="0.3">
      <c r="A1251">
        <v>33.466666669879729</v>
      </c>
      <c r="B1251">
        <v>944.68799999999999</v>
      </c>
      <c r="C1251">
        <v>987.72</v>
      </c>
      <c r="D1251">
        <v>981.83799999999997</v>
      </c>
      <c r="E1251">
        <v>1014.54</v>
      </c>
      <c r="F1251">
        <v>1039.165</v>
      </c>
      <c r="G1251">
        <v>1068.0419999999999</v>
      </c>
      <c r="H1251">
        <v>1079.8040000000001</v>
      </c>
      <c r="I1251">
        <v>1095.415</v>
      </c>
      <c r="J1251">
        <v>1101.2629999999999</v>
      </c>
      <c r="K1251">
        <v>1111.884</v>
      </c>
      <c r="L1251">
        <v>1117.174</v>
      </c>
      <c r="M1251">
        <v>1098.048</v>
      </c>
      <c r="N1251">
        <v>930.64400000000001</v>
      </c>
      <c r="O1251">
        <v>989.61300000000006</v>
      </c>
      <c r="P1251">
        <v>0</v>
      </c>
      <c r="Q1251">
        <v>0</v>
      </c>
      <c r="R1251">
        <v>1040.8800000000001</v>
      </c>
      <c r="S1251">
        <v>0</v>
      </c>
      <c r="T1251">
        <v>1065.607</v>
      </c>
      <c r="U1251">
        <v>1084.779</v>
      </c>
      <c r="V1251">
        <v>1095.547</v>
      </c>
      <c r="W1251">
        <v>1115.9459999999999</v>
      </c>
      <c r="X1251">
        <v>1138.798</v>
      </c>
      <c r="Y1251">
        <v>1144.0450000000001</v>
      </c>
    </row>
    <row r="1252" spans="1:25" x14ac:dyDescent="0.3">
      <c r="A1252">
        <v>33.483333329965049</v>
      </c>
      <c r="B1252">
        <v>951.43700000000001</v>
      </c>
      <c r="C1252">
        <v>984.61300000000006</v>
      </c>
      <c r="D1252">
        <v>983.28899999999999</v>
      </c>
      <c r="E1252">
        <v>1015.5119999999999</v>
      </c>
      <c r="F1252">
        <v>1039.202</v>
      </c>
      <c r="G1252">
        <v>1067.018</v>
      </c>
      <c r="H1252">
        <v>1075.8710000000001</v>
      </c>
      <c r="I1252">
        <v>1092.7539999999999</v>
      </c>
      <c r="J1252">
        <v>1104.723</v>
      </c>
      <c r="K1252">
        <v>1117.816</v>
      </c>
      <c r="L1252">
        <v>1121.1600000000001</v>
      </c>
      <c r="M1252">
        <v>1101.433</v>
      </c>
      <c r="N1252">
        <v>930.60799999999995</v>
      </c>
      <c r="O1252">
        <v>989.35799999999995</v>
      </c>
      <c r="P1252">
        <v>0</v>
      </c>
      <c r="Q1252">
        <v>0</v>
      </c>
      <c r="R1252">
        <v>1041.1579999999999</v>
      </c>
      <c r="S1252">
        <v>0</v>
      </c>
      <c r="T1252">
        <v>1065.607</v>
      </c>
      <c r="U1252">
        <v>1086.857</v>
      </c>
      <c r="V1252">
        <v>1097.991</v>
      </c>
      <c r="W1252">
        <v>1118.251</v>
      </c>
      <c r="X1252">
        <v>1136.7</v>
      </c>
      <c r="Y1252">
        <v>1142.1179999999999</v>
      </c>
    </row>
    <row r="1253" spans="1:25" x14ac:dyDescent="0.3">
      <c r="A1253">
        <v>33.516666671090448</v>
      </c>
      <c r="B1253">
        <v>941.495</v>
      </c>
      <c r="C1253">
        <v>985.23</v>
      </c>
      <c r="D1253">
        <v>983.36199999999997</v>
      </c>
      <c r="E1253">
        <v>1017.934</v>
      </c>
      <c r="F1253">
        <v>1036.0170000000001</v>
      </c>
      <c r="G1253">
        <v>1066.722</v>
      </c>
      <c r="H1253">
        <v>1080.7560000000001</v>
      </c>
      <c r="I1253">
        <v>1098.575</v>
      </c>
      <c r="J1253">
        <v>1108.0719999999999</v>
      </c>
      <c r="K1253">
        <v>1117.78</v>
      </c>
      <c r="L1253">
        <v>1119.6880000000001</v>
      </c>
      <c r="M1253">
        <v>1101.396</v>
      </c>
      <c r="N1253">
        <v>932.07600000000002</v>
      </c>
      <c r="O1253">
        <v>996.60400000000004</v>
      </c>
      <c r="P1253">
        <v>0</v>
      </c>
      <c r="Q1253">
        <v>0</v>
      </c>
      <c r="R1253">
        <v>1040.6600000000001</v>
      </c>
      <c r="S1253">
        <v>0</v>
      </c>
      <c r="T1253">
        <v>1064.7360000000001</v>
      </c>
      <c r="U1253">
        <v>1083.731</v>
      </c>
      <c r="V1253">
        <v>1096.451</v>
      </c>
      <c r="W1253">
        <v>1117.6469999999999</v>
      </c>
      <c r="X1253">
        <v>1134.6320000000001</v>
      </c>
      <c r="Y1253">
        <v>1136.701</v>
      </c>
    </row>
    <row r="1254" spans="1:25" x14ac:dyDescent="0.3">
      <c r="A1254">
        <v>33.550000001738468</v>
      </c>
      <c r="B1254">
        <v>942.21100000000001</v>
      </c>
      <c r="C1254">
        <v>982.56299999999999</v>
      </c>
      <c r="D1254">
        <v>985.10199999999998</v>
      </c>
      <c r="E1254">
        <v>1019.418</v>
      </c>
      <c r="F1254">
        <v>1039.0899999999999</v>
      </c>
      <c r="G1254">
        <v>1070.52</v>
      </c>
      <c r="H1254">
        <v>1082.325</v>
      </c>
      <c r="I1254">
        <v>1099.627</v>
      </c>
      <c r="J1254">
        <v>1109.182</v>
      </c>
      <c r="K1254">
        <v>1117.646</v>
      </c>
      <c r="L1254">
        <v>1120.971</v>
      </c>
      <c r="M1254">
        <v>1102.0709999999999</v>
      </c>
      <c r="N1254">
        <v>933.81200000000001</v>
      </c>
      <c r="O1254">
        <v>995.78300000000002</v>
      </c>
      <c r="P1254">
        <v>0</v>
      </c>
      <c r="Q1254">
        <v>0</v>
      </c>
      <c r="R1254">
        <v>1040.288</v>
      </c>
      <c r="S1254">
        <v>0</v>
      </c>
      <c r="T1254">
        <v>1062.377</v>
      </c>
      <c r="U1254">
        <v>1087.212</v>
      </c>
      <c r="V1254">
        <v>1098.818</v>
      </c>
      <c r="W1254">
        <v>1117.4939999999999</v>
      </c>
      <c r="X1254">
        <v>1134.5540000000001</v>
      </c>
      <c r="Y1254">
        <v>1134.117</v>
      </c>
    </row>
    <row r="1255" spans="1:25" x14ac:dyDescent="0.3">
      <c r="A1255">
        <v>33.566666672301167</v>
      </c>
      <c r="B1255">
        <v>935.93100000000004</v>
      </c>
      <c r="C1255">
        <v>983.471</v>
      </c>
      <c r="D1255">
        <v>985.24800000000005</v>
      </c>
      <c r="E1255">
        <v>1020.721</v>
      </c>
      <c r="F1255">
        <v>1038.134</v>
      </c>
      <c r="G1255">
        <v>1068.3589999999999</v>
      </c>
      <c r="H1255">
        <v>1081.8209999999999</v>
      </c>
      <c r="I1255">
        <v>1096.2239999999999</v>
      </c>
      <c r="J1255">
        <v>1107.94</v>
      </c>
      <c r="K1255">
        <v>1112.924</v>
      </c>
      <c r="L1255">
        <v>1117.93</v>
      </c>
      <c r="M1255">
        <v>1100.8130000000001</v>
      </c>
      <c r="N1255">
        <v>932.59400000000005</v>
      </c>
      <c r="O1255">
        <v>995.11099999999999</v>
      </c>
      <c r="P1255">
        <v>0</v>
      </c>
      <c r="Q1255">
        <v>0</v>
      </c>
      <c r="R1255">
        <v>1033.623</v>
      </c>
      <c r="S1255">
        <v>0</v>
      </c>
      <c r="T1255">
        <v>1059.8910000000001</v>
      </c>
      <c r="U1255">
        <v>1079.096</v>
      </c>
      <c r="V1255">
        <v>1093.298</v>
      </c>
      <c r="W1255">
        <v>1114.057</v>
      </c>
      <c r="X1255">
        <v>1134.0619999999999</v>
      </c>
      <c r="Y1255">
        <v>1137.788</v>
      </c>
    </row>
    <row r="1256" spans="1:25" x14ac:dyDescent="0.3">
      <c r="A1256">
        <v>33.600000002949187</v>
      </c>
      <c r="B1256">
        <v>934.22699999999998</v>
      </c>
      <c r="C1256">
        <v>979.68100000000004</v>
      </c>
      <c r="D1256">
        <v>986.11900000000003</v>
      </c>
      <c r="E1256">
        <v>1019.841</v>
      </c>
      <c r="F1256">
        <v>1037.1220000000001</v>
      </c>
      <c r="G1256">
        <v>1066.481</v>
      </c>
      <c r="H1256">
        <v>1084.518</v>
      </c>
      <c r="I1256">
        <v>1091.7819999999999</v>
      </c>
      <c r="J1256">
        <v>1102.8440000000001</v>
      </c>
      <c r="K1256">
        <v>1109.675</v>
      </c>
      <c r="L1256">
        <v>1113.6610000000001</v>
      </c>
      <c r="M1256">
        <v>1099.9670000000001</v>
      </c>
      <c r="N1256">
        <v>932.41600000000005</v>
      </c>
      <c r="O1256">
        <v>987.99400000000003</v>
      </c>
      <c r="P1256">
        <v>0</v>
      </c>
      <c r="Q1256">
        <v>0</v>
      </c>
      <c r="R1256">
        <v>1033.8820000000001</v>
      </c>
      <c r="S1256">
        <v>0</v>
      </c>
      <c r="T1256">
        <v>1058.8340000000001</v>
      </c>
      <c r="U1256">
        <v>1076.2449999999999</v>
      </c>
      <c r="V1256">
        <v>1093.729</v>
      </c>
      <c r="W1256">
        <v>1114.3979999999999</v>
      </c>
      <c r="X1256">
        <v>1133.3409999999999</v>
      </c>
      <c r="Y1256">
        <v>1140.5550000000001</v>
      </c>
    </row>
    <row r="1257" spans="1:25" x14ac:dyDescent="0.3">
      <c r="A1257">
        <v>33.633333333597207</v>
      </c>
      <c r="B1257">
        <v>943.21699999999998</v>
      </c>
      <c r="C1257">
        <v>981.53</v>
      </c>
      <c r="D1257">
        <v>989.01300000000003</v>
      </c>
      <c r="E1257">
        <v>1023.178</v>
      </c>
      <c r="F1257">
        <v>1044.116</v>
      </c>
      <c r="G1257">
        <v>1067.1849999999999</v>
      </c>
      <c r="H1257">
        <v>1083.2059999999999</v>
      </c>
      <c r="I1257">
        <v>1096.299</v>
      </c>
      <c r="J1257">
        <v>1105.588</v>
      </c>
      <c r="K1257">
        <v>1112.0160000000001</v>
      </c>
      <c r="L1257">
        <v>1113.7919999999999</v>
      </c>
      <c r="M1257">
        <v>1099.5519999999999</v>
      </c>
      <c r="N1257">
        <v>936.34299999999996</v>
      </c>
      <c r="O1257">
        <v>989.88599999999997</v>
      </c>
      <c r="P1257">
        <v>0</v>
      </c>
      <c r="Q1257">
        <v>0</v>
      </c>
      <c r="R1257">
        <v>1035.2429999999999</v>
      </c>
      <c r="S1257">
        <v>0</v>
      </c>
      <c r="T1257">
        <v>1058.5540000000001</v>
      </c>
      <c r="U1257">
        <v>1078.9839999999999</v>
      </c>
      <c r="V1257">
        <v>1094.4949999999999</v>
      </c>
      <c r="W1257">
        <v>1114.019</v>
      </c>
      <c r="X1257">
        <v>1137.845</v>
      </c>
      <c r="Y1257">
        <v>1143.2049999999999</v>
      </c>
    </row>
    <row r="1258" spans="1:25" x14ac:dyDescent="0.3">
      <c r="A1258">
        <v>33.650000004159907</v>
      </c>
      <c r="B1258">
        <v>941.01</v>
      </c>
      <c r="C1258">
        <v>984.84900000000005</v>
      </c>
      <c r="D1258">
        <v>986.13699999999994</v>
      </c>
      <c r="E1258">
        <v>1017.31</v>
      </c>
      <c r="F1258">
        <v>1042.2860000000001</v>
      </c>
      <c r="G1258">
        <v>1067.3710000000001</v>
      </c>
      <c r="H1258">
        <v>1083.038</v>
      </c>
      <c r="I1258">
        <v>1095.171</v>
      </c>
      <c r="J1258">
        <v>1104.856</v>
      </c>
      <c r="K1258">
        <v>1108.9939999999999</v>
      </c>
      <c r="L1258">
        <v>1109.58</v>
      </c>
      <c r="M1258">
        <v>1093.934</v>
      </c>
      <c r="N1258">
        <v>934.17200000000003</v>
      </c>
      <c r="O1258">
        <v>990.88800000000003</v>
      </c>
      <c r="P1258">
        <v>0</v>
      </c>
      <c r="Q1258">
        <v>0</v>
      </c>
      <c r="R1258">
        <v>1035.98</v>
      </c>
      <c r="S1258">
        <v>0</v>
      </c>
      <c r="T1258">
        <v>1058.0350000000001</v>
      </c>
      <c r="U1258">
        <v>1078.8910000000001</v>
      </c>
      <c r="V1258">
        <v>1092.961</v>
      </c>
      <c r="W1258">
        <v>1113.415</v>
      </c>
      <c r="X1258">
        <v>1134.8399999999999</v>
      </c>
      <c r="Y1258">
        <v>1139.944</v>
      </c>
    </row>
    <row r="1259" spans="1:25" x14ac:dyDescent="0.3">
      <c r="A1259">
        <v>33.683333334807926</v>
      </c>
      <c r="B1259">
        <v>948.21400000000006</v>
      </c>
      <c r="C1259">
        <v>981.548</v>
      </c>
      <c r="D1259">
        <v>986.59199999999998</v>
      </c>
      <c r="E1259">
        <v>1015.439</v>
      </c>
      <c r="F1259">
        <v>1037.3240000000001</v>
      </c>
      <c r="G1259">
        <v>1063.0840000000001</v>
      </c>
      <c r="H1259">
        <v>1078.779</v>
      </c>
      <c r="I1259">
        <v>1091.0509999999999</v>
      </c>
      <c r="J1259">
        <v>1096.2809999999999</v>
      </c>
      <c r="K1259">
        <v>1104.1969999999999</v>
      </c>
      <c r="L1259">
        <v>1106.454</v>
      </c>
      <c r="M1259">
        <v>1093.26</v>
      </c>
      <c r="N1259">
        <v>933.77800000000002</v>
      </c>
      <c r="O1259">
        <v>989.505</v>
      </c>
      <c r="P1259">
        <v>0</v>
      </c>
      <c r="Q1259">
        <v>0</v>
      </c>
      <c r="R1259">
        <v>1032.4639999999999</v>
      </c>
      <c r="S1259">
        <v>0</v>
      </c>
      <c r="T1259">
        <v>1056.81</v>
      </c>
      <c r="U1259">
        <v>1077.68</v>
      </c>
      <c r="V1259">
        <v>1090.7329999999999</v>
      </c>
      <c r="W1259">
        <v>1113.075</v>
      </c>
      <c r="X1259">
        <v>1132.296</v>
      </c>
      <c r="Y1259">
        <v>1141.546</v>
      </c>
    </row>
    <row r="1260" spans="1:25" x14ac:dyDescent="0.3">
      <c r="A1260">
        <v>33.700000005370626</v>
      </c>
      <c r="B1260">
        <v>937.31299999999999</v>
      </c>
      <c r="C1260">
        <v>979.78899999999999</v>
      </c>
      <c r="D1260">
        <v>984.28599999999994</v>
      </c>
      <c r="E1260">
        <v>1016.576</v>
      </c>
      <c r="F1260">
        <v>1036.145</v>
      </c>
      <c r="G1260">
        <v>1061.7470000000001</v>
      </c>
      <c r="H1260">
        <v>1077.3989999999999</v>
      </c>
      <c r="I1260">
        <v>1090.9939999999999</v>
      </c>
      <c r="J1260">
        <v>1100.8499999999999</v>
      </c>
      <c r="K1260">
        <v>1106.7729999999999</v>
      </c>
      <c r="L1260">
        <v>1108.8989999999999</v>
      </c>
      <c r="M1260">
        <v>1097.634</v>
      </c>
      <c r="N1260">
        <v>932.55799999999999</v>
      </c>
      <c r="O1260">
        <v>987.86599999999999</v>
      </c>
      <c r="P1260">
        <v>0</v>
      </c>
      <c r="Q1260">
        <v>0</v>
      </c>
      <c r="R1260">
        <v>1032.297</v>
      </c>
      <c r="S1260">
        <v>0</v>
      </c>
      <c r="T1260">
        <v>1053.451</v>
      </c>
      <c r="U1260">
        <v>1076.4490000000001</v>
      </c>
      <c r="V1260">
        <v>1090.058</v>
      </c>
      <c r="W1260">
        <v>1113.3389999999999</v>
      </c>
      <c r="X1260">
        <v>1132.277</v>
      </c>
      <c r="Y1260">
        <v>1139.3130000000001</v>
      </c>
    </row>
    <row r="1261" spans="1:25" x14ac:dyDescent="0.3">
      <c r="A1261">
        <v>33.733333336018646</v>
      </c>
      <c r="B1261">
        <v>934.029</v>
      </c>
      <c r="C1261">
        <v>979.13699999999994</v>
      </c>
      <c r="D1261">
        <v>978.19399999999996</v>
      </c>
      <c r="E1261">
        <v>1016.742</v>
      </c>
      <c r="F1261">
        <v>1037.9870000000001</v>
      </c>
      <c r="G1261">
        <v>1062.3420000000001</v>
      </c>
      <c r="H1261">
        <v>1078.146</v>
      </c>
      <c r="I1261">
        <v>1091.7819999999999</v>
      </c>
      <c r="J1261">
        <v>1098.2929999999999</v>
      </c>
      <c r="K1261">
        <v>1107.9970000000001</v>
      </c>
      <c r="L1261">
        <v>1116.759</v>
      </c>
      <c r="M1261">
        <v>1095.6610000000001</v>
      </c>
      <c r="N1261">
        <v>934.47799999999995</v>
      </c>
      <c r="O1261">
        <v>988.63099999999997</v>
      </c>
      <c r="P1261">
        <v>0</v>
      </c>
      <c r="Q1261">
        <v>0</v>
      </c>
      <c r="R1261">
        <v>1033.348</v>
      </c>
      <c r="S1261">
        <v>0</v>
      </c>
      <c r="T1261">
        <v>1056.5319999999999</v>
      </c>
      <c r="U1261">
        <v>1078.799</v>
      </c>
      <c r="V1261">
        <v>1093.691</v>
      </c>
      <c r="W1261">
        <v>1114.454</v>
      </c>
      <c r="X1261">
        <v>1132.6769999999999</v>
      </c>
      <c r="Y1261">
        <v>1145.057</v>
      </c>
    </row>
    <row r="1262" spans="1:25" x14ac:dyDescent="0.3">
      <c r="A1262">
        <v>33.766666666666666</v>
      </c>
      <c r="B1262">
        <v>935.42899999999997</v>
      </c>
      <c r="C1262">
        <v>976.92399999999998</v>
      </c>
      <c r="D1262">
        <v>978.41099999999994</v>
      </c>
      <c r="E1262">
        <v>1017.126</v>
      </c>
      <c r="F1262">
        <v>1038.0239999999999</v>
      </c>
      <c r="G1262">
        <v>1059.056</v>
      </c>
      <c r="H1262">
        <v>1072.348</v>
      </c>
      <c r="I1262">
        <v>1089.74</v>
      </c>
      <c r="J1262">
        <v>1102.4860000000001</v>
      </c>
      <c r="K1262">
        <v>1110.6559999999999</v>
      </c>
      <c r="L1262">
        <v>1114.4159999999999</v>
      </c>
      <c r="M1262">
        <v>1096.5999999999999</v>
      </c>
      <c r="N1262">
        <v>936.68499999999995</v>
      </c>
      <c r="O1262">
        <v>982.83600000000001</v>
      </c>
      <c r="P1262">
        <v>0</v>
      </c>
      <c r="Q1262">
        <v>0</v>
      </c>
      <c r="R1262">
        <v>1036.79</v>
      </c>
      <c r="S1262">
        <v>0</v>
      </c>
      <c r="T1262">
        <v>1059.3900000000001</v>
      </c>
      <c r="U1262">
        <v>1078.854</v>
      </c>
      <c r="V1262">
        <v>1093.578</v>
      </c>
      <c r="W1262">
        <v>1114.511</v>
      </c>
      <c r="X1262">
        <v>1132.107</v>
      </c>
      <c r="Y1262">
        <v>1146.5440000000001</v>
      </c>
    </row>
    <row r="1263" spans="1:25" x14ac:dyDescent="0.3">
      <c r="A1263">
        <v>33.783333337229365</v>
      </c>
      <c r="B1263">
        <v>928.92700000000002</v>
      </c>
      <c r="C1263">
        <v>975.69</v>
      </c>
      <c r="D1263">
        <v>982.69100000000003</v>
      </c>
      <c r="E1263">
        <v>1022.151</v>
      </c>
      <c r="F1263">
        <v>1041.3989999999999</v>
      </c>
      <c r="G1263">
        <v>1061.376</v>
      </c>
      <c r="H1263">
        <v>1074.7719999999999</v>
      </c>
      <c r="I1263">
        <v>1093.223</v>
      </c>
      <c r="J1263">
        <v>1106.943</v>
      </c>
      <c r="K1263">
        <v>1109.221</v>
      </c>
      <c r="L1263">
        <v>1110.4860000000001</v>
      </c>
      <c r="M1263">
        <v>1093.635</v>
      </c>
      <c r="N1263">
        <v>938.78499999999997</v>
      </c>
      <c r="O1263">
        <v>981.38499999999999</v>
      </c>
      <c r="P1263">
        <v>0</v>
      </c>
      <c r="Q1263">
        <v>0</v>
      </c>
      <c r="R1263">
        <v>1035.2249999999999</v>
      </c>
      <c r="S1263">
        <v>0</v>
      </c>
      <c r="T1263">
        <v>1061.989</v>
      </c>
      <c r="U1263">
        <v>1080.998</v>
      </c>
      <c r="V1263">
        <v>1093.1099999999999</v>
      </c>
      <c r="W1263">
        <v>1119.8009999999999</v>
      </c>
      <c r="X1263">
        <v>1138.4369999999999</v>
      </c>
      <c r="Y1263">
        <v>1150.895</v>
      </c>
    </row>
    <row r="1264" spans="1:25" x14ac:dyDescent="0.3">
      <c r="A1264">
        <v>33.816666667877385</v>
      </c>
      <c r="B1264">
        <v>931.86099999999999</v>
      </c>
      <c r="C1264">
        <v>978.12099999999998</v>
      </c>
      <c r="D1264">
        <v>978.59299999999996</v>
      </c>
      <c r="E1264">
        <v>1016.669</v>
      </c>
      <c r="F1264">
        <v>1041.1030000000001</v>
      </c>
      <c r="G1264">
        <v>1060.671</v>
      </c>
      <c r="H1264">
        <v>1074.9770000000001</v>
      </c>
      <c r="I1264">
        <v>1099.328</v>
      </c>
      <c r="J1264">
        <v>1104.348</v>
      </c>
      <c r="K1264">
        <v>1105.0440000000001</v>
      </c>
      <c r="L1264">
        <v>1107.5260000000001</v>
      </c>
      <c r="M1264">
        <v>1092.7739999999999</v>
      </c>
      <c r="N1264">
        <v>933.83199999999999</v>
      </c>
      <c r="O1264">
        <v>977.88499999999999</v>
      </c>
      <c r="P1264">
        <v>0</v>
      </c>
      <c r="Q1264">
        <v>0</v>
      </c>
      <c r="R1264">
        <v>1035.078</v>
      </c>
      <c r="S1264">
        <v>0</v>
      </c>
      <c r="T1264">
        <v>1061.5440000000001</v>
      </c>
      <c r="U1264">
        <v>1079.5820000000001</v>
      </c>
      <c r="V1264">
        <v>1092.175</v>
      </c>
      <c r="W1264">
        <v>1111.923</v>
      </c>
      <c r="X1264">
        <v>1129.279</v>
      </c>
      <c r="Y1264">
        <v>1139.5250000000001</v>
      </c>
    </row>
    <row r="1265" spans="1:25" x14ac:dyDescent="0.3">
      <c r="A1265">
        <v>33.833333338440085</v>
      </c>
      <c r="B1265">
        <v>937.96</v>
      </c>
      <c r="C1265">
        <v>973.55100000000004</v>
      </c>
      <c r="D1265">
        <v>979.37300000000005</v>
      </c>
      <c r="E1265">
        <v>1017.439</v>
      </c>
      <c r="F1265">
        <v>1040.2529999999999</v>
      </c>
      <c r="G1265">
        <v>1063.511</v>
      </c>
      <c r="H1265">
        <v>1078.9480000000001</v>
      </c>
      <c r="I1265">
        <v>1097.5039999999999</v>
      </c>
      <c r="J1265">
        <v>1104.499</v>
      </c>
      <c r="K1265">
        <v>1109.297</v>
      </c>
      <c r="L1265">
        <v>1112.1120000000001</v>
      </c>
      <c r="M1265">
        <v>1100.3430000000001</v>
      </c>
      <c r="N1265">
        <v>931.62900000000002</v>
      </c>
      <c r="O1265">
        <v>979.24599999999998</v>
      </c>
      <c r="P1265">
        <v>0</v>
      </c>
      <c r="Q1265">
        <v>0</v>
      </c>
      <c r="R1265">
        <v>1031.912</v>
      </c>
      <c r="S1265">
        <v>0</v>
      </c>
      <c r="T1265">
        <v>1061.135</v>
      </c>
      <c r="U1265">
        <v>1084.2370000000001</v>
      </c>
      <c r="V1265">
        <v>1098.086</v>
      </c>
      <c r="W1265">
        <v>1113.056</v>
      </c>
      <c r="X1265">
        <v>1132.0119999999999</v>
      </c>
      <c r="Y1265">
        <v>1137.3689999999999</v>
      </c>
    </row>
    <row r="1266" spans="1:25" x14ac:dyDescent="0.3">
      <c r="A1266">
        <v>33.866666669088104</v>
      </c>
      <c r="B1266">
        <v>941.06299999999999</v>
      </c>
      <c r="C1266">
        <v>973.26</v>
      </c>
      <c r="D1266">
        <v>979.66200000000003</v>
      </c>
      <c r="E1266">
        <v>1019.07</v>
      </c>
      <c r="F1266">
        <v>1043.3579999999999</v>
      </c>
      <c r="G1266">
        <v>1067.5940000000001</v>
      </c>
      <c r="H1266">
        <v>1078.9649999999999</v>
      </c>
      <c r="I1266">
        <v>1096.1300000000001</v>
      </c>
      <c r="J1266">
        <v>1104.1590000000001</v>
      </c>
      <c r="K1266">
        <v>1109.655</v>
      </c>
      <c r="L1266">
        <v>1113.6980000000001</v>
      </c>
      <c r="M1266">
        <v>1100.4169999999999</v>
      </c>
      <c r="N1266">
        <v>933.221</v>
      </c>
      <c r="O1266">
        <v>980.18799999999999</v>
      </c>
      <c r="P1266">
        <v>0</v>
      </c>
      <c r="Q1266">
        <v>0</v>
      </c>
      <c r="R1266">
        <v>1029.5719999999999</v>
      </c>
      <c r="S1266">
        <v>0</v>
      </c>
      <c r="T1266">
        <v>1056.0119999999999</v>
      </c>
      <c r="U1266">
        <v>1080.8109999999999</v>
      </c>
      <c r="V1266">
        <v>1095.7909999999999</v>
      </c>
      <c r="W1266">
        <v>1113.433</v>
      </c>
      <c r="X1266">
        <v>1132.732</v>
      </c>
      <c r="Y1266">
        <v>1134.232</v>
      </c>
    </row>
    <row r="1267" spans="1:25" x14ac:dyDescent="0.3">
      <c r="A1267">
        <v>33.899999999736124</v>
      </c>
      <c r="B1267">
        <v>938.01400000000001</v>
      </c>
      <c r="C1267">
        <v>976.50699999999995</v>
      </c>
      <c r="D1267">
        <v>973.51499999999999</v>
      </c>
      <c r="E1267">
        <v>1015.348</v>
      </c>
      <c r="F1267">
        <v>1041.6030000000001</v>
      </c>
      <c r="G1267">
        <v>1064.5319999999999</v>
      </c>
      <c r="H1267">
        <v>1075.6110000000001</v>
      </c>
      <c r="I1267">
        <v>1092.5119999999999</v>
      </c>
      <c r="J1267">
        <v>1099.4970000000001</v>
      </c>
      <c r="K1267">
        <v>1107.038</v>
      </c>
      <c r="L1267">
        <v>1112.7159999999999</v>
      </c>
      <c r="M1267">
        <v>1096.2619999999999</v>
      </c>
      <c r="N1267">
        <v>931.12800000000004</v>
      </c>
      <c r="O1267">
        <v>971.19799999999998</v>
      </c>
      <c r="P1267">
        <v>0</v>
      </c>
      <c r="Q1267">
        <v>0</v>
      </c>
      <c r="R1267">
        <v>1026.3699999999999</v>
      </c>
      <c r="S1267">
        <v>0</v>
      </c>
      <c r="T1267">
        <v>1052.731</v>
      </c>
      <c r="U1267">
        <v>1075.1079999999999</v>
      </c>
      <c r="V1267">
        <v>1087.8689999999999</v>
      </c>
      <c r="W1267">
        <v>1107.038</v>
      </c>
      <c r="X1267">
        <v>1133.778</v>
      </c>
      <c r="Y1267">
        <v>1136.511</v>
      </c>
    </row>
    <row r="1268" spans="1:25" x14ac:dyDescent="0.3">
      <c r="A1268">
        <v>33.916666670298824</v>
      </c>
      <c r="B1268">
        <v>934.08500000000004</v>
      </c>
      <c r="C1268">
        <v>973.35400000000004</v>
      </c>
      <c r="D1268">
        <v>970.351</v>
      </c>
      <c r="E1268">
        <v>1007.576</v>
      </c>
      <c r="F1268">
        <v>1039.0940000000001</v>
      </c>
      <c r="G1268">
        <v>1059.4670000000001</v>
      </c>
      <c r="H1268">
        <v>1071.028</v>
      </c>
      <c r="I1268">
        <v>1090.193</v>
      </c>
      <c r="J1268">
        <v>1099.085</v>
      </c>
      <c r="K1268">
        <v>1108.018</v>
      </c>
      <c r="L1268">
        <v>1114.57</v>
      </c>
      <c r="M1268">
        <v>1100.5519999999999</v>
      </c>
      <c r="N1268">
        <v>927.66</v>
      </c>
      <c r="O1268">
        <v>971.11</v>
      </c>
      <c r="P1268">
        <v>0</v>
      </c>
      <c r="Q1268">
        <v>0</v>
      </c>
      <c r="R1268">
        <v>1028.9870000000001</v>
      </c>
      <c r="S1268">
        <v>0</v>
      </c>
      <c r="T1268">
        <v>1052.826</v>
      </c>
      <c r="U1268">
        <v>1072.6679999999999</v>
      </c>
      <c r="V1268">
        <v>1083.116</v>
      </c>
      <c r="W1268">
        <v>1105.0650000000001</v>
      </c>
      <c r="X1268">
        <v>1131.2929999999999</v>
      </c>
      <c r="Y1268">
        <v>1140.9960000000001</v>
      </c>
    </row>
    <row r="1269" spans="1:25" x14ac:dyDescent="0.3">
      <c r="A1269">
        <v>33.950000000946844</v>
      </c>
      <c r="B1269">
        <v>936.12900000000002</v>
      </c>
      <c r="C1269">
        <v>974.24</v>
      </c>
      <c r="D1269">
        <v>968.976</v>
      </c>
      <c r="E1269">
        <v>1005.857</v>
      </c>
      <c r="F1269">
        <v>1036.7719999999999</v>
      </c>
      <c r="G1269">
        <v>1057.0519999999999</v>
      </c>
      <c r="H1269">
        <v>1066.8710000000001</v>
      </c>
      <c r="I1269">
        <v>1085.6220000000001</v>
      </c>
      <c r="J1269">
        <v>1099.9480000000001</v>
      </c>
      <c r="K1269">
        <v>1111.0730000000001</v>
      </c>
      <c r="L1269">
        <v>1116.816</v>
      </c>
      <c r="M1269">
        <v>1099.6659999999999</v>
      </c>
      <c r="N1269">
        <v>928.55200000000002</v>
      </c>
      <c r="O1269">
        <v>971.27099999999996</v>
      </c>
      <c r="P1269">
        <v>0</v>
      </c>
      <c r="Q1269">
        <v>0</v>
      </c>
      <c r="R1269">
        <v>1034.268</v>
      </c>
      <c r="S1269">
        <v>0</v>
      </c>
      <c r="T1269">
        <v>1059.6510000000001</v>
      </c>
      <c r="U1269">
        <v>1077.7550000000001</v>
      </c>
      <c r="V1269">
        <v>1088.318</v>
      </c>
      <c r="W1269">
        <v>1110.7329999999999</v>
      </c>
      <c r="X1269">
        <v>1135.98</v>
      </c>
      <c r="Y1269">
        <v>1139.83</v>
      </c>
    </row>
    <row r="1270" spans="1:25" x14ac:dyDescent="0.3">
      <c r="A1270">
        <v>33.966666671509543</v>
      </c>
      <c r="B1270">
        <v>929.35699999999997</v>
      </c>
      <c r="C1270">
        <v>973.91399999999999</v>
      </c>
      <c r="D1270">
        <v>969.44500000000005</v>
      </c>
      <c r="E1270">
        <v>1007.062</v>
      </c>
      <c r="F1270">
        <v>1035.3910000000001</v>
      </c>
      <c r="G1270">
        <v>1056.4949999999999</v>
      </c>
      <c r="H1270">
        <v>1067.875</v>
      </c>
      <c r="I1270">
        <v>1085.604</v>
      </c>
      <c r="J1270">
        <v>1098.97</v>
      </c>
      <c r="K1270">
        <v>1109.4290000000001</v>
      </c>
      <c r="L1270">
        <v>1113.68</v>
      </c>
      <c r="M1270">
        <v>1097.297</v>
      </c>
      <c r="N1270">
        <v>927.56799999999998</v>
      </c>
      <c r="O1270">
        <v>975.51</v>
      </c>
      <c r="P1270">
        <v>0</v>
      </c>
      <c r="Q1270">
        <v>0</v>
      </c>
      <c r="R1270">
        <v>1028.874</v>
      </c>
      <c r="S1270">
        <v>0</v>
      </c>
      <c r="T1270">
        <v>1059.9659999999999</v>
      </c>
      <c r="U1270">
        <v>1075.5740000000001</v>
      </c>
      <c r="V1270">
        <v>1084.9480000000001</v>
      </c>
      <c r="W1270">
        <v>1106.492</v>
      </c>
      <c r="X1270">
        <v>1129.4880000000001</v>
      </c>
      <c r="Y1270">
        <v>1142.1569999999999</v>
      </c>
    </row>
    <row r="1271" spans="1:25" x14ac:dyDescent="0.3">
      <c r="A1271">
        <v>34.000000002157563</v>
      </c>
      <c r="B1271">
        <v>936.59699999999998</v>
      </c>
      <c r="C1271">
        <v>974.45899999999995</v>
      </c>
      <c r="D1271">
        <v>973.19</v>
      </c>
      <c r="E1271">
        <v>1008.014</v>
      </c>
      <c r="F1271">
        <v>1039.6279999999999</v>
      </c>
      <c r="G1271">
        <v>1061.23</v>
      </c>
      <c r="H1271">
        <v>1068.623</v>
      </c>
      <c r="I1271">
        <v>1083.752</v>
      </c>
      <c r="J1271">
        <v>1097.1669999999999</v>
      </c>
      <c r="K1271">
        <v>1107.585</v>
      </c>
      <c r="L1271">
        <v>1109.96</v>
      </c>
      <c r="M1271">
        <v>1096.3019999999999</v>
      </c>
      <c r="N1271">
        <v>927.57</v>
      </c>
      <c r="O1271">
        <v>975.16700000000003</v>
      </c>
      <c r="P1271">
        <v>0</v>
      </c>
      <c r="Q1271">
        <v>0</v>
      </c>
      <c r="R1271">
        <v>1028.3050000000001</v>
      </c>
      <c r="S1271">
        <v>0</v>
      </c>
      <c r="T1271">
        <v>1055.402</v>
      </c>
      <c r="U1271">
        <v>1070.17</v>
      </c>
      <c r="V1271">
        <v>1081.393</v>
      </c>
      <c r="W1271">
        <v>1103.259</v>
      </c>
      <c r="X1271">
        <v>1119.7270000000001</v>
      </c>
      <c r="Y1271">
        <v>1139.126</v>
      </c>
    </row>
    <row r="1272" spans="1:25" x14ac:dyDescent="0.3">
      <c r="A1272">
        <v>34.033333332805583</v>
      </c>
      <c r="B1272">
        <v>933.33</v>
      </c>
      <c r="C1272">
        <v>973.47799999999995</v>
      </c>
      <c r="D1272">
        <v>973.02499999999998</v>
      </c>
      <c r="E1272">
        <v>1005.619</v>
      </c>
      <c r="F1272">
        <v>1033.366</v>
      </c>
      <c r="G1272">
        <v>1058.9449999999999</v>
      </c>
      <c r="H1272">
        <v>1069.5899999999999</v>
      </c>
      <c r="I1272">
        <v>1078.202</v>
      </c>
      <c r="J1272">
        <v>1091.7629999999999</v>
      </c>
      <c r="K1272">
        <v>1105.213</v>
      </c>
      <c r="L1272">
        <v>1110.808</v>
      </c>
      <c r="M1272">
        <v>1099.1020000000001</v>
      </c>
      <c r="N1272">
        <v>931.86099999999999</v>
      </c>
      <c r="O1272">
        <v>975.6</v>
      </c>
      <c r="P1272">
        <v>0</v>
      </c>
      <c r="Q1272">
        <v>0</v>
      </c>
      <c r="R1272">
        <v>1023.362</v>
      </c>
      <c r="S1272">
        <v>0</v>
      </c>
      <c r="T1272">
        <v>1055.326</v>
      </c>
      <c r="U1272">
        <v>1072.386</v>
      </c>
      <c r="V1272">
        <v>1082.9259999999999</v>
      </c>
      <c r="W1272">
        <v>1104.518</v>
      </c>
      <c r="X1272">
        <v>1124.761</v>
      </c>
      <c r="Y1272">
        <v>1140.135</v>
      </c>
    </row>
    <row r="1273" spans="1:25" x14ac:dyDescent="0.3">
      <c r="A1273">
        <v>34.050000003368282</v>
      </c>
      <c r="B1273">
        <v>938.96500000000003</v>
      </c>
      <c r="C1273">
        <v>975.69100000000003</v>
      </c>
      <c r="D1273">
        <v>973.62300000000005</v>
      </c>
      <c r="E1273">
        <v>1007.921</v>
      </c>
      <c r="F1273">
        <v>1030.6780000000001</v>
      </c>
      <c r="G1273">
        <v>1054.806</v>
      </c>
      <c r="H1273">
        <v>1067.056</v>
      </c>
      <c r="I1273">
        <v>1082.346</v>
      </c>
      <c r="J1273">
        <v>1096.902</v>
      </c>
      <c r="K1273">
        <v>1110.5440000000001</v>
      </c>
      <c r="L1273">
        <v>1117.0239999999999</v>
      </c>
      <c r="M1273">
        <v>1102.2049999999999</v>
      </c>
      <c r="N1273">
        <v>926.51300000000003</v>
      </c>
      <c r="O1273">
        <v>966.048</v>
      </c>
      <c r="P1273">
        <v>0</v>
      </c>
      <c r="Q1273">
        <v>0</v>
      </c>
      <c r="R1273">
        <v>1025.8019999999999</v>
      </c>
      <c r="S1273">
        <v>0</v>
      </c>
      <c r="T1273">
        <v>1054.509</v>
      </c>
      <c r="U1273">
        <v>1074.623</v>
      </c>
      <c r="V1273">
        <v>1087.8130000000001</v>
      </c>
      <c r="W1273">
        <v>1108.1849999999999</v>
      </c>
      <c r="X1273">
        <v>1125.3679999999999</v>
      </c>
      <c r="Y1273">
        <v>1137.1020000000001</v>
      </c>
    </row>
    <row r="1274" spans="1:25" x14ac:dyDescent="0.3">
      <c r="A1274">
        <v>34.083333334016302</v>
      </c>
      <c r="B1274">
        <v>937.495</v>
      </c>
      <c r="C1274">
        <v>978.12300000000005</v>
      </c>
      <c r="D1274">
        <v>972.12199999999996</v>
      </c>
      <c r="E1274">
        <v>1006.735</v>
      </c>
      <c r="F1274">
        <v>1028.5260000000001</v>
      </c>
      <c r="G1274">
        <v>1055.4949999999999</v>
      </c>
      <c r="H1274">
        <v>1067.355</v>
      </c>
      <c r="I1274">
        <v>1085.0619999999999</v>
      </c>
      <c r="J1274">
        <v>1101.492</v>
      </c>
      <c r="K1274">
        <v>1111.1880000000001</v>
      </c>
      <c r="L1274">
        <v>1117.5730000000001</v>
      </c>
      <c r="M1274">
        <v>1099.837</v>
      </c>
      <c r="N1274">
        <v>924.601</v>
      </c>
      <c r="O1274">
        <v>974.60400000000004</v>
      </c>
      <c r="P1274">
        <v>0</v>
      </c>
      <c r="Q1274">
        <v>0</v>
      </c>
      <c r="R1274">
        <v>1020.98</v>
      </c>
      <c r="S1274">
        <v>0</v>
      </c>
      <c r="T1274">
        <v>1054.1030000000001</v>
      </c>
      <c r="U1274">
        <v>1072.6679999999999</v>
      </c>
      <c r="V1274">
        <v>1083.92</v>
      </c>
      <c r="W1274">
        <v>1107.002</v>
      </c>
      <c r="X1274">
        <v>1129.8309999999999</v>
      </c>
      <c r="Y1274">
        <v>1137.981</v>
      </c>
    </row>
    <row r="1275" spans="1:25" x14ac:dyDescent="0.3">
      <c r="A1275">
        <v>34.116666664664322</v>
      </c>
      <c r="B1275">
        <v>942.59199999999998</v>
      </c>
      <c r="C1275">
        <v>978.41300000000001</v>
      </c>
      <c r="D1275">
        <v>969.53800000000001</v>
      </c>
      <c r="E1275">
        <v>1005.42</v>
      </c>
      <c r="F1275">
        <v>1027.808</v>
      </c>
      <c r="G1275">
        <v>1057.741</v>
      </c>
      <c r="H1275">
        <v>1069.742</v>
      </c>
      <c r="I1275">
        <v>1087.2529999999999</v>
      </c>
      <c r="J1275">
        <v>1099.405</v>
      </c>
      <c r="K1275">
        <v>1109.96</v>
      </c>
      <c r="L1275">
        <v>1112.076</v>
      </c>
      <c r="M1275">
        <v>1096.396</v>
      </c>
      <c r="N1275">
        <v>928.64400000000001</v>
      </c>
      <c r="O1275">
        <v>969.55600000000004</v>
      </c>
      <c r="P1275">
        <v>0</v>
      </c>
      <c r="Q1275">
        <v>0</v>
      </c>
      <c r="R1275">
        <v>1019.6420000000001</v>
      </c>
      <c r="S1275">
        <v>0</v>
      </c>
      <c r="T1275">
        <v>1051.55</v>
      </c>
      <c r="U1275">
        <v>1070.953</v>
      </c>
      <c r="V1275">
        <v>1078.26</v>
      </c>
      <c r="W1275">
        <v>1100.1569999999999</v>
      </c>
      <c r="X1275">
        <v>1122.184</v>
      </c>
      <c r="Y1275">
        <v>1136.894</v>
      </c>
    </row>
    <row r="1276" spans="1:25" x14ac:dyDescent="0.3">
      <c r="A1276">
        <v>34.133333335227022</v>
      </c>
      <c r="B1276">
        <v>947.96199999999999</v>
      </c>
      <c r="C1276">
        <v>976.25300000000004</v>
      </c>
      <c r="D1276">
        <v>970.024</v>
      </c>
      <c r="E1276">
        <v>1007.501</v>
      </c>
      <c r="F1276">
        <v>1028.7629999999999</v>
      </c>
      <c r="G1276">
        <v>1057.2560000000001</v>
      </c>
      <c r="H1276">
        <v>1067.316</v>
      </c>
      <c r="I1276">
        <v>1083.5250000000001</v>
      </c>
      <c r="J1276">
        <v>1100.287</v>
      </c>
      <c r="K1276">
        <v>1108.9570000000001</v>
      </c>
      <c r="L1276">
        <v>1108.636</v>
      </c>
      <c r="M1276">
        <v>1092.8489999999999</v>
      </c>
      <c r="N1276">
        <v>928.14099999999996</v>
      </c>
      <c r="O1276">
        <v>974.548</v>
      </c>
      <c r="P1276">
        <v>0</v>
      </c>
      <c r="Q1276">
        <v>0</v>
      </c>
      <c r="R1276">
        <v>1023.399</v>
      </c>
      <c r="S1276">
        <v>0</v>
      </c>
      <c r="T1276">
        <v>1056.0309999999999</v>
      </c>
      <c r="U1276">
        <v>1074.25</v>
      </c>
      <c r="V1276">
        <v>1084.6489999999999</v>
      </c>
      <c r="W1276">
        <v>1103.22</v>
      </c>
      <c r="X1276">
        <v>1123.1659999999999</v>
      </c>
      <c r="Y1276">
        <v>1135.752</v>
      </c>
    </row>
    <row r="1277" spans="1:25" x14ac:dyDescent="0.3">
      <c r="A1277">
        <v>34.166666665875042</v>
      </c>
      <c r="B1277">
        <v>935.79</v>
      </c>
      <c r="C1277">
        <v>974.76800000000003</v>
      </c>
      <c r="D1277">
        <v>970.09799999999996</v>
      </c>
      <c r="E1277">
        <v>1007.539</v>
      </c>
      <c r="F1277">
        <v>1034.4359999999999</v>
      </c>
      <c r="G1277">
        <v>1054.9190000000001</v>
      </c>
      <c r="H1277">
        <v>1064.2370000000001</v>
      </c>
      <c r="I1277">
        <v>1082.8720000000001</v>
      </c>
      <c r="J1277">
        <v>1099.329</v>
      </c>
      <c r="K1277">
        <v>1109.0909999999999</v>
      </c>
      <c r="L1277">
        <v>1111.981</v>
      </c>
      <c r="M1277">
        <v>1094.5730000000001</v>
      </c>
      <c r="N1277">
        <v>933.20600000000002</v>
      </c>
      <c r="O1277">
        <v>973.38900000000001</v>
      </c>
      <c r="P1277">
        <v>0</v>
      </c>
      <c r="Q1277">
        <v>0</v>
      </c>
      <c r="R1277">
        <v>1021.86</v>
      </c>
      <c r="S1277">
        <v>0</v>
      </c>
      <c r="T1277">
        <v>1053.1020000000001</v>
      </c>
      <c r="U1277">
        <v>1074.681</v>
      </c>
      <c r="V1277">
        <v>1088.769</v>
      </c>
      <c r="W1277">
        <v>1106.682</v>
      </c>
      <c r="X1277">
        <v>1127.5909999999999</v>
      </c>
      <c r="Y1277">
        <v>1136.665</v>
      </c>
    </row>
    <row r="1278" spans="1:25" x14ac:dyDescent="0.3">
      <c r="A1278">
        <v>34.183333336437741</v>
      </c>
      <c r="B1278">
        <v>936.29100000000005</v>
      </c>
      <c r="C1278">
        <v>977.39599999999996</v>
      </c>
      <c r="D1278">
        <v>971.32500000000005</v>
      </c>
      <c r="E1278">
        <v>1011.904</v>
      </c>
      <c r="F1278">
        <v>1037.546</v>
      </c>
      <c r="G1278">
        <v>1061.2280000000001</v>
      </c>
      <c r="H1278">
        <v>1066.9259999999999</v>
      </c>
      <c r="I1278">
        <v>1085.2850000000001</v>
      </c>
      <c r="J1278">
        <v>1099.309</v>
      </c>
      <c r="K1278">
        <v>1108.749</v>
      </c>
      <c r="L1278">
        <v>1115.3420000000001</v>
      </c>
      <c r="M1278">
        <v>1096.9580000000001</v>
      </c>
      <c r="N1278">
        <v>929.98299999999995</v>
      </c>
      <c r="O1278">
        <v>972.77099999999996</v>
      </c>
      <c r="P1278">
        <v>0</v>
      </c>
      <c r="Q1278">
        <v>0</v>
      </c>
      <c r="R1278">
        <v>1025.655</v>
      </c>
      <c r="S1278">
        <v>0</v>
      </c>
      <c r="T1278">
        <v>1056.681</v>
      </c>
      <c r="U1278">
        <v>1079.731</v>
      </c>
      <c r="V1278">
        <v>1095.924</v>
      </c>
      <c r="W1278">
        <v>1113.472</v>
      </c>
      <c r="X1278">
        <v>1131.0440000000001</v>
      </c>
      <c r="Y1278">
        <v>1139.6959999999999</v>
      </c>
    </row>
    <row r="1279" spans="1:25" x14ac:dyDescent="0.3">
      <c r="A1279">
        <v>34.216666667085761</v>
      </c>
      <c r="B1279">
        <v>941.85400000000004</v>
      </c>
      <c r="C1279">
        <v>978.04899999999998</v>
      </c>
      <c r="D1279">
        <v>969.71699999999998</v>
      </c>
      <c r="E1279">
        <v>1010.205</v>
      </c>
      <c r="F1279">
        <v>1036.4590000000001</v>
      </c>
      <c r="G1279">
        <v>1062.954</v>
      </c>
      <c r="H1279">
        <v>1066.741</v>
      </c>
      <c r="I1279">
        <v>1083.8440000000001</v>
      </c>
      <c r="J1279">
        <v>1101.2460000000001</v>
      </c>
      <c r="K1279">
        <v>1109.183</v>
      </c>
      <c r="L1279">
        <v>1114.606</v>
      </c>
      <c r="M1279">
        <v>1097.3340000000001</v>
      </c>
      <c r="N1279">
        <v>933.04200000000003</v>
      </c>
      <c r="O1279">
        <v>968.54200000000003</v>
      </c>
      <c r="P1279">
        <v>0</v>
      </c>
      <c r="Q1279">
        <v>0</v>
      </c>
      <c r="R1279">
        <v>1026.1679999999999</v>
      </c>
      <c r="S1279">
        <v>0</v>
      </c>
      <c r="T1279">
        <v>1056.6990000000001</v>
      </c>
      <c r="U1279">
        <v>1079.731</v>
      </c>
      <c r="V1279">
        <v>1090.846</v>
      </c>
      <c r="W1279">
        <v>1112.8109999999999</v>
      </c>
      <c r="X1279">
        <v>1133.2270000000001</v>
      </c>
      <c r="Y1279">
        <v>1144.79</v>
      </c>
    </row>
    <row r="1280" spans="1:25" x14ac:dyDescent="0.3">
      <c r="A1280">
        <v>34.249999997733781</v>
      </c>
      <c r="B1280">
        <v>939.36199999999997</v>
      </c>
      <c r="C1280">
        <v>980.22699999999998</v>
      </c>
      <c r="D1280">
        <v>971.74300000000005</v>
      </c>
      <c r="E1280">
        <v>1010.573</v>
      </c>
      <c r="F1280">
        <v>1034.271</v>
      </c>
      <c r="G1280">
        <v>1060.5070000000001</v>
      </c>
      <c r="H1280">
        <v>1066.539</v>
      </c>
      <c r="I1280">
        <v>1083.153</v>
      </c>
      <c r="J1280">
        <v>1100.327</v>
      </c>
      <c r="K1280">
        <v>1107.604</v>
      </c>
      <c r="L1280">
        <v>1110.98</v>
      </c>
      <c r="M1280">
        <v>1097.0550000000001</v>
      </c>
      <c r="N1280">
        <v>929.14499999999998</v>
      </c>
      <c r="O1280">
        <v>969.899</v>
      </c>
      <c r="P1280">
        <v>0</v>
      </c>
      <c r="Q1280">
        <v>0</v>
      </c>
      <c r="R1280">
        <v>1028.471</v>
      </c>
      <c r="S1280">
        <v>0</v>
      </c>
      <c r="T1280">
        <v>1057.3330000000001</v>
      </c>
      <c r="U1280">
        <v>1079.9380000000001</v>
      </c>
      <c r="V1280">
        <v>1089.463</v>
      </c>
      <c r="W1280">
        <v>1110.6780000000001</v>
      </c>
      <c r="X1280">
        <v>1134.9949999999999</v>
      </c>
      <c r="Y1280">
        <v>1143.8</v>
      </c>
    </row>
    <row r="1281" spans="1:25" x14ac:dyDescent="0.3">
      <c r="A1281">
        <v>34.26666666829648</v>
      </c>
      <c r="B1281">
        <v>941.245</v>
      </c>
      <c r="C1281">
        <v>981.09699999999998</v>
      </c>
      <c r="D1281">
        <v>972.50099999999998</v>
      </c>
      <c r="E1281">
        <v>1013.938</v>
      </c>
      <c r="F1281">
        <v>1039.6089999999999</v>
      </c>
      <c r="G1281">
        <v>1064.088</v>
      </c>
      <c r="H1281">
        <v>1070.356</v>
      </c>
      <c r="I1281">
        <v>1089.481</v>
      </c>
      <c r="J1281">
        <v>1100.0999999999999</v>
      </c>
      <c r="K1281">
        <v>1108.393</v>
      </c>
      <c r="L1281">
        <v>1114.154</v>
      </c>
      <c r="M1281">
        <v>1099.6679999999999</v>
      </c>
      <c r="N1281">
        <v>922.75900000000001</v>
      </c>
      <c r="O1281">
        <v>979.82799999999997</v>
      </c>
      <c r="P1281">
        <v>0</v>
      </c>
      <c r="Q1281">
        <v>0</v>
      </c>
      <c r="R1281">
        <v>1032.4290000000001</v>
      </c>
      <c r="S1281">
        <v>0</v>
      </c>
      <c r="T1281">
        <v>1060.692</v>
      </c>
      <c r="U1281">
        <v>1078.297</v>
      </c>
      <c r="V1281">
        <v>1087.4590000000001</v>
      </c>
      <c r="W1281">
        <v>1108.45</v>
      </c>
      <c r="X1281">
        <v>1139.068</v>
      </c>
      <c r="Y1281">
        <v>1145.9739999999999</v>
      </c>
    </row>
    <row r="1282" spans="1:25" x14ac:dyDescent="0.3">
      <c r="A1282">
        <v>34.2999999989445</v>
      </c>
      <c r="B1282">
        <v>947.53200000000004</v>
      </c>
      <c r="C1282">
        <v>979.33799999999997</v>
      </c>
      <c r="D1282">
        <v>972.35699999999997</v>
      </c>
      <c r="E1282">
        <v>1012.4</v>
      </c>
      <c r="F1282">
        <v>1036.498</v>
      </c>
      <c r="G1282">
        <v>1060.2840000000001</v>
      </c>
      <c r="H1282">
        <v>1070.6179999999999</v>
      </c>
      <c r="I1282">
        <v>1089.481</v>
      </c>
      <c r="J1282">
        <v>1097.75</v>
      </c>
      <c r="K1282">
        <v>1107.3969999999999</v>
      </c>
      <c r="L1282">
        <v>1110.3</v>
      </c>
      <c r="M1282">
        <v>1094.2370000000001</v>
      </c>
      <c r="N1282">
        <v>922.22199999999998</v>
      </c>
      <c r="O1282">
        <v>983.56399999999996</v>
      </c>
      <c r="P1282">
        <v>0</v>
      </c>
      <c r="Q1282">
        <v>0</v>
      </c>
      <c r="R1282">
        <v>1031.0119999999999</v>
      </c>
      <c r="S1282">
        <v>0</v>
      </c>
      <c r="T1282">
        <v>1055.885</v>
      </c>
      <c r="U1282">
        <v>1074.5139999999999</v>
      </c>
      <c r="V1282">
        <v>1084.3889999999999</v>
      </c>
      <c r="W1282">
        <v>1105.2159999999999</v>
      </c>
      <c r="X1282">
        <v>1137.81</v>
      </c>
      <c r="Y1282">
        <v>1144.6969999999999</v>
      </c>
    </row>
    <row r="1283" spans="1:25" x14ac:dyDescent="0.3">
      <c r="A1283">
        <v>34.3166666695072</v>
      </c>
      <c r="B1283">
        <v>942.73599999999999</v>
      </c>
      <c r="C1283">
        <v>976.99900000000002</v>
      </c>
      <c r="D1283">
        <v>970.351</v>
      </c>
      <c r="E1283">
        <v>1007.8869999999999</v>
      </c>
      <c r="F1283">
        <v>1030.883</v>
      </c>
      <c r="G1283">
        <v>1056.145</v>
      </c>
      <c r="H1283">
        <v>1066.1120000000001</v>
      </c>
      <c r="I1283">
        <v>1084.614</v>
      </c>
      <c r="J1283">
        <v>1093.731</v>
      </c>
      <c r="K1283">
        <v>1105.1590000000001</v>
      </c>
      <c r="L1283">
        <v>1111.623</v>
      </c>
      <c r="M1283">
        <v>1097.261</v>
      </c>
      <c r="N1283">
        <v>919.50400000000002</v>
      </c>
      <c r="O1283">
        <v>980.69899999999996</v>
      </c>
      <c r="P1283">
        <v>0</v>
      </c>
      <c r="Q1283">
        <v>0</v>
      </c>
      <c r="R1283">
        <v>1027.7159999999999</v>
      </c>
      <c r="S1283">
        <v>0</v>
      </c>
      <c r="T1283">
        <v>1053.1220000000001</v>
      </c>
      <c r="U1283">
        <v>1078.3910000000001</v>
      </c>
      <c r="V1283">
        <v>1089.481</v>
      </c>
      <c r="W1283">
        <v>1110.0360000000001</v>
      </c>
      <c r="X1283">
        <v>1138.6300000000001</v>
      </c>
      <c r="Y1283">
        <v>1144.6010000000001</v>
      </c>
    </row>
    <row r="1284" spans="1:25" x14ac:dyDescent="0.3">
      <c r="A1284">
        <v>34.350000000155219</v>
      </c>
      <c r="B1284">
        <v>946.14499999999998</v>
      </c>
      <c r="C1284">
        <v>978.59400000000005</v>
      </c>
      <c r="D1284">
        <v>971.05499999999995</v>
      </c>
      <c r="E1284">
        <v>1006.1319999999999</v>
      </c>
      <c r="F1284">
        <v>1026.1880000000001</v>
      </c>
      <c r="G1284">
        <v>1055.0119999999999</v>
      </c>
      <c r="H1284">
        <v>1063.606</v>
      </c>
      <c r="I1284">
        <v>1083.3589999999999</v>
      </c>
      <c r="J1284">
        <v>1097.0920000000001</v>
      </c>
      <c r="K1284">
        <v>1108.2239999999999</v>
      </c>
      <c r="L1284">
        <v>1115.3440000000001</v>
      </c>
      <c r="M1284">
        <v>1101.492</v>
      </c>
      <c r="N1284">
        <v>924.86900000000003</v>
      </c>
      <c r="O1284">
        <v>970.47699999999998</v>
      </c>
      <c r="P1284">
        <v>0</v>
      </c>
      <c r="Q1284">
        <v>0</v>
      </c>
      <c r="R1284">
        <v>1024.0609999999999</v>
      </c>
      <c r="S1284">
        <v>0</v>
      </c>
      <c r="T1284">
        <v>1050.607</v>
      </c>
      <c r="U1284">
        <v>1078.1479999999999</v>
      </c>
      <c r="V1284">
        <v>1090.51</v>
      </c>
      <c r="W1284">
        <v>1110.904</v>
      </c>
      <c r="X1284">
        <v>1135.924</v>
      </c>
      <c r="Y1284">
        <v>1142.636</v>
      </c>
    </row>
    <row r="1285" spans="1:25" x14ac:dyDescent="0.3">
      <c r="A1285">
        <v>34.383333330803239</v>
      </c>
      <c r="B1285">
        <v>952.14200000000005</v>
      </c>
      <c r="C1285">
        <v>980.553</v>
      </c>
      <c r="D1285">
        <v>971.83199999999999</v>
      </c>
      <c r="E1285">
        <v>1007.265</v>
      </c>
      <c r="F1285">
        <v>1026.298</v>
      </c>
      <c r="G1285">
        <v>1053.731</v>
      </c>
      <c r="H1285">
        <v>1067.076</v>
      </c>
      <c r="I1285">
        <v>1084.95</v>
      </c>
      <c r="J1285">
        <v>1099.799</v>
      </c>
      <c r="K1285">
        <v>1108.374</v>
      </c>
      <c r="L1285">
        <v>1113.115</v>
      </c>
      <c r="M1285">
        <v>1097.4110000000001</v>
      </c>
      <c r="N1285">
        <v>927.64200000000005</v>
      </c>
      <c r="O1285">
        <v>973.55200000000002</v>
      </c>
      <c r="P1285">
        <v>0</v>
      </c>
      <c r="Q1285">
        <v>0</v>
      </c>
      <c r="R1285">
        <v>1027.145</v>
      </c>
      <c r="S1285">
        <v>0</v>
      </c>
      <c r="T1285">
        <v>1053.3979999999999</v>
      </c>
      <c r="U1285">
        <v>1079.3409999999999</v>
      </c>
      <c r="V1285">
        <v>1089.069</v>
      </c>
      <c r="W1285">
        <v>1104.444</v>
      </c>
      <c r="X1285">
        <v>1130.5899999999999</v>
      </c>
      <c r="Y1285">
        <v>1141.2809999999999</v>
      </c>
    </row>
    <row r="1286" spans="1:25" x14ac:dyDescent="0.3">
      <c r="A1286">
        <v>34.400000001365939</v>
      </c>
      <c r="B1286">
        <v>944.15300000000002</v>
      </c>
      <c r="C1286">
        <v>978.84900000000005</v>
      </c>
      <c r="D1286">
        <v>969.93600000000004</v>
      </c>
      <c r="E1286">
        <v>1006.6079999999999</v>
      </c>
      <c r="F1286">
        <v>1026.336</v>
      </c>
      <c r="G1286">
        <v>1056.479</v>
      </c>
      <c r="H1286">
        <v>1066.502</v>
      </c>
      <c r="I1286">
        <v>1085.25</v>
      </c>
      <c r="J1286">
        <v>1102.6579999999999</v>
      </c>
      <c r="K1286">
        <v>1107.7360000000001</v>
      </c>
      <c r="L1286">
        <v>1111.056</v>
      </c>
      <c r="M1286">
        <v>1100.721</v>
      </c>
      <c r="N1286">
        <v>924.94100000000003</v>
      </c>
      <c r="O1286">
        <v>968.05600000000004</v>
      </c>
      <c r="P1286">
        <v>0</v>
      </c>
      <c r="Q1286">
        <v>0</v>
      </c>
      <c r="R1286">
        <v>1027.0170000000001</v>
      </c>
      <c r="S1286">
        <v>0</v>
      </c>
      <c r="T1286">
        <v>1054.1590000000001</v>
      </c>
      <c r="U1286">
        <v>1076.452</v>
      </c>
      <c r="V1286">
        <v>1087.778</v>
      </c>
      <c r="W1286">
        <v>1108.5250000000001</v>
      </c>
      <c r="X1286">
        <v>1128.4649999999999</v>
      </c>
      <c r="Y1286">
        <v>1142.1020000000001</v>
      </c>
    </row>
    <row r="1287" spans="1:25" x14ac:dyDescent="0.3">
      <c r="A1287">
        <v>34.433333332013959</v>
      </c>
      <c r="B1287">
        <v>945.01499999999999</v>
      </c>
      <c r="C1287">
        <v>979.01199999999994</v>
      </c>
      <c r="D1287">
        <v>974.80399999999997</v>
      </c>
      <c r="E1287">
        <v>1008.563</v>
      </c>
      <c r="F1287">
        <v>1030.588</v>
      </c>
      <c r="G1287">
        <v>1061.3420000000001</v>
      </c>
      <c r="H1287">
        <v>1069.07</v>
      </c>
      <c r="I1287">
        <v>1086.261</v>
      </c>
      <c r="J1287">
        <v>1100.646</v>
      </c>
      <c r="K1287">
        <v>1105.0650000000001</v>
      </c>
      <c r="L1287">
        <v>1108.827</v>
      </c>
      <c r="M1287">
        <v>1096.7159999999999</v>
      </c>
      <c r="N1287">
        <v>925.51400000000001</v>
      </c>
      <c r="O1287">
        <v>974.51400000000001</v>
      </c>
      <c r="P1287">
        <v>0</v>
      </c>
      <c r="Q1287">
        <v>0</v>
      </c>
      <c r="R1287">
        <v>1026.704</v>
      </c>
      <c r="S1287">
        <v>0</v>
      </c>
      <c r="T1287">
        <v>1051.864</v>
      </c>
      <c r="U1287">
        <v>1074.942</v>
      </c>
      <c r="V1287">
        <v>1091.8589999999999</v>
      </c>
      <c r="W1287">
        <v>1112.2840000000001</v>
      </c>
      <c r="X1287">
        <v>1130.268</v>
      </c>
      <c r="Y1287">
        <v>1142.4459999999999</v>
      </c>
    </row>
    <row r="1288" spans="1:25" x14ac:dyDescent="0.3">
      <c r="A1288">
        <v>34.450000002576658</v>
      </c>
      <c r="B1288">
        <v>939.43299999999999</v>
      </c>
      <c r="C1288">
        <v>978.77599999999995</v>
      </c>
      <c r="D1288">
        <v>973.226</v>
      </c>
      <c r="E1288">
        <v>1009.859</v>
      </c>
      <c r="F1288">
        <v>1032.355</v>
      </c>
      <c r="G1288">
        <v>1062.6780000000001</v>
      </c>
      <c r="H1288">
        <v>1075.501</v>
      </c>
      <c r="I1288">
        <v>1090.136</v>
      </c>
      <c r="J1288">
        <v>1100.42</v>
      </c>
      <c r="K1288">
        <v>1107.2840000000001</v>
      </c>
      <c r="L1288">
        <v>1109.5440000000001</v>
      </c>
      <c r="M1288">
        <v>1094.779</v>
      </c>
      <c r="N1288">
        <v>917.846</v>
      </c>
      <c r="O1288">
        <v>976.05499999999995</v>
      </c>
      <c r="P1288">
        <v>0</v>
      </c>
      <c r="Q1288">
        <v>0</v>
      </c>
      <c r="R1288">
        <v>1028.0840000000001</v>
      </c>
      <c r="S1288">
        <v>0</v>
      </c>
      <c r="T1288">
        <v>1052.067</v>
      </c>
      <c r="U1288">
        <v>1079.471</v>
      </c>
      <c r="V1288">
        <v>1095.0039999999999</v>
      </c>
      <c r="W1288">
        <v>1110.0730000000001</v>
      </c>
      <c r="X1288">
        <v>1134.0640000000001</v>
      </c>
      <c r="Y1288">
        <v>1144.4860000000001</v>
      </c>
    </row>
    <row r="1289" spans="1:25" x14ac:dyDescent="0.3">
      <c r="A1289">
        <v>34.483333333224678</v>
      </c>
      <c r="B1289">
        <v>944.25900000000001</v>
      </c>
      <c r="C1289">
        <v>977.26900000000001</v>
      </c>
      <c r="D1289">
        <v>969.03</v>
      </c>
      <c r="E1289">
        <v>1010.516</v>
      </c>
      <c r="F1289">
        <v>1033.145</v>
      </c>
      <c r="G1289">
        <v>1063.4549999999999</v>
      </c>
      <c r="H1289">
        <v>1073.4490000000001</v>
      </c>
      <c r="I1289">
        <v>1085.941</v>
      </c>
      <c r="J1289">
        <v>1097.0519999999999</v>
      </c>
      <c r="K1289">
        <v>1104.1600000000001</v>
      </c>
      <c r="L1289">
        <v>1108.0530000000001</v>
      </c>
      <c r="M1289">
        <v>1094.9649999999999</v>
      </c>
      <c r="N1289">
        <v>915.74099999999999</v>
      </c>
      <c r="O1289">
        <v>983.16300000000001</v>
      </c>
      <c r="P1289">
        <v>0</v>
      </c>
      <c r="Q1289">
        <v>0</v>
      </c>
      <c r="R1289">
        <v>1024.0229999999999</v>
      </c>
      <c r="S1289">
        <v>0</v>
      </c>
      <c r="T1289">
        <v>1050.346</v>
      </c>
      <c r="U1289">
        <v>1078.7429999999999</v>
      </c>
      <c r="V1289">
        <v>1094.2529999999999</v>
      </c>
      <c r="W1289">
        <v>1108.222</v>
      </c>
      <c r="X1289">
        <v>1132.354</v>
      </c>
      <c r="Y1289">
        <v>1141.8900000000001</v>
      </c>
    </row>
    <row r="1290" spans="1:25" x14ac:dyDescent="0.3">
      <c r="A1290">
        <v>34.516666663872698</v>
      </c>
      <c r="B1290">
        <v>938.23</v>
      </c>
      <c r="C1290">
        <v>977.68700000000001</v>
      </c>
      <c r="D1290">
        <v>969.88099999999997</v>
      </c>
      <c r="E1290">
        <v>1010.462</v>
      </c>
      <c r="F1290">
        <v>1029.925</v>
      </c>
      <c r="G1290">
        <v>1056.441</v>
      </c>
      <c r="H1290">
        <v>1072.202</v>
      </c>
      <c r="I1290">
        <v>1091.3150000000001</v>
      </c>
      <c r="J1290">
        <v>1094.498</v>
      </c>
      <c r="K1290">
        <v>1102</v>
      </c>
      <c r="L1290">
        <v>1106.588</v>
      </c>
      <c r="M1290">
        <v>1092.5139999999999</v>
      </c>
      <c r="N1290">
        <v>923.00900000000001</v>
      </c>
      <c r="O1290">
        <v>978.48500000000001</v>
      </c>
      <c r="P1290">
        <v>0</v>
      </c>
      <c r="Q1290">
        <v>0</v>
      </c>
      <c r="R1290">
        <v>1027.347</v>
      </c>
      <c r="S1290">
        <v>0</v>
      </c>
      <c r="T1290">
        <v>1050.422</v>
      </c>
      <c r="U1290">
        <v>1075.4449999999999</v>
      </c>
      <c r="V1290">
        <v>1091.0719999999999</v>
      </c>
      <c r="W1290">
        <v>1108.732</v>
      </c>
      <c r="X1290">
        <v>1136.057</v>
      </c>
      <c r="Y1290">
        <v>1138.8579999999999</v>
      </c>
    </row>
    <row r="1291" spans="1:25" x14ac:dyDescent="0.3">
      <c r="A1291">
        <v>34.533333334435397</v>
      </c>
      <c r="B1291">
        <v>944.62</v>
      </c>
      <c r="C1291">
        <v>975.96500000000003</v>
      </c>
      <c r="D1291">
        <v>966.43</v>
      </c>
      <c r="E1291">
        <v>1008.672</v>
      </c>
      <c r="F1291">
        <v>1034.51</v>
      </c>
      <c r="G1291">
        <v>1057.537</v>
      </c>
      <c r="H1291">
        <v>1072.0160000000001</v>
      </c>
      <c r="I1291">
        <v>1088.395</v>
      </c>
      <c r="J1291">
        <v>1098.145</v>
      </c>
      <c r="K1291">
        <v>1105.46</v>
      </c>
      <c r="L1291">
        <v>1108.2429999999999</v>
      </c>
      <c r="M1291">
        <v>1094.48</v>
      </c>
      <c r="N1291">
        <v>924.673</v>
      </c>
      <c r="O1291">
        <v>984.34400000000005</v>
      </c>
      <c r="P1291">
        <v>0</v>
      </c>
      <c r="Q1291">
        <v>0</v>
      </c>
      <c r="R1291">
        <v>1027.845</v>
      </c>
      <c r="S1291">
        <v>0</v>
      </c>
      <c r="T1291">
        <v>1052.068</v>
      </c>
      <c r="U1291">
        <v>1074.2339999999999</v>
      </c>
      <c r="V1291">
        <v>1087.347</v>
      </c>
      <c r="W1291">
        <v>1109.45</v>
      </c>
      <c r="X1291">
        <v>1137.2950000000001</v>
      </c>
      <c r="Y1291">
        <v>1144.086</v>
      </c>
    </row>
    <row r="1292" spans="1:25" x14ac:dyDescent="0.3">
      <c r="A1292">
        <v>34.566666665083417</v>
      </c>
      <c r="B1292">
        <v>944.87099999999998</v>
      </c>
      <c r="C1292">
        <v>973.26199999999994</v>
      </c>
      <c r="D1292">
        <v>968.36300000000006</v>
      </c>
      <c r="E1292">
        <v>1006.187</v>
      </c>
      <c r="F1292">
        <v>1030.146</v>
      </c>
      <c r="G1292">
        <v>1052.9549999999999</v>
      </c>
      <c r="H1292">
        <v>1064.8119999999999</v>
      </c>
      <c r="I1292">
        <v>1087.8710000000001</v>
      </c>
      <c r="J1292">
        <v>1099.893</v>
      </c>
      <c r="K1292">
        <v>1106.8320000000001</v>
      </c>
      <c r="L1292">
        <v>1110.5450000000001</v>
      </c>
      <c r="M1292">
        <v>1097.0160000000001</v>
      </c>
      <c r="N1292">
        <v>923.02700000000004</v>
      </c>
      <c r="O1292">
        <v>982.20299999999997</v>
      </c>
      <c r="P1292">
        <v>0</v>
      </c>
      <c r="Q1292">
        <v>0</v>
      </c>
      <c r="R1292">
        <v>1026.758</v>
      </c>
      <c r="S1292">
        <v>0</v>
      </c>
      <c r="T1292">
        <v>1053.3240000000001</v>
      </c>
      <c r="U1292">
        <v>1073.152</v>
      </c>
      <c r="V1292">
        <v>1087.8140000000001</v>
      </c>
      <c r="W1292">
        <v>1112.057</v>
      </c>
      <c r="X1292">
        <v>1137.905</v>
      </c>
      <c r="Y1292">
        <v>1142.0440000000001</v>
      </c>
    </row>
    <row r="1293" spans="1:25" x14ac:dyDescent="0.3">
      <c r="A1293">
        <v>34.583333335646117</v>
      </c>
      <c r="B1293">
        <v>947.47900000000004</v>
      </c>
      <c r="C1293">
        <v>973.22699999999998</v>
      </c>
      <c r="D1293">
        <v>971.09299999999996</v>
      </c>
      <c r="E1293">
        <v>1008.381</v>
      </c>
      <c r="F1293">
        <v>1037.4559999999999</v>
      </c>
      <c r="G1293">
        <v>1058.8920000000001</v>
      </c>
      <c r="H1293">
        <v>1076.6759999999999</v>
      </c>
      <c r="I1293">
        <v>1099.6130000000001</v>
      </c>
      <c r="J1293">
        <v>1105.386</v>
      </c>
      <c r="K1293">
        <v>1111.3209999999999</v>
      </c>
      <c r="L1293">
        <v>1119.3510000000001</v>
      </c>
      <c r="M1293">
        <v>1104.4449999999999</v>
      </c>
      <c r="N1293">
        <v>924.995</v>
      </c>
      <c r="O1293">
        <v>976.40099999999995</v>
      </c>
      <c r="P1293">
        <v>0</v>
      </c>
      <c r="Q1293">
        <v>0</v>
      </c>
      <c r="R1293">
        <v>1026.778</v>
      </c>
      <c r="S1293">
        <v>0</v>
      </c>
      <c r="T1293">
        <v>1056.6279999999999</v>
      </c>
      <c r="U1293">
        <v>1079.212</v>
      </c>
      <c r="V1293">
        <v>1091.223</v>
      </c>
      <c r="W1293">
        <v>1112.02</v>
      </c>
      <c r="X1293">
        <v>1133.989</v>
      </c>
      <c r="Y1293">
        <v>1144.201</v>
      </c>
    </row>
    <row r="1294" spans="1:25" x14ac:dyDescent="0.3">
      <c r="A1294">
        <v>34.616666666294137</v>
      </c>
      <c r="B1294">
        <v>948.79300000000001</v>
      </c>
      <c r="C1294">
        <v>973.66200000000003</v>
      </c>
      <c r="D1294">
        <v>972.44799999999998</v>
      </c>
      <c r="E1294">
        <v>1011.322</v>
      </c>
      <c r="F1294">
        <v>1040.404</v>
      </c>
      <c r="G1294">
        <v>1067.04</v>
      </c>
      <c r="H1294">
        <v>1080.423</v>
      </c>
      <c r="I1294">
        <v>1097.5060000000001</v>
      </c>
      <c r="J1294">
        <v>1101.944</v>
      </c>
      <c r="K1294">
        <v>1107.83</v>
      </c>
      <c r="L1294">
        <v>1113.059</v>
      </c>
      <c r="M1294">
        <v>1099.2739999999999</v>
      </c>
      <c r="N1294">
        <v>924.08299999999997</v>
      </c>
      <c r="O1294">
        <v>980.04600000000005</v>
      </c>
      <c r="P1294">
        <v>0</v>
      </c>
      <c r="Q1294">
        <v>0</v>
      </c>
      <c r="R1294">
        <v>1028.95</v>
      </c>
      <c r="S1294">
        <v>0</v>
      </c>
      <c r="T1294">
        <v>1055.848</v>
      </c>
      <c r="U1294">
        <v>1080.6099999999999</v>
      </c>
      <c r="V1294">
        <v>1095.325</v>
      </c>
      <c r="W1294">
        <v>1113.3620000000001</v>
      </c>
      <c r="X1294">
        <v>1132.1859999999999</v>
      </c>
      <c r="Y1294">
        <v>1143.4949999999999</v>
      </c>
    </row>
    <row r="1295" spans="1:25" x14ac:dyDescent="0.3">
      <c r="A1295">
        <v>34.649999996942157</v>
      </c>
      <c r="B1295">
        <v>948.45100000000002</v>
      </c>
      <c r="C1295">
        <v>975.18499999999995</v>
      </c>
      <c r="D1295">
        <v>968.63400000000001</v>
      </c>
      <c r="E1295">
        <v>1011.559</v>
      </c>
      <c r="F1295">
        <v>1037.732</v>
      </c>
      <c r="G1295">
        <v>1060.432</v>
      </c>
      <c r="H1295">
        <v>1069.9280000000001</v>
      </c>
      <c r="I1295">
        <v>1086.4480000000001</v>
      </c>
      <c r="J1295">
        <v>1093.2070000000001</v>
      </c>
      <c r="K1295">
        <v>1103.5609999999999</v>
      </c>
      <c r="L1295">
        <v>1112.9829999999999</v>
      </c>
      <c r="M1295">
        <v>1098.578</v>
      </c>
      <c r="N1295">
        <v>924.61900000000003</v>
      </c>
      <c r="O1295">
        <v>985.25099999999998</v>
      </c>
      <c r="P1295">
        <v>0</v>
      </c>
      <c r="Q1295">
        <v>0</v>
      </c>
      <c r="R1295">
        <v>1026.9059999999999</v>
      </c>
      <c r="S1295">
        <v>0</v>
      </c>
      <c r="T1295">
        <v>1055.1610000000001</v>
      </c>
      <c r="U1295">
        <v>1077.347</v>
      </c>
      <c r="V1295">
        <v>1093.02</v>
      </c>
      <c r="W1295">
        <v>1115.9680000000001</v>
      </c>
      <c r="X1295">
        <v>1136.058</v>
      </c>
      <c r="Y1295">
        <v>1146.528</v>
      </c>
    </row>
    <row r="1296" spans="1:25" x14ac:dyDescent="0.3">
      <c r="A1296">
        <v>34.666666667504856</v>
      </c>
      <c r="B1296">
        <v>947.02800000000002</v>
      </c>
      <c r="C1296">
        <v>975.27599999999995</v>
      </c>
      <c r="D1296">
        <v>971.49</v>
      </c>
      <c r="E1296">
        <v>1009.5309999999999</v>
      </c>
      <c r="F1296">
        <v>1035.191</v>
      </c>
      <c r="G1296">
        <v>1059.857</v>
      </c>
      <c r="H1296">
        <v>1068.865</v>
      </c>
      <c r="I1296">
        <v>1087.1410000000001</v>
      </c>
      <c r="J1296">
        <v>1094.1990000000001</v>
      </c>
      <c r="K1296">
        <v>1103.8620000000001</v>
      </c>
      <c r="L1296">
        <v>1108.0360000000001</v>
      </c>
      <c r="M1296">
        <v>1094.143</v>
      </c>
      <c r="N1296">
        <v>927.74900000000002</v>
      </c>
      <c r="O1296">
        <v>982.76599999999996</v>
      </c>
      <c r="P1296">
        <v>0</v>
      </c>
      <c r="Q1296">
        <v>0</v>
      </c>
      <c r="R1296">
        <v>1024.8499999999999</v>
      </c>
      <c r="S1296">
        <v>0</v>
      </c>
      <c r="T1296">
        <v>1059.356</v>
      </c>
      <c r="U1296">
        <v>1080.665</v>
      </c>
      <c r="V1296">
        <v>1095.0239999999999</v>
      </c>
      <c r="W1296">
        <v>1116.837</v>
      </c>
      <c r="X1296">
        <v>1137.123</v>
      </c>
      <c r="Y1296">
        <v>1144.8489999999999</v>
      </c>
    </row>
    <row r="1297" spans="1:25" x14ac:dyDescent="0.3">
      <c r="A1297">
        <v>34.699999998152876</v>
      </c>
      <c r="B1297">
        <v>942.77099999999996</v>
      </c>
      <c r="C1297">
        <v>975.56600000000003</v>
      </c>
      <c r="D1297">
        <v>969.12199999999996</v>
      </c>
      <c r="E1297">
        <v>1008.836</v>
      </c>
      <c r="F1297">
        <v>1035.614</v>
      </c>
      <c r="G1297">
        <v>1062.6220000000001</v>
      </c>
      <c r="H1297">
        <v>1069.5920000000001</v>
      </c>
      <c r="I1297">
        <v>1086.354</v>
      </c>
      <c r="J1297">
        <v>1093.749</v>
      </c>
      <c r="K1297">
        <v>1103.598</v>
      </c>
      <c r="L1297">
        <v>1110.6210000000001</v>
      </c>
      <c r="M1297">
        <v>1096.095</v>
      </c>
      <c r="N1297">
        <v>923.52800000000002</v>
      </c>
      <c r="O1297">
        <v>979.32</v>
      </c>
      <c r="P1297">
        <v>0</v>
      </c>
      <c r="Q1297">
        <v>0</v>
      </c>
      <c r="R1297">
        <v>1031.3610000000001</v>
      </c>
      <c r="S1297">
        <v>0</v>
      </c>
      <c r="T1297">
        <v>1059.9680000000001</v>
      </c>
      <c r="U1297">
        <v>1084.538</v>
      </c>
      <c r="V1297">
        <v>1096.49</v>
      </c>
      <c r="W1297">
        <v>1119.2360000000001</v>
      </c>
      <c r="X1297">
        <v>1142.1780000000001</v>
      </c>
      <c r="Y1297">
        <v>1150.4190000000001</v>
      </c>
    </row>
    <row r="1298" spans="1:25" x14ac:dyDescent="0.3">
      <c r="A1298">
        <v>34.716666668715575</v>
      </c>
      <c r="B1298">
        <v>930.755</v>
      </c>
      <c r="C1298">
        <v>973.42700000000002</v>
      </c>
      <c r="D1298">
        <v>966.55700000000002</v>
      </c>
      <c r="E1298">
        <v>1003.978</v>
      </c>
      <c r="F1298">
        <v>1033.02</v>
      </c>
      <c r="G1298">
        <v>1062.7719999999999</v>
      </c>
      <c r="H1298">
        <v>1071.7370000000001</v>
      </c>
      <c r="I1298">
        <v>1089.4449999999999</v>
      </c>
      <c r="J1298">
        <v>1096.6420000000001</v>
      </c>
      <c r="K1298">
        <v>1107.3610000000001</v>
      </c>
      <c r="L1298">
        <v>1114.345</v>
      </c>
      <c r="M1298">
        <v>1097.375</v>
      </c>
      <c r="N1298">
        <v>920.88199999999995</v>
      </c>
      <c r="O1298">
        <v>972.84699999999998</v>
      </c>
      <c r="P1298">
        <v>0</v>
      </c>
      <c r="Q1298">
        <v>0</v>
      </c>
      <c r="R1298">
        <v>1035.229</v>
      </c>
      <c r="S1298">
        <v>0</v>
      </c>
      <c r="T1298">
        <v>1057.9649999999999</v>
      </c>
      <c r="U1298">
        <v>1084.165</v>
      </c>
      <c r="V1298">
        <v>1093.751</v>
      </c>
      <c r="W1298">
        <v>1116.838</v>
      </c>
      <c r="X1298">
        <v>1144.164</v>
      </c>
      <c r="Y1298">
        <v>1149.3530000000001</v>
      </c>
    </row>
    <row r="1299" spans="1:25" x14ac:dyDescent="0.3">
      <c r="A1299">
        <v>34.749999999363595</v>
      </c>
      <c r="B1299">
        <v>929.44899999999996</v>
      </c>
      <c r="C1299">
        <v>974.89499999999998</v>
      </c>
      <c r="D1299">
        <v>967.71299999999997</v>
      </c>
      <c r="E1299">
        <v>1005.201</v>
      </c>
      <c r="F1299">
        <v>1031.1769999999999</v>
      </c>
      <c r="G1299">
        <v>1060.933</v>
      </c>
      <c r="H1299">
        <v>1071.885</v>
      </c>
      <c r="I1299">
        <v>1091.971</v>
      </c>
      <c r="J1299">
        <v>1098.0319999999999</v>
      </c>
      <c r="K1299">
        <v>1105.742</v>
      </c>
      <c r="L1299">
        <v>1113.9839999999999</v>
      </c>
      <c r="M1299">
        <v>1094.1990000000001</v>
      </c>
      <c r="N1299">
        <v>920.29100000000005</v>
      </c>
      <c r="O1299">
        <v>978.83100000000002</v>
      </c>
      <c r="P1299">
        <v>0</v>
      </c>
      <c r="Q1299">
        <v>0</v>
      </c>
      <c r="R1299">
        <v>1032.19</v>
      </c>
      <c r="S1299">
        <v>0</v>
      </c>
      <c r="T1299">
        <v>1058.1120000000001</v>
      </c>
      <c r="U1299">
        <v>1083.827</v>
      </c>
      <c r="V1299">
        <v>1094.836</v>
      </c>
      <c r="W1299">
        <v>1117.2339999999999</v>
      </c>
      <c r="X1299">
        <v>1143.2850000000001</v>
      </c>
      <c r="Y1299">
        <v>1146.7380000000001</v>
      </c>
    </row>
    <row r="1300" spans="1:25" x14ac:dyDescent="0.3">
      <c r="A1300">
        <v>34.783333330011615</v>
      </c>
      <c r="B1300">
        <v>937.37</v>
      </c>
      <c r="C1300">
        <v>976.654</v>
      </c>
      <c r="D1300">
        <v>968.47199999999998</v>
      </c>
      <c r="E1300">
        <v>1005.146</v>
      </c>
      <c r="F1300">
        <v>1033</v>
      </c>
      <c r="G1300">
        <v>1060.933</v>
      </c>
      <c r="H1300">
        <v>1071.96</v>
      </c>
      <c r="I1300">
        <v>1093.1130000000001</v>
      </c>
      <c r="J1300">
        <v>1096.923</v>
      </c>
      <c r="K1300">
        <v>1104.4449999999999</v>
      </c>
      <c r="L1300">
        <v>1112.511</v>
      </c>
      <c r="M1300">
        <v>1096.866</v>
      </c>
      <c r="N1300">
        <v>919.27200000000005</v>
      </c>
      <c r="O1300">
        <v>974.09699999999998</v>
      </c>
      <c r="P1300">
        <v>0</v>
      </c>
      <c r="Q1300">
        <v>0</v>
      </c>
      <c r="R1300">
        <v>1032.742</v>
      </c>
      <c r="S1300">
        <v>0</v>
      </c>
      <c r="T1300">
        <v>1056.999</v>
      </c>
      <c r="U1300">
        <v>1080.982</v>
      </c>
      <c r="V1300">
        <v>1092.5519999999999</v>
      </c>
      <c r="W1300">
        <v>1113.4739999999999</v>
      </c>
      <c r="X1300">
        <v>1139.26</v>
      </c>
      <c r="Y1300">
        <v>1144.239</v>
      </c>
    </row>
    <row r="1301" spans="1:25" x14ac:dyDescent="0.3">
      <c r="A1301">
        <v>34.800000000574315</v>
      </c>
      <c r="B1301">
        <v>944.98</v>
      </c>
      <c r="C1301">
        <v>976.69200000000001</v>
      </c>
      <c r="D1301">
        <v>969.81</v>
      </c>
      <c r="E1301">
        <v>1004.417</v>
      </c>
      <c r="F1301">
        <v>1029.5029999999999</v>
      </c>
      <c r="G1301">
        <v>1059.134</v>
      </c>
      <c r="H1301">
        <v>1073.079</v>
      </c>
      <c r="I1301">
        <v>1092.8520000000001</v>
      </c>
      <c r="J1301">
        <v>1096.604</v>
      </c>
      <c r="K1301">
        <v>1102.133</v>
      </c>
      <c r="L1301">
        <v>1107.4359999999999</v>
      </c>
      <c r="M1301">
        <v>1095.627</v>
      </c>
      <c r="N1301">
        <v>924.92399999999998</v>
      </c>
      <c r="O1301">
        <v>975.87599999999998</v>
      </c>
      <c r="P1301">
        <v>0</v>
      </c>
      <c r="Q1301">
        <v>0</v>
      </c>
      <c r="R1301">
        <v>1026.742</v>
      </c>
      <c r="S1301">
        <v>0</v>
      </c>
      <c r="T1301">
        <v>1054.346</v>
      </c>
      <c r="U1301">
        <v>1078.2239999999999</v>
      </c>
      <c r="V1301">
        <v>1092.2159999999999</v>
      </c>
      <c r="W1301">
        <v>1109.829</v>
      </c>
      <c r="X1301">
        <v>1131.5029999999999</v>
      </c>
      <c r="Y1301">
        <v>1143.8779999999999</v>
      </c>
    </row>
    <row r="1302" spans="1:25" x14ac:dyDescent="0.3">
      <c r="A1302">
        <v>34.833333331222335</v>
      </c>
      <c r="B1302">
        <v>938.87800000000004</v>
      </c>
      <c r="C1302">
        <v>974.75099999999998</v>
      </c>
      <c r="D1302">
        <v>969.15899999999999</v>
      </c>
      <c r="E1302">
        <v>1002.5890000000001</v>
      </c>
      <c r="F1302">
        <v>1026.3910000000001</v>
      </c>
      <c r="G1302">
        <v>1058.521</v>
      </c>
      <c r="H1302">
        <v>1069.3130000000001</v>
      </c>
      <c r="I1302">
        <v>1085.288</v>
      </c>
      <c r="J1302">
        <v>1091.579</v>
      </c>
      <c r="K1302">
        <v>1099.5940000000001</v>
      </c>
      <c r="L1302">
        <v>1105.7619999999999</v>
      </c>
      <c r="M1302">
        <v>1093.9749999999999</v>
      </c>
      <c r="N1302">
        <v>917.79300000000001</v>
      </c>
      <c r="O1302">
        <v>981.42499999999995</v>
      </c>
      <c r="P1302">
        <v>0</v>
      </c>
      <c r="Q1302">
        <v>0</v>
      </c>
      <c r="R1302">
        <v>1022.705</v>
      </c>
      <c r="S1302">
        <v>0</v>
      </c>
      <c r="T1302">
        <v>1053.6949999999999</v>
      </c>
      <c r="U1302">
        <v>1077.981</v>
      </c>
      <c r="V1302">
        <v>1091.4849999999999</v>
      </c>
      <c r="W1302">
        <v>1107.2850000000001</v>
      </c>
      <c r="X1302">
        <v>1125.3520000000001</v>
      </c>
      <c r="Y1302">
        <v>1139.7180000000001</v>
      </c>
    </row>
    <row r="1303" spans="1:25" x14ac:dyDescent="0.3">
      <c r="A1303">
        <v>34.866666672347733</v>
      </c>
      <c r="B1303">
        <v>941.49800000000005</v>
      </c>
      <c r="C1303">
        <v>973.15499999999997</v>
      </c>
      <c r="D1303">
        <v>970.28</v>
      </c>
      <c r="E1303">
        <v>1002.37</v>
      </c>
      <c r="F1303">
        <v>1027.3679999999999</v>
      </c>
      <c r="G1303">
        <v>1053.9190000000001</v>
      </c>
      <c r="H1303">
        <v>1064.684</v>
      </c>
      <c r="I1303">
        <v>1082.8920000000001</v>
      </c>
      <c r="J1303">
        <v>1089.3330000000001</v>
      </c>
      <c r="K1303">
        <v>1096.3219999999999</v>
      </c>
      <c r="L1303">
        <v>1104.4839999999999</v>
      </c>
      <c r="M1303">
        <v>1090.1559999999999</v>
      </c>
      <c r="N1303">
        <v>916.52800000000002</v>
      </c>
      <c r="O1303">
        <v>984.00099999999998</v>
      </c>
      <c r="P1303">
        <v>0</v>
      </c>
      <c r="Q1303">
        <v>0</v>
      </c>
      <c r="R1303">
        <v>1022.174</v>
      </c>
      <c r="S1303">
        <v>0</v>
      </c>
      <c r="T1303">
        <v>1050.0730000000001</v>
      </c>
      <c r="U1303">
        <v>1076.0809999999999</v>
      </c>
      <c r="V1303">
        <v>1086.9359999999999</v>
      </c>
      <c r="W1303">
        <v>1105.9690000000001</v>
      </c>
      <c r="X1303">
        <v>1126.0740000000001</v>
      </c>
      <c r="Y1303">
        <v>1138.8409999999999</v>
      </c>
    </row>
    <row r="1304" spans="1:25" x14ac:dyDescent="0.3">
      <c r="A1304">
        <v>34.883333332433054</v>
      </c>
      <c r="B1304">
        <v>933.33299999999997</v>
      </c>
      <c r="C1304">
        <v>974.47900000000004</v>
      </c>
      <c r="D1304">
        <v>967.96699999999998</v>
      </c>
      <c r="E1304">
        <v>998.71900000000005</v>
      </c>
      <c r="F1304">
        <v>1022.431</v>
      </c>
      <c r="G1304">
        <v>1052.864</v>
      </c>
      <c r="H1304">
        <v>1060.5450000000001</v>
      </c>
      <c r="I1304">
        <v>1080.2190000000001</v>
      </c>
      <c r="J1304">
        <v>1089.894</v>
      </c>
      <c r="K1304">
        <v>1096.586</v>
      </c>
      <c r="L1304">
        <v>1105.2360000000001</v>
      </c>
      <c r="M1304">
        <v>1092.1780000000001</v>
      </c>
      <c r="N1304">
        <v>916.74199999999996</v>
      </c>
      <c r="O1304">
        <v>985.88699999999994</v>
      </c>
      <c r="P1304">
        <v>0</v>
      </c>
      <c r="Q1304">
        <v>0</v>
      </c>
      <c r="R1304">
        <v>1026.135</v>
      </c>
      <c r="S1304">
        <v>0</v>
      </c>
      <c r="T1304">
        <v>1053.252</v>
      </c>
      <c r="U1304">
        <v>1080.163</v>
      </c>
      <c r="V1304">
        <v>1091.71</v>
      </c>
      <c r="W1304">
        <v>1110.1690000000001</v>
      </c>
      <c r="X1304">
        <v>1134.616</v>
      </c>
      <c r="Y1304">
        <v>1139.6420000000001</v>
      </c>
    </row>
    <row r="1305" spans="1:25" x14ac:dyDescent="0.3">
      <c r="A1305">
        <v>34.916666663081074</v>
      </c>
      <c r="B1305">
        <v>931.57799999999997</v>
      </c>
      <c r="C1305">
        <v>973.572</v>
      </c>
      <c r="D1305">
        <v>966.91800000000001</v>
      </c>
      <c r="E1305">
        <v>1001.182</v>
      </c>
      <c r="F1305">
        <v>1021.366</v>
      </c>
      <c r="G1305">
        <v>1055.347</v>
      </c>
      <c r="H1305">
        <v>1062.6420000000001</v>
      </c>
      <c r="I1305">
        <v>1080.2929999999999</v>
      </c>
      <c r="J1305">
        <v>1090.998</v>
      </c>
      <c r="K1305">
        <v>1101.117</v>
      </c>
      <c r="L1305">
        <v>1109.829</v>
      </c>
      <c r="M1305">
        <v>1095.4000000000001</v>
      </c>
      <c r="N1305">
        <v>915.81500000000005</v>
      </c>
      <c r="O1305">
        <v>977.70699999999999</v>
      </c>
      <c r="P1305">
        <v>0</v>
      </c>
      <c r="Q1305">
        <v>0</v>
      </c>
      <c r="R1305">
        <v>1025.8040000000001</v>
      </c>
      <c r="S1305">
        <v>0</v>
      </c>
      <c r="T1305">
        <v>1054.03</v>
      </c>
      <c r="U1305">
        <v>1076.5830000000001</v>
      </c>
      <c r="V1305">
        <v>1087.9469999999999</v>
      </c>
      <c r="W1305">
        <v>1111.6420000000001</v>
      </c>
      <c r="X1305">
        <v>1139.05</v>
      </c>
      <c r="Y1305">
        <v>1142.1600000000001</v>
      </c>
    </row>
    <row r="1306" spans="1:25" x14ac:dyDescent="0.3">
      <c r="A1306">
        <v>34.933333333643773</v>
      </c>
      <c r="B1306">
        <v>934.78599999999994</v>
      </c>
      <c r="C1306">
        <v>973.42700000000002</v>
      </c>
      <c r="D1306">
        <v>967.17100000000005</v>
      </c>
      <c r="E1306">
        <v>1002.845</v>
      </c>
      <c r="F1306">
        <v>1023.86</v>
      </c>
      <c r="G1306">
        <v>1055.422</v>
      </c>
      <c r="H1306">
        <v>1062.5119999999999</v>
      </c>
      <c r="I1306">
        <v>1083.191</v>
      </c>
      <c r="J1306">
        <v>1093.2819999999999</v>
      </c>
      <c r="K1306">
        <v>1103.5239999999999</v>
      </c>
      <c r="L1306">
        <v>1111.3019999999999</v>
      </c>
      <c r="M1306">
        <v>1097.5630000000001</v>
      </c>
      <c r="N1306">
        <v>918.15</v>
      </c>
      <c r="O1306">
        <v>977.59799999999996</v>
      </c>
      <c r="P1306">
        <v>0</v>
      </c>
      <c r="Q1306">
        <v>0</v>
      </c>
      <c r="R1306">
        <v>1026.52</v>
      </c>
      <c r="S1306">
        <v>0</v>
      </c>
      <c r="T1306">
        <v>1058.001</v>
      </c>
      <c r="U1306">
        <v>1079.528</v>
      </c>
      <c r="V1306">
        <v>1086.2429999999999</v>
      </c>
      <c r="W1306">
        <v>1109.7529999999999</v>
      </c>
      <c r="X1306">
        <v>1136.818</v>
      </c>
      <c r="Y1306">
        <v>1147.0060000000001</v>
      </c>
    </row>
    <row r="1307" spans="1:25" x14ac:dyDescent="0.3">
      <c r="A1307">
        <v>34.966666664291793</v>
      </c>
      <c r="B1307">
        <v>936.33</v>
      </c>
      <c r="C1307">
        <v>972.322</v>
      </c>
      <c r="D1307">
        <v>966.73800000000006</v>
      </c>
      <c r="E1307">
        <v>1003.174</v>
      </c>
      <c r="F1307">
        <v>1027.22</v>
      </c>
      <c r="G1307">
        <v>1055.0139999999999</v>
      </c>
      <c r="H1307">
        <v>1062.9390000000001</v>
      </c>
      <c r="I1307">
        <v>1083.6790000000001</v>
      </c>
      <c r="J1307">
        <v>1097.1869999999999</v>
      </c>
      <c r="K1307">
        <v>1107.7739999999999</v>
      </c>
      <c r="L1307">
        <v>1112.3420000000001</v>
      </c>
      <c r="M1307">
        <v>1098.4100000000001</v>
      </c>
      <c r="N1307">
        <v>917.72299999999996</v>
      </c>
      <c r="O1307">
        <v>985.68700000000001</v>
      </c>
      <c r="P1307">
        <v>0</v>
      </c>
      <c r="Q1307">
        <v>0</v>
      </c>
      <c r="R1307">
        <v>1024.4659999999999</v>
      </c>
      <c r="S1307">
        <v>0</v>
      </c>
      <c r="T1307">
        <v>1058.54</v>
      </c>
      <c r="U1307">
        <v>1081.17</v>
      </c>
      <c r="V1307">
        <v>1088.7149999999999</v>
      </c>
      <c r="W1307">
        <v>1111.9069999999999</v>
      </c>
      <c r="X1307">
        <v>1139.662</v>
      </c>
      <c r="Y1307">
        <v>1146.72</v>
      </c>
    </row>
    <row r="1308" spans="1:25" x14ac:dyDescent="0.3">
      <c r="A1308">
        <v>35.000000005417192</v>
      </c>
      <c r="B1308">
        <v>937.49699999999996</v>
      </c>
      <c r="C1308">
        <v>975.47699999999998</v>
      </c>
      <c r="D1308">
        <v>967.58799999999997</v>
      </c>
      <c r="E1308">
        <v>1002.992</v>
      </c>
      <c r="F1308">
        <v>1029.375</v>
      </c>
      <c r="G1308">
        <v>1054.1790000000001</v>
      </c>
      <c r="H1308">
        <v>1064.22</v>
      </c>
      <c r="I1308">
        <v>1085.046</v>
      </c>
      <c r="J1308">
        <v>1098.4849999999999</v>
      </c>
      <c r="K1308">
        <v>1108.038</v>
      </c>
      <c r="L1308">
        <v>1114.251</v>
      </c>
      <c r="M1308">
        <v>1097.846</v>
      </c>
      <c r="N1308">
        <v>917.45600000000002</v>
      </c>
      <c r="O1308">
        <v>982.24199999999996</v>
      </c>
      <c r="P1308">
        <v>0</v>
      </c>
      <c r="Q1308">
        <v>0</v>
      </c>
      <c r="R1308">
        <v>1032.431</v>
      </c>
      <c r="S1308">
        <v>0</v>
      </c>
      <c r="T1308">
        <v>1055.4780000000001</v>
      </c>
      <c r="U1308">
        <v>1078.97</v>
      </c>
      <c r="V1308">
        <v>1088.4349999999999</v>
      </c>
      <c r="W1308">
        <v>1108.942</v>
      </c>
      <c r="X1308">
        <v>1134.4839999999999</v>
      </c>
      <c r="Y1308">
        <v>1149.277</v>
      </c>
    </row>
    <row r="1309" spans="1:25" x14ac:dyDescent="0.3">
      <c r="A1309">
        <v>35.016666665502513</v>
      </c>
      <c r="B1309">
        <v>938.68</v>
      </c>
      <c r="C1309">
        <v>974.24199999999996</v>
      </c>
      <c r="D1309">
        <v>967.69500000000005</v>
      </c>
      <c r="E1309">
        <v>1003.612</v>
      </c>
      <c r="F1309">
        <v>1034.4549999999999</v>
      </c>
      <c r="G1309">
        <v>1056.2750000000001</v>
      </c>
      <c r="H1309">
        <v>1067.058</v>
      </c>
      <c r="I1309">
        <v>1086.299</v>
      </c>
      <c r="J1309">
        <v>1099.01</v>
      </c>
      <c r="K1309">
        <v>1109.6769999999999</v>
      </c>
      <c r="L1309">
        <v>1116.308</v>
      </c>
      <c r="M1309">
        <v>1100.8720000000001</v>
      </c>
      <c r="N1309">
        <v>915.20799999999997</v>
      </c>
      <c r="O1309">
        <v>980.20899999999995</v>
      </c>
      <c r="P1309">
        <v>0</v>
      </c>
      <c r="Q1309">
        <v>0</v>
      </c>
      <c r="R1309">
        <v>1025.712</v>
      </c>
      <c r="S1309">
        <v>0</v>
      </c>
      <c r="T1309">
        <v>1056.683</v>
      </c>
      <c r="U1309">
        <v>1075.6130000000001</v>
      </c>
      <c r="V1309">
        <v>1085.587</v>
      </c>
      <c r="W1309">
        <v>1107.924</v>
      </c>
      <c r="X1309">
        <v>1133.704</v>
      </c>
      <c r="Y1309">
        <v>1148.951</v>
      </c>
    </row>
    <row r="1310" spans="1:25" x14ac:dyDescent="0.3">
      <c r="A1310">
        <v>35.050000006627911</v>
      </c>
      <c r="B1310">
        <v>938.07</v>
      </c>
      <c r="C1310">
        <v>974.40599999999995</v>
      </c>
      <c r="D1310">
        <v>971.12900000000002</v>
      </c>
      <c r="E1310">
        <v>1007.0839999999999</v>
      </c>
      <c r="F1310">
        <v>1037.8430000000001</v>
      </c>
      <c r="G1310">
        <v>1061.6759999999999</v>
      </c>
      <c r="H1310">
        <v>1071.4570000000001</v>
      </c>
      <c r="I1310">
        <v>1093.2639999999999</v>
      </c>
      <c r="J1310">
        <v>1103.9190000000001</v>
      </c>
      <c r="K1310">
        <v>1112.4359999999999</v>
      </c>
      <c r="L1310">
        <v>1116.838</v>
      </c>
      <c r="M1310">
        <v>1103.8620000000001</v>
      </c>
      <c r="N1310">
        <v>921.32899999999995</v>
      </c>
      <c r="O1310">
        <v>983.54700000000003</v>
      </c>
      <c r="P1310">
        <v>0</v>
      </c>
      <c r="Q1310">
        <v>0</v>
      </c>
      <c r="R1310">
        <v>1023.329</v>
      </c>
      <c r="S1310">
        <v>0</v>
      </c>
      <c r="T1310">
        <v>1054.048</v>
      </c>
      <c r="U1310">
        <v>1075.4829999999999</v>
      </c>
      <c r="V1310">
        <v>1085.194</v>
      </c>
      <c r="W1310">
        <v>1106.74</v>
      </c>
      <c r="X1310">
        <v>1132.1859999999999</v>
      </c>
      <c r="Y1310">
        <v>1145.7660000000001</v>
      </c>
    </row>
    <row r="1311" spans="1:25" x14ac:dyDescent="0.3">
      <c r="A1311">
        <v>35.066666666713232</v>
      </c>
      <c r="B1311">
        <v>930.68299999999999</v>
      </c>
      <c r="C1311">
        <v>971.12900000000002</v>
      </c>
      <c r="D1311">
        <v>971.38199999999995</v>
      </c>
      <c r="E1311">
        <v>1011.14</v>
      </c>
      <c r="F1311">
        <v>1034.124</v>
      </c>
      <c r="G1311">
        <v>1060.0429999999999</v>
      </c>
      <c r="H1311">
        <v>1069.556</v>
      </c>
      <c r="I1311">
        <v>1085.8119999999999</v>
      </c>
      <c r="J1311">
        <v>1095.231</v>
      </c>
      <c r="K1311">
        <v>1104.0319999999999</v>
      </c>
      <c r="L1311">
        <v>1110.7349999999999</v>
      </c>
      <c r="M1311">
        <v>1099.011</v>
      </c>
      <c r="N1311">
        <v>918.596</v>
      </c>
      <c r="O1311">
        <v>980.28200000000004</v>
      </c>
      <c r="P1311">
        <v>0</v>
      </c>
      <c r="Q1311">
        <v>0</v>
      </c>
      <c r="R1311">
        <v>1023.75</v>
      </c>
      <c r="S1311">
        <v>0</v>
      </c>
      <c r="T1311">
        <v>1053.252</v>
      </c>
      <c r="U1311">
        <v>1074.384</v>
      </c>
      <c r="V1311">
        <v>1087.348</v>
      </c>
      <c r="W1311">
        <v>1105.7619999999999</v>
      </c>
      <c r="X1311">
        <v>1129.68</v>
      </c>
      <c r="Y1311">
        <v>1136.096</v>
      </c>
    </row>
    <row r="1312" spans="1:25" x14ac:dyDescent="0.3">
      <c r="A1312">
        <v>35.099999997361252</v>
      </c>
      <c r="B1312">
        <v>929.03899999999999</v>
      </c>
      <c r="C1312">
        <v>969.34100000000001</v>
      </c>
      <c r="D1312">
        <v>966.86500000000001</v>
      </c>
      <c r="E1312">
        <v>1009.515</v>
      </c>
      <c r="F1312">
        <v>1030.7370000000001</v>
      </c>
      <c r="G1312">
        <v>1056.722</v>
      </c>
      <c r="H1312">
        <v>1064.146</v>
      </c>
      <c r="I1312">
        <v>1079.567</v>
      </c>
      <c r="J1312">
        <v>1091.1679999999999</v>
      </c>
      <c r="K1312">
        <v>1103.356</v>
      </c>
      <c r="L1312">
        <v>1110.548</v>
      </c>
      <c r="M1312">
        <v>1100.5160000000001</v>
      </c>
      <c r="N1312">
        <v>921.88400000000001</v>
      </c>
      <c r="O1312">
        <v>982.351</v>
      </c>
      <c r="P1312">
        <v>0</v>
      </c>
      <c r="Q1312">
        <v>0</v>
      </c>
      <c r="R1312">
        <v>1020.139</v>
      </c>
      <c r="S1312">
        <v>0</v>
      </c>
      <c r="T1312">
        <v>1054.606</v>
      </c>
      <c r="U1312">
        <v>1074.627</v>
      </c>
      <c r="V1312">
        <v>1087.6110000000001</v>
      </c>
      <c r="W1312">
        <v>1106.327</v>
      </c>
      <c r="X1312">
        <v>1132.567</v>
      </c>
      <c r="Y1312">
        <v>1137.4870000000001</v>
      </c>
    </row>
    <row r="1313" spans="1:25" x14ac:dyDescent="0.3">
      <c r="A1313">
        <v>35.133333338486651</v>
      </c>
      <c r="B1313">
        <v>916.11800000000005</v>
      </c>
      <c r="C1313">
        <v>968.32799999999997</v>
      </c>
      <c r="D1313">
        <v>960.75599999999997</v>
      </c>
      <c r="E1313">
        <v>1007.8869999999999</v>
      </c>
      <c r="F1313">
        <v>1035.652</v>
      </c>
      <c r="G1313">
        <v>1057.3150000000001</v>
      </c>
      <c r="H1313">
        <v>1070.376</v>
      </c>
      <c r="I1313">
        <v>1085.1759999999999</v>
      </c>
      <c r="J1313">
        <v>1096.134</v>
      </c>
      <c r="K1313">
        <v>1107.924</v>
      </c>
      <c r="L1313">
        <v>1113.3050000000001</v>
      </c>
      <c r="M1313">
        <v>1099.819</v>
      </c>
      <c r="N1313">
        <v>914.56700000000001</v>
      </c>
      <c r="O1313">
        <v>976.40099999999995</v>
      </c>
      <c r="P1313">
        <v>0</v>
      </c>
      <c r="Q1313">
        <v>0</v>
      </c>
      <c r="R1313">
        <v>1022.65</v>
      </c>
      <c r="S1313">
        <v>0</v>
      </c>
      <c r="T1313">
        <v>1052.1420000000001</v>
      </c>
      <c r="U1313">
        <v>1074.011</v>
      </c>
      <c r="V1313">
        <v>1088.19</v>
      </c>
      <c r="W1313">
        <v>1110.7729999999999</v>
      </c>
      <c r="X1313">
        <v>1132.49</v>
      </c>
      <c r="Y1313">
        <v>1137.982</v>
      </c>
    </row>
    <row r="1314" spans="1:25" x14ac:dyDescent="0.3">
      <c r="A1314">
        <v>35.149999998571971</v>
      </c>
      <c r="B1314">
        <v>921.88400000000001</v>
      </c>
      <c r="C1314">
        <v>972.30399999999997</v>
      </c>
      <c r="D1314">
        <v>962.54600000000005</v>
      </c>
      <c r="E1314">
        <v>1002.48</v>
      </c>
      <c r="F1314">
        <v>1029.9639999999999</v>
      </c>
      <c r="G1314">
        <v>1055.366</v>
      </c>
      <c r="H1314">
        <v>1073.471</v>
      </c>
      <c r="I1314">
        <v>1090.643</v>
      </c>
      <c r="J1314">
        <v>1098.4280000000001</v>
      </c>
      <c r="K1314">
        <v>1105.875</v>
      </c>
      <c r="L1314">
        <v>1112.72</v>
      </c>
      <c r="M1314">
        <v>1099.3499999999999</v>
      </c>
      <c r="N1314">
        <v>924.12</v>
      </c>
      <c r="O1314">
        <v>976.45600000000002</v>
      </c>
      <c r="P1314">
        <v>0</v>
      </c>
      <c r="Q1314">
        <v>0</v>
      </c>
      <c r="R1314">
        <v>1022.797</v>
      </c>
      <c r="S1314">
        <v>0</v>
      </c>
      <c r="T1314">
        <v>1053.8820000000001</v>
      </c>
      <c r="U1314">
        <v>1073.0050000000001</v>
      </c>
      <c r="V1314">
        <v>1082.6110000000001</v>
      </c>
      <c r="W1314">
        <v>1105.048</v>
      </c>
      <c r="X1314">
        <v>1127.213</v>
      </c>
      <c r="Y1314">
        <v>1141.0730000000001</v>
      </c>
    </row>
    <row r="1315" spans="1:25" x14ac:dyDescent="0.3">
      <c r="A1315">
        <v>35.18333333969737</v>
      </c>
      <c r="B1315">
        <v>931.84699999999998</v>
      </c>
      <c r="C1315">
        <v>973.11900000000003</v>
      </c>
      <c r="D1315">
        <v>961.87699999999995</v>
      </c>
      <c r="E1315">
        <v>1002.279</v>
      </c>
      <c r="F1315">
        <v>1026.355</v>
      </c>
      <c r="G1315">
        <v>1053.789</v>
      </c>
      <c r="H1315">
        <v>1071.085</v>
      </c>
      <c r="I1315">
        <v>1084.296</v>
      </c>
      <c r="J1315">
        <v>1092.1969999999999</v>
      </c>
      <c r="K1315">
        <v>1101.4369999999999</v>
      </c>
      <c r="L1315">
        <v>1109.1679999999999</v>
      </c>
      <c r="M1315">
        <v>1097.6389999999999</v>
      </c>
      <c r="N1315">
        <v>923.95899999999995</v>
      </c>
      <c r="O1315">
        <v>968.09299999999996</v>
      </c>
      <c r="P1315">
        <v>0</v>
      </c>
      <c r="Q1315">
        <v>0</v>
      </c>
      <c r="R1315">
        <v>1018.506</v>
      </c>
      <c r="S1315">
        <v>0</v>
      </c>
      <c r="T1315">
        <v>1049.6659999999999</v>
      </c>
      <c r="U1315">
        <v>1073.8620000000001</v>
      </c>
      <c r="V1315">
        <v>1083.117</v>
      </c>
      <c r="W1315">
        <v>1102.6780000000001</v>
      </c>
      <c r="X1315">
        <v>1125.3910000000001</v>
      </c>
      <c r="Y1315">
        <v>1135.7170000000001</v>
      </c>
    </row>
    <row r="1316" spans="1:25" x14ac:dyDescent="0.3">
      <c r="A1316">
        <v>35.19999999978269</v>
      </c>
      <c r="B1316">
        <v>933.60299999999995</v>
      </c>
      <c r="C1316">
        <v>969.44899999999996</v>
      </c>
      <c r="D1316">
        <v>963.73900000000003</v>
      </c>
      <c r="E1316">
        <v>1002.3339999999999</v>
      </c>
      <c r="F1316">
        <v>1023.898</v>
      </c>
      <c r="G1316">
        <v>1055.0139999999999</v>
      </c>
      <c r="H1316">
        <v>1067.693</v>
      </c>
      <c r="I1316">
        <v>1082.518</v>
      </c>
      <c r="J1316">
        <v>1093.7139999999999</v>
      </c>
      <c r="K1316">
        <v>1105.7629999999999</v>
      </c>
      <c r="L1316">
        <v>1115.346</v>
      </c>
      <c r="M1316">
        <v>1100.309</v>
      </c>
      <c r="N1316">
        <v>919.72</v>
      </c>
      <c r="O1316">
        <v>974.31600000000003</v>
      </c>
      <c r="P1316">
        <v>0</v>
      </c>
      <c r="Q1316">
        <v>0</v>
      </c>
      <c r="R1316">
        <v>1016.966</v>
      </c>
      <c r="S1316">
        <v>0</v>
      </c>
      <c r="T1316">
        <v>1052.846</v>
      </c>
      <c r="U1316">
        <v>1078.914</v>
      </c>
      <c r="V1316">
        <v>1086.9179999999999</v>
      </c>
      <c r="W1316">
        <v>1102.491</v>
      </c>
      <c r="X1316">
        <v>1128.6179999999999</v>
      </c>
      <c r="Y1316">
        <v>1140.73</v>
      </c>
    </row>
    <row r="1317" spans="1:25" x14ac:dyDescent="0.3">
      <c r="A1317">
        <v>35.23333333043071</v>
      </c>
      <c r="B1317">
        <v>938.93200000000002</v>
      </c>
      <c r="C1317">
        <v>972.28599999999994</v>
      </c>
      <c r="D1317">
        <v>964.60599999999999</v>
      </c>
      <c r="E1317">
        <v>999.19200000000001</v>
      </c>
      <c r="F1317">
        <v>1020.542</v>
      </c>
      <c r="G1317">
        <v>1055.7929999999999</v>
      </c>
      <c r="H1317">
        <v>1071.8119999999999</v>
      </c>
      <c r="I1317">
        <v>1085.8499999999999</v>
      </c>
      <c r="J1317">
        <v>1098.5219999999999</v>
      </c>
      <c r="K1317">
        <v>1107.605</v>
      </c>
      <c r="L1317">
        <v>1113.9480000000001</v>
      </c>
      <c r="M1317">
        <v>1097.921</v>
      </c>
      <c r="N1317">
        <v>920.721</v>
      </c>
      <c r="O1317">
        <v>976.02099999999996</v>
      </c>
      <c r="P1317">
        <v>0</v>
      </c>
      <c r="Q1317">
        <v>0</v>
      </c>
      <c r="R1317">
        <v>1021.202</v>
      </c>
      <c r="S1317">
        <v>0</v>
      </c>
      <c r="T1317">
        <v>1051.2929999999999</v>
      </c>
      <c r="U1317">
        <v>1079.3240000000001</v>
      </c>
      <c r="V1317">
        <v>1091.991</v>
      </c>
      <c r="W1317">
        <v>1108.2260000000001</v>
      </c>
      <c r="X1317">
        <v>1139.337</v>
      </c>
      <c r="Y1317">
        <v>1144.8119999999999</v>
      </c>
    </row>
    <row r="1318" spans="1:25" x14ac:dyDescent="0.3">
      <c r="A1318">
        <v>35.266666671556109</v>
      </c>
      <c r="B1318">
        <v>942.12599999999998</v>
      </c>
      <c r="C1318">
        <v>970.94799999999998</v>
      </c>
      <c r="D1318">
        <v>960.72</v>
      </c>
      <c r="E1318">
        <v>997.35299999999995</v>
      </c>
      <c r="F1318">
        <v>1022.1369999999999</v>
      </c>
      <c r="G1318">
        <v>1058.818</v>
      </c>
      <c r="H1318">
        <v>1076.3219999999999</v>
      </c>
      <c r="I1318">
        <v>1090.4179999999999</v>
      </c>
      <c r="J1318">
        <v>1098.729</v>
      </c>
      <c r="K1318">
        <v>1108.2249999999999</v>
      </c>
      <c r="L1318">
        <v>1114.5519999999999</v>
      </c>
      <c r="M1318">
        <v>1097.4690000000001</v>
      </c>
      <c r="N1318">
        <v>916.04600000000005</v>
      </c>
      <c r="O1318">
        <v>977.14499999999998</v>
      </c>
      <c r="P1318">
        <v>0</v>
      </c>
      <c r="Q1318">
        <v>0</v>
      </c>
      <c r="R1318">
        <v>1026.575</v>
      </c>
      <c r="S1318">
        <v>0</v>
      </c>
      <c r="T1318">
        <v>1052.2529999999999</v>
      </c>
      <c r="U1318">
        <v>1076.8810000000001</v>
      </c>
      <c r="V1318">
        <v>1089.875</v>
      </c>
      <c r="W1318">
        <v>1106.307</v>
      </c>
      <c r="X1318">
        <v>1133.989</v>
      </c>
      <c r="Y1318">
        <v>1142.98</v>
      </c>
    </row>
    <row r="1319" spans="1:25" x14ac:dyDescent="0.3">
      <c r="A1319">
        <v>35.28333333164143</v>
      </c>
      <c r="B1319">
        <v>937.60400000000004</v>
      </c>
      <c r="C1319">
        <v>970.154</v>
      </c>
      <c r="D1319">
        <v>960.32299999999998</v>
      </c>
      <c r="E1319">
        <v>998.46400000000006</v>
      </c>
      <c r="F1319">
        <v>1025.5119999999999</v>
      </c>
      <c r="G1319">
        <v>1060.0440000000001</v>
      </c>
      <c r="H1319">
        <v>1077.8889999999999</v>
      </c>
      <c r="I1319">
        <v>1089.0139999999999</v>
      </c>
      <c r="J1319">
        <v>1098.598</v>
      </c>
      <c r="K1319">
        <v>1109.3</v>
      </c>
      <c r="L1319">
        <v>1112.2660000000001</v>
      </c>
      <c r="M1319">
        <v>1096.962</v>
      </c>
      <c r="N1319">
        <v>914.03200000000004</v>
      </c>
      <c r="O1319">
        <v>980.24599999999998</v>
      </c>
      <c r="P1319">
        <v>0</v>
      </c>
      <c r="Q1319">
        <v>0</v>
      </c>
      <c r="R1319">
        <v>1024.796</v>
      </c>
      <c r="S1319">
        <v>0</v>
      </c>
      <c r="T1319">
        <v>1056.0899999999999</v>
      </c>
      <c r="U1319">
        <v>1074.403</v>
      </c>
      <c r="V1319">
        <v>1085.963</v>
      </c>
      <c r="W1319">
        <v>1105.367</v>
      </c>
      <c r="X1319">
        <v>1132.8699999999999</v>
      </c>
      <c r="Y1319">
        <v>1143.4390000000001</v>
      </c>
    </row>
    <row r="1320" spans="1:25" x14ac:dyDescent="0.3">
      <c r="A1320">
        <v>35.316666672766829</v>
      </c>
      <c r="B1320">
        <v>926.75</v>
      </c>
      <c r="C1320">
        <v>969.23299999999995</v>
      </c>
      <c r="D1320">
        <v>960.83</v>
      </c>
      <c r="E1320">
        <v>996.40800000000002</v>
      </c>
      <c r="F1320">
        <v>1023.88</v>
      </c>
      <c r="G1320">
        <v>1056.0170000000001</v>
      </c>
      <c r="H1320">
        <v>1067.8979999999999</v>
      </c>
      <c r="I1320">
        <v>1080.425</v>
      </c>
      <c r="J1320">
        <v>1091.693</v>
      </c>
      <c r="K1320">
        <v>1105.2560000000001</v>
      </c>
      <c r="L1320">
        <v>1111.058</v>
      </c>
      <c r="M1320">
        <v>1095.0450000000001</v>
      </c>
      <c r="N1320">
        <v>911.66300000000001</v>
      </c>
      <c r="O1320">
        <v>981.66200000000003</v>
      </c>
      <c r="P1320">
        <v>0</v>
      </c>
      <c r="Q1320">
        <v>0</v>
      </c>
      <c r="R1320">
        <v>1024.6690000000001</v>
      </c>
      <c r="S1320">
        <v>0</v>
      </c>
      <c r="T1320">
        <v>1056.8900000000001</v>
      </c>
      <c r="U1320">
        <v>1079.325</v>
      </c>
      <c r="V1320">
        <v>1086.788</v>
      </c>
      <c r="W1320">
        <v>1108.81</v>
      </c>
      <c r="X1320">
        <v>1134.181</v>
      </c>
      <c r="Y1320">
        <v>1145.424</v>
      </c>
    </row>
    <row r="1321" spans="1:25" x14ac:dyDescent="0.3">
      <c r="A1321">
        <v>35.333333332852149</v>
      </c>
      <c r="B1321">
        <v>928.28700000000003</v>
      </c>
      <c r="C1321">
        <v>964.38900000000001</v>
      </c>
      <c r="D1321">
        <v>961.1</v>
      </c>
      <c r="E1321">
        <v>996.00699999999995</v>
      </c>
      <c r="F1321">
        <v>1024.0440000000001</v>
      </c>
      <c r="G1321">
        <v>1054.884</v>
      </c>
      <c r="H1321">
        <v>1060.749</v>
      </c>
      <c r="I1321">
        <v>1075.1489999999999</v>
      </c>
      <c r="J1321">
        <v>1088.6020000000001</v>
      </c>
      <c r="K1321">
        <v>1103.4870000000001</v>
      </c>
      <c r="L1321">
        <v>1112.3989999999999</v>
      </c>
      <c r="M1321">
        <v>1093.9010000000001</v>
      </c>
      <c r="N1321">
        <v>909.20100000000002</v>
      </c>
      <c r="O1321">
        <v>975.05899999999997</v>
      </c>
      <c r="P1321">
        <v>0</v>
      </c>
      <c r="Q1321">
        <v>0</v>
      </c>
      <c r="R1321">
        <v>1022.596</v>
      </c>
      <c r="S1321">
        <v>0</v>
      </c>
      <c r="T1321">
        <v>1051.2</v>
      </c>
      <c r="U1321">
        <v>1074.366</v>
      </c>
      <c r="V1321">
        <v>1083.847</v>
      </c>
      <c r="W1321">
        <v>1104.69</v>
      </c>
      <c r="X1321">
        <v>1131.9590000000001</v>
      </c>
      <c r="Y1321">
        <v>1143.229</v>
      </c>
    </row>
    <row r="1322" spans="1:25" x14ac:dyDescent="0.3">
      <c r="A1322">
        <v>35.366666663500169</v>
      </c>
      <c r="B1322">
        <v>933.798</v>
      </c>
      <c r="C1322">
        <v>965.38199999999995</v>
      </c>
      <c r="D1322">
        <v>957.41899999999998</v>
      </c>
      <c r="E1322">
        <v>992.85699999999997</v>
      </c>
      <c r="F1322">
        <v>1021.971</v>
      </c>
      <c r="G1322">
        <v>1052.6959999999999</v>
      </c>
      <c r="H1322">
        <v>1057.8520000000001</v>
      </c>
      <c r="I1322">
        <v>1072.202</v>
      </c>
      <c r="J1322">
        <v>1086.954</v>
      </c>
      <c r="K1322">
        <v>1100.1569999999999</v>
      </c>
      <c r="L1322">
        <v>1108.45</v>
      </c>
      <c r="M1322">
        <v>1092.9069999999999</v>
      </c>
      <c r="N1322">
        <v>910.947</v>
      </c>
      <c r="O1322">
        <v>979.447</v>
      </c>
      <c r="P1322">
        <v>0</v>
      </c>
      <c r="Q1322">
        <v>0</v>
      </c>
      <c r="R1322">
        <v>1020.192</v>
      </c>
      <c r="S1322">
        <v>0</v>
      </c>
      <c r="T1322">
        <v>1049.6089999999999</v>
      </c>
      <c r="U1322">
        <v>1074.8119999999999</v>
      </c>
      <c r="V1322">
        <v>1086.598</v>
      </c>
      <c r="W1322">
        <v>1105.46</v>
      </c>
      <c r="X1322">
        <v>1129.319</v>
      </c>
      <c r="Y1322">
        <v>1136.5509999999999</v>
      </c>
    </row>
    <row r="1323" spans="1:25" x14ac:dyDescent="0.3">
      <c r="A1323">
        <v>35.400000004625568</v>
      </c>
      <c r="B1323">
        <v>932.86599999999999</v>
      </c>
      <c r="C1323">
        <v>966.26800000000003</v>
      </c>
      <c r="D1323">
        <v>959.63599999999997</v>
      </c>
      <c r="E1323">
        <v>991.72900000000004</v>
      </c>
      <c r="F1323">
        <v>1017.864</v>
      </c>
      <c r="G1323">
        <v>1050.904</v>
      </c>
      <c r="H1323">
        <v>1056.146</v>
      </c>
      <c r="I1323">
        <v>1074.2159999999999</v>
      </c>
      <c r="J1323">
        <v>1088.49</v>
      </c>
      <c r="K1323">
        <v>1102.2460000000001</v>
      </c>
      <c r="L1323">
        <v>1110.7739999999999</v>
      </c>
      <c r="M1323">
        <v>1097.864</v>
      </c>
      <c r="N1323">
        <v>917.81200000000001</v>
      </c>
      <c r="O1323">
        <v>976.89099999999996</v>
      </c>
      <c r="P1323">
        <v>0</v>
      </c>
      <c r="Q1323">
        <v>0</v>
      </c>
      <c r="R1323">
        <v>1019.184</v>
      </c>
      <c r="S1323">
        <v>0</v>
      </c>
      <c r="T1323">
        <v>1054.42</v>
      </c>
      <c r="U1323">
        <v>1077.9449999999999</v>
      </c>
      <c r="V1323">
        <v>1087.46</v>
      </c>
      <c r="W1323">
        <v>1106.684</v>
      </c>
      <c r="X1323">
        <v>1135.9829999999999</v>
      </c>
      <c r="Y1323">
        <v>1143.038</v>
      </c>
    </row>
    <row r="1324" spans="1:25" x14ac:dyDescent="0.3">
      <c r="A1324">
        <v>35.416666664710888</v>
      </c>
      <c r="B1324">
        <v>937.10199999999998</v>
      </c>
      <c r="C1324">
        <v>967.62400000000002</v>
      </c>
      <c r="D1324">
        <v>958.84299999999996</v>
      </c>
      <c r="E1324">
        <v>989.52700000000004</v>
      </c>
      <c r="F1324">
        <v>1019.423</v>
      </c>
      <c r="G1324">
        <v>1053.2339999999999</v>
      </c>
      <c r="H1324">
        <v>1059.8589999999999</v>
      </c>
      <c r="I1324">
        <v>1083.0609999999999</v>
      </c>
      <c r="J1324">
        <v>1096.68</v>
      </c>
      <c r="K1324">
        <v>1109.0930000000001</v>
      </c>
      <c r="L1324">
        <v>1116.046</v>
      </c>
      <c r="M1324">
        <v>1100.027</v>
      </c>
      <c r="N1324">
        <v>920.04200000000003</v>
      </c>
      <c r="O1324">
        <v>966.03399999999999</v>
      </c>
      <c r="P1324">
        <v>0</v>
      </c>
      <c r="Q1324">
        <v>0</v>
      </c>
      <c r="R1324">
        <v>1016.562</v>
      </c>
      <c r="S1324">
        <v>0</v>
      </c>
      <c r="T1324">
        <v>1053.1790000000001</v>
      </c>
      <c r="U1324">
        <v>1075.056</v>
      </c>
      <c r="V1324">
        <v>1081.5820000000001</v>
      </c>
      <c r="W1324">
        <v>1100.2149999999999</v>
      </c>
      <c r="X1324">
        <v>1123.626</v>
      </c>
      <c r="Y1324">
        <v>1140.94</v>
      </c>
    </row>
    <row r="1325" spans="1:25" x14ac:dyDescent="0.3">
      <c r="A1325">
        <v>35.450000005836287</v>
      </c>
      <c r="B1325">
        <v>937.21</v>
      </c>
      <c r="C1325">
        <v>967.40800000000002</v>
      </c>
      <c r="D1325">
        <v>959.61900000000003</v>
      </c>
      <c r="E1325">
        <v>992.02200000000005</v>
      </c>
      <c r="F1325">
        <v>1025.0909999999999</v>
      </c>
      <c r="G1325">
        <v>1054.5319999999999</v>
      </c>
      <c r="H1325">
        <v>1061.511</v>
      </c>
      <c r="I1325">
        <v>1079.922</v>
      </c>
      <c r="J1325">
        <v>1090.944</v>
      </c>
      <c r="K1325">
        <v>1101.8520000000001</v>
      </c>
      <c r="L1325">
        <v>1109.434</v>
      </c>
      <c r="M1325">
        <v>1095.4960000000001</v>
      </c>
      <c r="N1325">
        <v>917.43799999999999</v>
      </c>
      <c r="O1325">
        <v>965.56500000000005</v>
      </c>
      <c r="P1325">
        <v>0</v>
      </c>
      <c r="Q1325">
        <v>0</v>
      </c>
      <c r="R1325">
        <v>1013.684</v>
      </c>
      <c r="S1325">
        <v>0</v>
      </c>
      <c r="T1325">
        <v>1051.3309999999999</v>
      </c>
      <c r="U1325">
        <v>1075.336</v>
      </c>
      <c r="V1325">
        <v>1087.6489999999999</v>
      </c>
      <c r="W1325">
        <v>1103.6199999999999</v>
      </c>
      <c r="X1325">
        <v>1123.665</v>
      </c>
      <c r="Y1325">
        <v>1143.5550000000001</v>
      </c>
    </row>
    <row r="1326" spans="1:25" x14ac:dyDescent="0.3">
      <c r="A1326">
        <v>35.466666665921608</v>
      </c>
      <c r="B1326">
        <v>940.09900000000005</v>
      </c>
      <c r="C1326">
        <v>966.05100000000004</v>
      </c>
      <c r="D1326">
        <v>957.38400000000001</v>
      </c>
      <c r="E1326">
        <v>990.80100000000004</v>
      </c>
      <c r="F1326">
        <v>1020.982</v>
      </c>
      <c r="G1326">
        <v>1051.0889999999999</v>
      </c>
      <c r="H1326">
        <v>1058.874</v>
      </c>
      <c r="I1326">
        <v>1078.3920000000001</v>
      </c>
      <c r="J1326">
        <v>1089.7629999999999</v>
      </c>
      <c r="K1326">
        <v>1100.4780000000001</v>
      </c>
      <c r="L1326">
        <v>1106.4580000000001</v>
      </c>
      <c r="M1326">
        <v>1090.6990000000001</v>
      </c>
      <c r="N1326">
        <v>919.73699999999997</v>
      </c>
      <c r="O1326">
        <v>966.63</v>
      </c>
      <c r="P1326">
        <v>0</v>
      </c>
      <c r="Q1326">
        <v>0</v>
      </c>
      <c r="R1326">
        <v>1016.397</v>
      </c>
      <c r="S1326">
        <v>0</v>
      </c>
      <c r="T1326">
        <v>1050.239</v>
      </c>
      <c r="U1326">
        <v>1075.1859999999999</v>
      </c>
      <c r="V1326">
        <v>1091.018</v>
      </c>
      <c r="W1326">
        <v>1102.453</v>
      </c>
      <c r="X1326">
        <v>1123.1890000000001</v>
      </c>
      <c r="Y1326">
        <v>1146.644</v>
      </c>
    </row>
    <row r="1327" spans="1:25" x14ac:dyDescent="0.3">
      <c r="A1327">
        <v>35.499999996569628</v>
      </c>
      <c r="B1327">
        <v>944.94399999999996</v>
      </c>
      <c r="C1327">
        <v>968.38300000000004</v>
      </c>
      <c r="D1327">
        <v>961.44299999999998</v>
      </c>
      <c r="E1327">
        <v>995.91600000000005</v>
      </c>
      <c r="F1327">
        <v>1021</v>
      </c>
      <c r="G1327">
        <v>1058.318</v>
      </c>
      <c r="H1327">
        <v>1066.2429999999999</v>
      </c>
      <c r="I1327">
        <v>1083.117</v>
      </c>
      <c r="J1327">
        <v>1090.7370000000001</v>
      </c>
      <c r="K1327">
        <v>1102.3589999999999</v>
      </c>
      <c r="L1327">
        <v>1109.1489999999999</v>
      </c>
      <c r="M1327">
        <v>1091.1859999999999</v>
      </c>
      <c r="N1327">
        <v>924.31600000000003</v>
      </c>
      <c r="O1327">
        <v>969.41300000000001</v>
      </c>
      <c r="P1327">
        <v>0</v>
      </c>
      <c r="Q1327">
        <v>0</v>
      </c>
      <c r="R1327">
        <v>1021.605</v>
      </c>
      <c r="S1327">
        <v>0</v>
      </c>
      <c r="T1327">
        <v>1053.6220000000001</v>
      </c>
      <c r="U1327">
        <v>1074.105</v>
      </c>
      <c r="V1327">
        <v>1088.5650000000001</v>
      </c>
      <c r="W1327">
        <v>1107.9059999999999</v>
      </c>
      <c r="X1327">
        <v>1128.675</v>
      </c>
      <c r="Y1327">
        <v>1146.663</v>
      </c>
    </row>
    <row r="1328" spans="1:25" x14ac:dyDescent="0.3">
      <c r="A1328">
        <v>35.533333337695026</v>
      </c>
      <c r="B1328">
        <v>940.476</v>
      </c>
      <c r="C1328">
        <v>970.1</v>
      </c>
      <c r="D1328">
        <v>964.04600000000005</v>
      </c>
      <c r="E1328">
        <v>998.26400000000001</v>
      </c>
      <c r="F1328">
        <v>1022.853</v>
      </c>
      <c r="G1328">
        <v>1057.9839999999999</v>
      </c>
      <c r="H1328">
        <v>1063.923</v>
      </c>
      <c r="I1328">
        <v>1079.6969999999999</v>
      </c>
      <c r="J1328">
        <v>1090.7</v>
      </c>
      <c r="K1328">
        <v>1102.19</v>
      </c>
      <c r="L1328">
        <v>1108.1890000000001</v>
      </c>
      <c r="M1328">
        <v>1088.7719999999999</v>
      </c>
      <c r="N1328">
        <v>925.85500000000002</v>
      </c>
      <c r="O1328">
        <v>971.96100000000001</v>
      </c>
      <c r="P1328">
        <v>0</v>
      </c>
      <c r="Q1328">
        <v>0</v>
      </c>
      <c r="R1328">
        <v>1019.809</v>
      </c>
      <c r="S1328">
        <v>0</v>
      </c>
      <c r="T1328">
        <v>1050.8499999999999</v>
      </c>
      <c r="U1328">
        <v>1073.155</v>
      </c>
      <c r="V1328">
        <v>1087.9100000000001</v>
      </c>
      <c r="W1328">
        <v>1107.117</v>
      </c>
      <c r="X1328">
        <v>1128.827</v>
      </c>
      <c r="Y1328">
        <v>1142.2180000000001</v>
      </c>
    </row>
    <row r="1329" spans="1:25" x14ac:dyDescent="0.3">
      <c r="A1329">
        <v>35.549999997780347</v>
      </c>
      <c r="B1329">
        <v>937.44200000000001</v>
      </c>
      <c r="C1329">
        <v>966.55700000000002</v>
      </c>
      <c r="D1329">
        <v>959.6</v>
      </c>
      <c r="E1329">
        <v>995.697</v>
      </c>
      <c r="F1329">
        <v>1021.183</v>
      </c>
      <c r="G1329">
        <v>1053.6769999999999</v>
      </c>
      <c r="H1329">
        <v>1059.95</v>
      </c>
      <c r="I1329">
        <v>1076.3409999999999</v>
      </c>
      <c r="J1329">
        <v>1088.77</v>
      </c>
      <c r="K1329">
        <v>1105.1790000000001</v>
      </c>
      <c r="L1329">
        <v>1113.078</v>
      </c>
      <c r="M1329">
        <v>1094.6120000000001</v>
      </c>
      <c r="N1329">
        <v>923.81500000000005</v>
      </c>
      <c r="O1329">
        <v>968.63499999999999</v>
      </c>
      <c r="P1329">
        <v>0</v>
      </c>
      <c r="Q1329">
        <v>0</v>
      </c>
      <c r="R1329">
        <v>1019.807</v>
      </c>
      <c r="S1329">
        <v>0</v>
      </c>
      <c r="T1329">
        <v>1048.8150000000001</v>
      </c>
      <c r="U1329">
        <v>1072.1089999999999</v>
      </c>
      <c r="V1329">
        <v>1085.606</v>
      </c>
      <c r="W1329">
        <v>1101.4929999999999</v>
      </c>
      <c r="X1329">
        <v>1122.961</v>
      </c>
      <c r="Y1329">
        <v>1137.6199999999999</v>
      </c>
    </row>
    <row r="1330" spans="1:25" x14ac:dyDescent="0.3">
      <c r="A1330">
        <v>35.583333338905746</v>
      </c>
      <c r="B1330">
        <v>933.24300000000005</v>
      </c>
      <c r="C1330">
        <v>960.41300000000001</v>
      </c>
      <c r="D1330">
        <v>960.81100000000004</v>
      </c>
      <c r="E1330">
        <v>996.88099999999997</v>
      </c>
      <c r="F1330">
        <v>1021</v>
      </c>
      <c r="G1330">
        <v>1051.7919999999999</v>
      </c>
      <c r="H1330">
        <v>1058.4290000000001</v>
      </c>
      <c r="I1330">
        <v>1074.999</v>
      </c>
      <c r="J1330">
        <v>1090.8489999999999</v>
      </c>
      <c r="K1330">
        <v>1105.6489999999999</v>
      </c>
      <c r="L1330">
        <v>1111.7750000000001</v>
      </c>
      <c r="M1330">
        <v>1093.788</v>
      </c>
      <c r="N1330">
        <v>916.31399999999996</v>
      </c>
      <c r="O1330">
        <v>972.82899999999995</v>
      </c>
      <c r="P1330">
        <v>0</v>
      </c>
      <c r="Q1330">
        <v>0</v>
      </c>
      <c r="R1330">
        <v>1021.789</v>
      </c>
      <c r="S1330">
        <v>0</v>
      </c>
      <c r="T1330">
        <v>1051.1079999999999</v>
      </c>
      <c r="U1330">
        <v>1074.701</v>
      </c>
      <c r="V1330">
        <v>1090.306</v>
      </c>
      <c r="W1330">
        <v>1104.239</v>
      </c>
      <c r="X1330">
        <v>1121.146</v>
      </c>
      <c r="Y1330">
        <v>1138.9559999999999</v>
      </c>
    </row>
    <row r="1331" spans="1:25" x14ac:dyDescent="0.3">
      <c r="A1331">
        <v>35.616666669553766</v>
      </c>
      <c r="B1331">
        <v>926.58799999999997</v>
      </c>
      <c r="C1331">
        <v>962.92600000000004</v>
      </c>
      <c r="D1331">
        <v>959.40200000000004</v>
      </c>
      <c r="E1331">
        <v>996.11699999999996</v>
      </c>
      <c r="F1331">
        <v>1018.048</v>
      </c>
      <c r="G1331">
        <v>1048.2429999999999</v>
      </c>
      <c r="H1331">
        <v>1056.6849999999999</v>
      </c>
      <c r="I1331">
        <v>1075.559</v>
      </c>
      <c r="J1331">
        <v>1088.7529999999999</v>
      </c>
      <c r="K1331">
        <v>1101.4749999999999</v>
      </c>
      <c r="L1331">
        <v>1107.136</v>
      </c>
      <c r="M1331">
        <v>1091.1869999999999</v>
      </c>
      <c r="N1331">
        <v>919.07799999999997</v>
      </c>
      <c r="O1331">
        <v>975.15099999999995</v>
      </c>
      <c r="P1331">
        <v>0</v>
      </c>
      <c r="Q1331">
        <v>0</v>
      </c>
      <c r="R1331">
        <v>1022.413</v>
      </c>
      <c r="S1331">
        <v>0</v>
      </c>
      <c r="T1331">
        <v>1051.7739999999999</v>
      </c>
      <c r="U1331">
        <v>1075.298</v>
      </c>
      <c r="V1331">
        <v>1088.94</v>
      </c>
      <c r="W1331">
        <v>1105.443</v>
      </c>
      <c r="X1331">
        <v>1122.81</v>
      </c>
      <c r="Y1331">
        <v>1134.598</v>
      </c>
    </row>
    <row r="1332" spans="1:25" x14ac:dyDescent="0.3">
      <c r="A1332">
        <v>35.633333329639086</v>
      </c>
      <c r="B1332">
        <v>931.27700000000004</v>
      </c>
      <c r="C1332">
        <v>963.56</v>
      </c>
      <c r="D1332">
        <v>960.70500000000004</v>
      </c>
      <c r="E1332">
        <v>998.08500000000004</v>
      </c>
      <c r="F1332">
        <v>1019.151</v>
      </c>
      <c r="G1332">
        <v>1049.595</v>
      </c>
      <c r="H1332">
        <v>1057.893</v>
      </c>
      <c r="I1332">
        <v>1075.058</v>
      </c>
      <c r="J1332">
        <v>1090.8140000000001</v>
      </c>
      <c r="K1332">
        <v>1104.1099999999999</v>
      </c>
      <c r="L1332">
        <v>1110.9469999999999</v>
      </c>
      <c r="M1332">
        <v>1098.1300000000001</v>
      </c>
      <c r="N1332">
        <v>919.18700000000001</v>
      </c>
      <c r="O1332">
        <v>978.58100000000002</v>
      </c>
      <c r="P1332">
        <v>0</v>
      </c>
      <c r="Q1332">
        <v>0</v>
      </c>
      <c r="R1332">
        <v>1023.479</v>
      </c>
      <c r="S1332">
        <v>0</v>
      </c>
      <c r="T1332">
        <v>1054.979</v>
      </c>
      <c r="U1332">
        <v>1077.146</v>
      </c>
      <c r="V1332">
        <v>1090.0840000000001</v>
      </c>
      <c r="W1332">
        <v>1107.683</v>
      </c>
      <c r="X1332">
        <v>1130.0440000000001</v>
      </c>
      <c r="Y1332">
        <v>1138.0239999999999</v>
      </c>
    </row>
    <row r="1333" spans="1:25" x14ac:dyDescent="0.3">
      <c r="A1333">
        <v>35.666666670764485</v>
      </c>
      <c r="B1333">
        <v>936.49400000000003</v>
      </c>
      <c r="C1333">
        <v>966.95799999999997</v>
      </c>
      <c r="D1333">
        <v>964.48199999999997</v>
      </c>
      <c r="E1333">
        <v>1000.181</v>
      </c>
      <c r="F1333">
        <v>1021.076</v>
      </c>
      <c r="G1333">
        <v>1054.905</v>
      </c>
      <c r="H1333">
        <v>1061.104</v>
      </c>
      <c r="I1333">
        <v>1081.922</v>
      </c>
      <c r="J1333">
        <v>1092.9670000000001</v>
      </c>
      <c r="K1333">
        <v>1103.3579999999999</v>
      </c>
      <c r="L1333">
        <v>1109.3409999999999</v>
      </c>
      <c r="M1333">
        <v>1095.329</v>
      </c>
      <c r="N1333">
        <v>919.72199999999998</v>
      </c>
      <c r="O1333">
        <v>983.11500000000001</v>
      </c>
      <c r="P1333">
        <v>0</v>
      </c>
      <c r="Q1333">
        <v>0</v>
      </c>
      <c r="R1333">
        <v>1022.048</v>
      </c>
      <c r="S1333">
        <v>0</v>
      </c>
      <c r="T1333">
        <v>1057.4290000000001</v>
      </c>
      <c r="U1333">
        <v>1084.674</v>
      </c>
      <c r="V1333">
        <v>1101.008</v>
      </c>
      <c r="W1333">
        <v>1107.0809999999999</v>
      </c>
      <c r="X1333">
        <v>1130.2339999999999</v>
      </c>
      <c r="Y1333">
        <v>1144.2239999999999</v>
      </c>
    </row>
    <row r="1334" spans="1:25" x14ac:dyDescent="0.3">
      <c r="A1334">
        <v>35.683333330849806</v>
      </c>
      <c r="B1334">
        <v>939.86599999999999</v>
      </c>
      <c r="C1334">
        <v>968.38300000000004</v>
      </c>
      <c r="D1334">
        <v>966.41300000000001</v>
      </c>
      <c r="E1334">
        <v>999.66700000000003</v>
      </c>
      <c r="F1334">
        <v>1020.615</v>
      </c>
      <c r="G1334">
        <v>1053.9939999999999</v>
      </c>
      <c r="H1334">
        <v>1065.4829999999999</v>
      </c>
      <c r="I1334">
        <v>1086.45</v>
      </c>
      <c r="J1334">
        <v>1098.579</v>
      </c>
      <c r="K1334">
        <v>1107.2670000000001</v>
      </c>
      <c r="L1334">
        <v>1110.982</v>
      </c>
      <c r="M1334">
        <v>1095.9469999999999</v>
      </c>
      <c r="N1334">
        <v>914.42499999999995</v>
      </c>
      <c r="O1334">
        <v>976.67399999999998</v>
      </c>
      <c r="P1334">
        <v>0</v>
      </c>
      <c r="Q1334">
        <v>0</v>
      </c>
      <c r="R1334">
        <v>1021.294</v>
      </c>
      <c r="S1334">
        <v>0</v>
      </c>
      <c r="T1334">
        <v>1055.5340000000001</v>
      </c>
      <c r="U1334">
        <v>1085.4760000000001</v>
      </c>
      <c r="V1334">
        <v>1099.614</v>
      </c>
      <c r="W1334">
        <v>1108.904</v>
      </c>
      <c r="X1334">
        <v>1134.674</v>
      </c>
      <c r="Y1334">
        <v>1143.8399999999999</v>
      </c>
    </row>
    <row r="1335" spans="1:25" x14ac:dyDescent="0.3">
      <c r="A1335">
        <v>35.716666671975204</v>
      </c>
      <c r="B1335">
        <v>943.85199999999998</v>
      </c>
      <c r="C1335">
        <v>967.60799999999995</v>
      </c>
      <c r="D1335">
        <v>964.97</v>
      </c>
      <c r="E1335">
        <v>999.90700000000004</v>
      </c>
      <c r="F1335">
        <v>1026.3399999999999</v>
      </c>
      <c r="G1335">
        <v>1054.348</v>
      </c>
      <c r="H1335">
        <v>1067.5830000000001</v>
      </c>
      <c r="I1335">
        <v>1083.644</v>
      </c>
      <c r="J1335">
        <v>1095.836</v>
      </c>
      <c r="K1335">
        <v>1105.3889999999999</v>
      </c>
      <c r="L1335">
        <v>1108.6610000000001</v>
      </c>
      <c r="M1335">
        <v>1094.54</v>
      </c>
      <c r="N1335">
        <v>914.98</v>
      </c>
      <c r="O1335">
        <v>976.74900000000002</v>
      </c>
      <c r="P1335">
        <v>0</v>
      </c>
      <c r="Q1335">
        <v>0</v>
      </c>
      <c r="R1335">
        <v>1018.6</v>
      </c>
      <c r="S1335">
        <v>0</v>
      </c>
      <c r="T1335">
        <v>1050.704</v>
      </c>
      <c r="U1335">
        <v>1078.357</v>
      </c>
      <c r="V1335">
        <v>1093.3050000000001</v>
      </c>
      <c r="W1335">
        <v>1103.885</v>
      </c>
      <c r="X1335">
        <v>1128.07</v>
      </c>
      <c r="Y1335">
        <v>1145.597</v>
      </c>
    </row>
    <row r="1336" spans="1:25" x14ac:dyDescent="0.3">
      <c r="A1336">
        <v>35.750000002623224</v>
      </c>
      <c r="B1336">
        <v>937.71199999999999</v>
      </c>
      <c r="C1336">
        <v>968.13</v>
      </c>
      <c r="D1336">
        <v>966.46799999999996</v>
      </c>
      <c r="E1336">
        <v>1004.472</v>
      </c>
      <c r="F1336">
        <v>1027.386</v>
      </c>
      <c r="G1336">
        <v>1054.884</v>
      </c>
      <c r="H1336">
        <v>1063.4590000000001</v>
      </c>
      <c r="I1336">
        <v>1081.077</v>
      </c>
      <c r="J1336">
        <v>1092.6279999999999</v>
      </c>
      <c r="K1336">
        <v>1105.011</v>
      </c>
      <c r="L1336">
        <v>1110.6610000000001</v>
      </c>
      <c r="M1336">
        <v>1095.5899999999999</v>
      </c>
      <c r="N1336">
        <v>914.19299999999998</v>
      </c>
      <c r="O1336">
        <v>971.69</v>
      </c>
      <c r="P1336">
        <v>0</v>
      </c>
      <c r="Q1336">
        <v>0</v>
      </c>
      <c r="R1336">
        <v>1017.553</v>
      </c>
      <c r="S1336">
        <v>0</v>
      </c>
      <c r="T1336">
        <v>1047.0409999999999</v>
      </c>
      <c r="U1336">
        <v>1070.2650000000001</v>
      </c>
      <c r="V1336">
        <v>1084.3530000000001</v>
      </c>
      <c r="W1336">
        <v>1099.4259999999999</v>
      </c>
      <c r="X1336">
        <v>1125.316</v>
      </c>
      <c r="Y1336">
        <v>1141.3789999999999</v>
      </c>
    </row>
    <row r="1337" spans="1:25" x14ac:dyDescent="0.3">
      <c r="A1337">
        <v>35.766666673185924</v>
      </c>
      <c r="B1337">
        <v>937.96400000000006</v>
      </c>
      <c r="C1337">
        <v>968.58199999999999</v>
      </c>
      <c r="D1337">
        <v>962.673</v>
      </c>
      <c r="E1337">
        <v>999.86800000000005</v>
      </c>
      <c r="F1337">
        <v>1025.402</v>
      </c>
      <c r="G1337">
        <v>1053.808</v>
      </c>
      <c r="H1337">
        <v>1065.7239999999999</v>
      </c>
      <c r="I1337">
        <v>1081.3579999999999</v>
      </c>
      <c r="J1337">
        <v>1091.617</v>
      </c>
      <c r="K1337">
        <v>1104.0329999999999</v>
      </c>
      <c r="L1337">
        <v>1109.7159999999999</v>
      </c>
      <c r="M1337">
        <v>1097.827</v>
      </c>
      <c r="N1337">
        <v>914.65700000000004</v>
      </c>
      <c r="O1337">
        <v>972.68399999999997</v>
      </c>
      <c r="P1337">
        <v>0</v>
      </c>
      <c r="Q1337">
        <v>0</v>
      </c>
      <c r="R1337">
        <v>1013.94</v>
      </c>
      <c r="S1337">
        <v>0</v>
      </c>
      <c r="T1337">
        <v>1046.357</v>
      </c>
      <c r="U1337">
        <v>1069.7619999999999</v>
      </c>
      <c r="V1337">
        <v>1082.2560000000001</v>
      </c>
      <c r="W1337">
        <v>1097.3009999999999</v>
      </c>
      <c r="X1337">
        <v>1119.673</v>
      </c>
      <c r="Y1337">
        <v>1139.452</v>
      </c>
    </row>
    <row r="1338" spans="1:25" x14ac:dyDescent="0.3">
      <c r="A1338">
        <v>35.800000003833944</v>
      </c>
      <c r="B1338">
        <v>939.16600000000005</v>
      </c>
      <c r="C1338">
        <v>964.96799999999996</v>
      </c>
      <c r="D1338">
        <v>959.85400000000004</v>
      </c>
      <c r="E1338">
        <v>999.01099999999997</v>
      </c>
      <c r="F1338">
        <v>1020.304</v>
      </c>
      <c r="G1338">
        <v>1047.319</v>
      </c>
      <c r="H1338">
        <v>1055.665</v>
      </c>
      <c r="I1338">
        <v>1072.1300000000001</v>
      </c>
      <c r="J1338">
        <v>1085.683</v>
      </c>
      <c r="K1338">
        <v>1100.385</v>
      </c>
      <c r="L1338">
        <v>1107.0419999999999</v>
      </c>
      <c r="M1338">
        <v>1094.3889999999999</v>
      </c>
      <c r="N1338">
        <v>915.19200000000001</v>
      </c>
      <c r="O1338">
        <v>974.53499999999997</v>
      </c>
      <c r="P1338">
        <v>0</v>
      </c>
      <c r="Q1338">
        <v>0</v>
      </c>
      <c r="R1338">
        <v>1018.874</v>
      </c>
      <c r="S1338">
        <v>0</v>
      </c>
      <c r="T1338">
        <v>1047.9659999999999</v>
      </c>
      <c r="U1338">
        <v>1069.7249999999999</v>
      </c>
      <c r="V1338">
        <v>1085.5709999999999</v>
      </c>
      <c r="W1338">
        <v>1102.51</v>
      </c>
      <c r="X1338">
        <v>1123.6079999999999</v>
      </c>
      <c r="Y1338">
        <v>1136.992</v>
      </c>
    </row>
    <row r="1339" spans="1:25" x14ac:dyDescent="0.3">
      <c r="A1339">
        <v>35.816666663919264</v>
      </c>
      <c r="B1339">
        <v>937.24599999999998</v>
      </c>
      <c r="C1339">
        <v>965.29399999999998</v>
      </c>
      <c r="D1339">
        <v>959.38400000000001</v>
      </c>
      <c r="E1339">
        <v>998.68399999999997</v>
      </c>
      <c r="F1339">
        <v>1019.149</v>
      </c>
      <c r="G1339">
        <v>1049.944</v>
      </c>
      <c r="H1339">
        <v>1061.6969999999999</v>
      </c>
      <c r="I1339">
        <v>1076.249</v>
      </c>
      <c r="J1339">
        <v>1087.836</v>
      </c>
      <c r="K1339">
        <v>1099.3889999999999</v>
      </c>
      <c r="L1339">
        <v>1104.0150000000001</v>
      </c>
      <c r="M1339">
        <v>1091.9359999999999</v>
      </c>
      <c r="N1339">
        <v>917.11800000000005</v>
      </c>
      <c r="O1339">
        <v>977.54499999999996</v>
      </c>
      <c r="P1339">
        <v>0</v>
      </c>
      <c r="Q1339">
        <v>0</v>
      </c>
      <c r="R1339">
        <v>1021.093</v>
      </c>
      <c r="S1339">
        <v>0</v>
      </c>
      <c r="T1339">
        <v>1047.9849999999999</v>
      </c>
      <c r="U1339">
        <v>1071.8499999999999</v>
      </c>
      <c r="V1339">
        <v>1085.0650000000001</v>
      </c>
      <c r="W1339">
        <v>1105.5940000000001</v>
      </c>
      <c r="X1339">
        <v>1128.6189999999999</v>
      </c>
      <c r="Y1339">
        <v>1138.69</v>
      </c>
    </row>
    <row r="1340" spans="1:25" x14ac:dyDescent="0.3">
      <c r="A1340">
        <v>35.850000005044663</v>
      </c>
      <c r="B1340">
        <v>931.024</v>
      </c>
      <c r="C1340">
        <v>964.75099999999998</v>
      </c>
      <c r="D1340">
        <v>958.80700000000002</v>
      </c>
      <c r="E1340">
        <v>999.649</v>
      </c>
      <c r="F1340">
        <v>1018.085</v>
      </c>
      <c r="G1340">
        <v>1049.001</v>
      </c>
      <c r="H1340">
        <v>1063.626</v>
      </c>
      <c r="I1340">
        <v>1085.645</v>
      </c>
      <c r="J1340">
        <v>1094.6320000000001</v>
      </c>
      <c r="K1340">
        <v>1101.0050000000001</v>
      </c>
      <c r="L1340">
        <v>1103.694</v>
      </c>
      <c r="M1340">
        <v>1089.3330000000001</v>
      </c>
      <c r="N1340">
        <v>917.65200000000004</v>
      </c>
      <c r="O1340">
        <v>975.40499999999997</v>
      </c>
      <c r="P1340">
        <v>0</v>
      </c>
      <c r="Q1340">
        <v>0</v>
      </c>
      <c r="R1340">
        <v>1018.085</v>
      </c>
      <c r="S1340">
        <v>0</v>
      </c>
      <c r="T1340">
        <v>1049.1489999999999</v>
      </c>
      <c r="U1340">
        <v>1075.1859999999999</v>
      </c>
      <c r="V1340">
        <v>1086.356</v>
      </c>
      <c r="W1340">
        <v>1107.154</v>
      </c>
      <c r="X1340">
        <v>1129.53</v>
      </c>
      <c r="Y1340">
        <v>1135.1289999999999</v>
      </c>
    </row>
    <row r="1341" spans="1:25" x14ac:dyDescent="0.3">
      <c r="A1341">
        <v>35.883333335692683</v>
      </c>
      <c r="B1341">
        <v>930.88199999999995</v>
      </c>
      <c r="C1341">
        <v>963.54100000000005</v>
      </c>
      <c r="D1341">
        <v>957.20500000000004</v>
      </c>
      <c r="E1341">
        <v>998.52</v>
      </c>
      <c r="F1341">
        <v>1023.184</v>
      </c>
      <c r="G1341">
        <v>1054.365</v>
      </c>
      <c r="H1341">
        <v>1071.8320000000001</v>
      </c>
      <c r="I1341">
        <v>1084.7660000000001</v>
      </c>
      <c r="J1341">
        <v>1091.58</v>
      </c>
      <c r="K1341">
        <v>1098.9939999999999</v>
      </c>
      <c r="L1341">
        <v>1101.9839999999999</v>
      </c>
      <c r="M1341">
        <v>1089.7829999999999</v>
      </c>
      <c r="N1341">
        <v>916.601</v>
      </c>
      <c r="O1341">
        <v>968.89</v>
      </c>
      <c r="P1341">
        <v>0</v>
      </c>
      <c r="Q1341">
        <v>0</v>
      </c>
      <c r="R1341">
        <v>1015.866</v>
      </c>
      <c r="S1341">
        <v>0</v>
      </c>
      <c r="T1341">
        <v>1050.2950000000001</v>
      </c>
      <c r="U1341">
        <v>1074.758</v>
      </c>
      <c r="V1341">
        <v>1087.6110000000001</v>
      </c>
      <c r="W1341">
        <v>1106.5340000000001</v>
      </c>
      <c r="X1341">
        <v>1126.873</v>
      </c>
      <c r="Y1341">
        <v>1138.327</v>
      </c>
    </row>
    <row r="1342" spans="1:25" x14ac:dyDescent="0.3">
      <c r="A1342">
        <v>35.900000006255382</v>
      </c>
      <c r="B1342">
        <v>923.63699999999994</v>
      </c>
      <c r="C1342">
        <v>964.26300000000003</v>
      </c>
      <c r="D1342">
        <v>957.65499999999997</v>
      </c>
      <c r="E1342">
        <v>1001.11</v>
      </c>
      <c r="F1342">
        <v>1024.0630000000001</v>
      </c>
      <c r="G1342">
        <v>1056.8889999999999</v>
      </c>
      <c r="H1342">
        <v>1075.9880000000001</v>
      </c>
      <c r="I1342">
        <v>1086.431</v>
      </c>
      <c r="J1342">
        <v>1094.5940000000001</v>
      </c>
      <c r="K1342">
        <v>1101.739</v>
      </c>
      <c r="L1342">
        <v>1105.2360000000001</v>
      </c>
      <c r="M1342">
        <v>1092.759</v>
      </c>
      <c r="N1342">
        <v>916.92100000000005</v>
      </c>
      <c r="O1342">
        <v>969.178</v>
      </c>
      <c r="P1342">
        <v>0</v>
      </c>
      <c r="Q1342">
        <v>0</v>
      </c>
      <c r="R1342">
        <v>1016.287</v>
      </c>
      <c r="S1342">
        <v>0</v>
      </c>
      <c r="T1342">
        <v>1052.347</v>
      </c>
      <c r="U1342">
        <v>1073.248</v>
      </c>
      <c r="V1342">
        <v>1088.6220000000001</v>
      </c>
      <c r="W1342">
        <v>1112.5309999999999</v>
      </c>
      <c r="X1342">
        <v>1131.4469999999999</v>
      </c>
      <c r="Y1342">
        <v>1142.1990000000001</v>
      </c>
    </row>
    <row r="1343" spans="1:25" x14ac:dyDescent="0.3">
      <c r="A1343">
        <v>35.933333336903402</v>
      </c>
      <c r="B1343">
        <v>930.255</v>
      </c>
      <c r="C1343">
        <v>965.31100000000004</v>
      </c>
      <c r="D1343">
        <v>957.63699999999994</v>
      </c>
      <c r="E1343">
        <v>1001.768</v>
      </c>
      <c r="F1343">
        <v>1026.319</v>
      </c>
      <c r="G1343">
        <v>1056.258</v>
      </c>
      <c r="H1343">
        <v>1069.4259999999999</v>
      </c>
      <c r="I1343">
        <v>1079.3620000000001</v>
      </c>
      <c r="J1343">
        <v>1087.9480000000001</v>
      </c>
      <c r="K1343">
        <v>1097.338</v>
      </c>
      <c r="L1343">
        <v>1102.867</v>
      </c>
      <c r="M1343">
        <v>1092.6279999999999</v>
      </c>
      <c r="N1343">
        <v>914.42499999999995</v>
      </c>
      <c r="O1343">
        <v>976.11199999999997</v>
      </c>
      <c r="P1343">
        <v>0</v>
      </c>
      <c r="Q1343">
        <v>0</v>
      </c>
      <c r="R1343">
        <v>1015.48</v>
      </c>
      <c r="S1343">
        <v>0</v>
      </c>
      <c r="T1343">
        <v>1052.7349999999999</v>
      </c>
      <c r="U1343">
        <v>1073.0429999999999</v>
      </c>
      <c r="V1343">
        <v>1086.5250000000001</v>
      </c>
      <c r="W1343">
        <v>1110.038</v>
      </c>
      <c r="X1343">
        <v>1130.08</v>
      </c>
      <c r="Y1343">
        <v>1138.002</v>
      </c>
    </row>
    <row r="1344" spans="1:25" x14ac:dyDescent="0.3">
      <c r="A1344">
        <v>35.949999996988723</v>
      </c>
      <c r="B1344">
        <v>922.83199999999999</v>
      </c>
      <c r="C1344">
        <v>964.20899999999995</v>
      </c>
      <c r="D1344">
        <v>956.73599999999999</v>
      </c>
      <c r="E1344">
        <v>997.82799999999997</v>
      </c>
      <c r="F1344">
        <v>1021.734</v>
      </c>
      <c r="G1344">
        <v>1051.145</v>
      </c>
      <c r="H1344">
        <v>1061.9749999999999</v>
      </c>
      <c r="I1344">
        <v>1072.502</v>
      </c>
      <c r="J1344">
        <v>1083.7919999999999</v>
      </c>
      <c r="K1344">
        <v>1098.8430000000001</v>
      </c>
      <c r="L1344">
        <v>1106.665</v>
      </c>
      <c r="M1344">
        <v>1094.6880000000001</v>
      </c>
      <c r="N1344">
        <v>911.55499999999995</v>
      </c>
      <c r="O1344">
        <v>979.88400000000001</v>
      </c>
      <c r="P1344">
        <v>0</v>
      </c>
      <c r="Q1344">
        <v>0</v>
      </c>
      <c r="R1344">
        <v>1021.753</v>
      </c>
      <c r="S1344">
        <v>0</v>
      </c>
      <c r="T1344">
        <v>1051.2380000000001</v>
      </c>
      <c r="U1344">
        <v>1071.98</v>
      </c>
      <c r="V1344">
        <v>1087.087</v>
      </c>
      <c r="W1344">
        <v>1110.415</v>
      </c>
      <c r="X1344">
        <v>1136.287</v>
      </c>
      <c r="Y1344">
        <v>1141.5129999999999</v>
      </c>
    </row>
    <row r="1345" spans="1:25" x14ac:dyDescent="0.3">
      <c r="A1345">
        <v>35.983333338114122</v>
      </c>
      <c r="B1345">
        <v>919.18499999999995</v>
      </c>
      <c r="C1345">
        <v>964.697</v>
      </c>
      <c r="D1345">
        <v>957.38499999999999</v>
      </c>
      <c r="E1345">
        <v>999.59400000000005</v>
      </c>
      <c r="F1345">
        <v>1017.627</v>
      </c>
      <c r="G1345">
        <v>1051.405</v>
      </c>
      <c r="H1345">
        <v>1062.7729999999999</v>
      </c>
      <c r="I1345">
        <v>1079.269</v>
      </c>
      <c r="J1345">
        <v>1092.1420000000001</v>
      </c>
      <c r="K1345">
        <v>1104.8979999999999</v>
      </c>
      <c r="L1345">
        <v>1113.307</v>
      </c>
      <c r="M1345">
        <v>1098.0160000000001</v>
      </c>
      <c r="N1345">
        <v>910.53899999999999</v>
      </c>
      <c r="O1345">
        <v>973.71900000000005</v>
      </c>
      <c r="P1345">
        <v>0</v>
      </c>
      <c r="Q1345">
        <v>0</v>
      </c>
      <c r="R1345">
        <v>1026.9639999999999</v>
      </c>
      <c r="S1345">
        <v>0</v>
      </c>
      <c r="T1345">
        <v>1055.2750000000001</v>
      </c>
      <c r="U1345">
        <v>1074.9069999999999</v>
      </c>
      <c r="V1345">
        <v>1086.413</v>
      </c>
      <c r="W1345">
        <v>1115.1010000000001</v>
      </c>
      <c r="X1345">
        <v>1137.183</v>
      </c>
      <c r="Y1345">
        <v>1142.3910000000001</v>
      </c>
    </row>
    <row r="1346" spans="1:25" x14ac:dyDescent="0.3">
      <c r="A1346">
        <v>36.016666668762142</v>
      </c>
      <c r="B1346">
        <v>910.16700000000003</v>
      </c>
      <c r="C1346">
        <v>967.08399999999995</v>
      </c>
      <c r="D1346">
        <v>964.22900000000004</v>
      </c>
      <c r="E1346">
        <v>1002.373</v>
      </c>
      <c r="F1346">
        <v>1021.0940000000001</v>
      </c>
      <c r="G1346">
        <v>1054.2929999999999</v>
      </c>
      <c r="H1346">
        <v>1064.9459999999999</v>
      </c>
      <c r="I1346">
        <v>1082.24</v>
      </c>
      <c r="J1346">
        <v>1092.162</v>
      </c>
      <c r="K1346">
        <v>1102.7190000000001</v>
      </c>
      <c r="L1346">
        <v>1110.153</v>
      </c>
      <c r="M1346">
        <v>1093.567</v>
      </c>
      <c r="N1346">
        <v>909.61400000000003</v>
      </c>
      <c r="O1346">
        <v>973.55700000000002</v>
      </c>
      <c r="P1346">
        <v>0</v>
      </c>
      <c r="Q1346">
        <v>0</v>
      </c>
      <c r="R1346">
        <v>1025.826</v>
      </c>
      <c r="S1346">
        <v>0</v>
      </c>
      <c r="T1346">
        <v>1054.5899999999999</v>
      </c>
      <c r="U1346">
        <v>1073.3620000000001</v>
      </c>
      <c r="V1346">
        <v>1083.981</v>
      </c>
      <c r="W1346">
        <v>1108.191</v>
      </c>
      <c r="X1346">
        <v>1133.48</v>
      </c>
      <c r="Y1346">
        <v>1143.136</v>
      </c>
    </row>
    <row r="1347" spans="1:25" x14ac:dyDescent="0.3">
      <c r="A1347">
        <v>36.033333339324841</v>
      </c>
      <c r="B1347">
        <v>912.697</v>
      </c>
      <c r="C1347">
        <v>966.30600000000004</v>
      </c>
      <c r="D1347">
        <v>965.23900000000003</v>
      </c>
      <c r="E1347">
        <v>1002.317</v>
      </c>
      <c r="F1347">
        <v>1018.8</v>
      </c>
      <c r="G1347">
        <v>1050.48</v>
      </c>
      <c r="H1347">
        <v>1061.4549999999999</v>
      </c>
      <c r="I1347">
        <v>1076.827</v>
      </c>
      <c r="J1347">
        <v>1086.095</v>
      </c>
      <c r="K1347">
        <v>1097.377</v>
      </c>
      <c r="L1347">
        <v>1106.1959999999999</v>
      </c>
      <c r="M1347">
        <v>1094.7070000000001</v>
      </c>
      <c r="N1347">
        <v>912.14400000000001</v>
      </c>
      <c r="O1347">
        <v>966.83</v>
      </c>
      <c r="P1347">
        <v>0</v>
      </c>
      <c r="Q1347">
        <v>0</v>
      </c>
      <c r="R1347">
        <v>1023.972</v>
      </c>
      <c r="S1347">
        <v>0</v>
      </c>
      <c r="T1347">
        <v>1049.981</v>
      </c>
      <c r="U1347">
        <v>1070.3030000000001</v>
      </c>
      <c r="V1347">
        <v>1080.742</v>
      </c>
      <c r="W1347">
        <v>1104.5219999999999</v>
      </c>
      <c r="X1347">
        <v>1126.835</v>
      </c>
      <c r="Y1347">
        <v>1135.567</v>
      </c>
    </row>
    <row r="1348" spans="1:25" x14ac:dyDescent="0.3">
      <c r="A1348">
        <v>36.066666669972861</v>
      </c>
      <c r="B1348">
        <v>910.80700000000002</v>
      </c>
      <c r="C1348">
        <v>965.34799999999996</v>
      </c>
      <c r="D1348">
        <v>962.87199999999996</v>
      </c>
      <c r="E1348">
        <v>1002.956</v>
      </c>
      <c r="F1348">
        <v>1021.992</v>
      </c>
      <c r="G1348">
        <v>1049.759</v>
      </c>
      <c r="H1348">
        <v>1059.7850000000001</v>
      </c>
      <c r="I1348">
        <v>1077.5540000000001</v>
      </c>
      <c r="J1348">
        <v>1088.079</v>
      </c>
      <c r="K1348">
        <v>1100.0840000000001</v>
      </c>
      <c r="L1348">
        <v>1108.2460000000001</v>
      </c>
      <c r="M1348">
        <v>1095.9849999999999</v>
      </c>
      <c r="N1348">
        <v>910.21900000000005</v>
      </c>
      <c r="O1348">
        <v>971.52800000000002</v>
      </c>
      <c r="P1348">
        <v>0</v>
      </c>
      <c r="Q1348">
        <v>0</v>
      </c>
      <c r="R1348">
        <v>1023.679</v>
      </c>
      <c r="S1348">
        <v>0</v>
      </c>
      <c r="T1348">
        <v>1048.7429999999999</v>
      </c>
      <c r="U1348">
        <v>1070.191</v>
      </c>
      <c r="V1348">
        <v>1078.617</v>
      </c>
      <c r="W1348">
        <v>1101.4760000000001</v>
      </c>
      <c r="X1348">
        <v>1129.056</v>
      </c>
      <c r="Y1348">
        <v>1136.136</v>
      </c>
    </row>
    <row r="1349" spans="1:25" x14ac:dyDescent="0.3">
      <c r="A1349">
        <v>36.100000000620881</v>
      </c>
      <c r="B1349">
        <v>912.05700000000002</v>
      </c>
      <c r="C1349">
        <v>962.36800000000005</v>
      </c>
      <c r="D1349">
        <v>960.36199999999997</v>
      </c>
      <c r="E1349">
        <v>1000.821</v>
      </c>
      <c r="F1349">
        <v>1022.104</v>
      </c>
      <c r="G1349">
        <v>1050.501</v>
      </c>
      <c r="H1349">
        <v>1062.126</v>
      </c>
      <c r="I1349">
        <v>1079.048</v>
      </c>
      <c r="J1349">
        <v>1087.0329999999999</v>
      </c>
      <c r="K1349">
        <v>1097.7929999999999</v>
      </c>
      <c r="L1349">
        <v>1106.5930000000001</v>
      </c>
      <c r="M1349">
        <v>1096.5139999999999</v>
      </c>
      <c r="N1349">
        <v>911.005</v>
      </c>
      <c r="O1349">
        <v>976.44100000000003</v>
      </c>
      <c r="P1349">
        <v>0</v>
      </c>
      <c r="Q1349">
        <v>0</v>
      </c>
      <c r="R1349">
        <v>1024.671</v>
      </c>
      <c r="S1349">
        <v>0</v>
      </c>
      <c r="T1349">
        <v>1052.479</v>
      </c>
      <c r="U1349">
        <v>1070.7529999999999</v>
      </c>
      <c r="V1349">
        <v>1079.663</v>
      </c>
      <c r="W1349">
        <v>1098.0930000000001</v>
      </c>
      <c r="X1349">
        <v>1121.6969999999999</v>
      </c>
      <c r="Y1349">
        <v>1131.81</v>
      </c>
    </row>
    <row r="1350" spans="1:25" x14ac:dyDescent="0.3">
      <c r="A1350">
        <v>36.11666667118358</v>
      </c>
      <c r="B1350">
        <v>922.26199999999994</v>
      </c>
      <c r="C1350">
        <v>963.05399999999997</v>
      </c>
      <c r="D1350">
        <v>958.53899999999999</v>
      </c>
      <c r="E1350">
        <v>999.779</v>
      </c>
      <c r="F1350">
        <v>1019.627</v>
      </c>
      <c r="G1350">
        <v>1045.8789999999999</v>
      </c>
      <c r="H1350">
        <v>1060.9749999999999</v>
      </c>
      <c r="I1350">
        <v>1076.941</v>
      </c>
      <c r="J1350">
        <v>1085.2539999999999</v>
      </c>
      <c r="K1350">
        <v>1096.0429999999999</v>
      </c>
      <c r="L1350">
        <v>1105.4829999999999</v>
      </c>
      <c r="M1350">
        <v>1095.441</v>
      </c>
      <c r="N1350">
        <v>911.55700000000002</v>
      </c>
      <c r="O1350">
        <v>972.83100000000002</v>
      </c>
      <c r="P1350">
        <v>0</v>
      </c>
      <c r="Q1350">
        <v>0</v>
      </c>
      <c r="R1350">
        <v>1018.252</v>
      </c>
      <c r="S1350">
        <v>0</v>
      </c>
      <c r="T1350">
        <v>1050.9259999999999</v>
      </c>
      <c r="U1350">
        <v>1067.8630000000001</v>
      </c>
      <c r="V1350">
        <v>1079.998</v>
      </c>
      <c r="W1350">
        <v>1099.9169999999999</v>
      </c>
      <c r="X1350">
        <v>1124.4639999999999</v>
      </c>
      <c r="Y1350">
        <v>1137.0319999999999</v>
      </c>
    </row>
    <row r="1351" spans="1:25" x14ac:dyDescent="0.3">
      <c r="A1351">
        <v>36.1500000018316</v>
      </c>
      <c r="B1351">
        <v>928.14499999999998</v>
      </c>
      <c r="C1351">
        <v>964.20899999999995</v>
      </c>
      <c r="D1351">
        <v>958.80799999999999</v>
      </c>
      <c r="E1351">
        <v>997.04499999999996</v>
      </c>
      <c r="F1351">
        <v>1018.379</v>
      </c>
      <c r="G1351">
        <v>1048.299</v>
      </c>
      <c r="H1351">
        <v>1064.1279999999999</v>
      </c>
      <c r="I1351">
        <v>1078.356</v>
      </c>
      <c r="J1351">
        <v>1084.4469999999999</v>
      </c>
      <c r="K1351">
        <v>1094.6320000000001</v>
      </c>
      <c r="L1351">
        <v>1103.5820000000001</v>
      </c>
      <c r="M1351">
        <v>1092.76</v>
      </c>
      <c r="N1351">
        <v>908.77499999999998</v>
      </c>
      <c r="O1351">
        <v>973.51900000000001</v>
      </c>
      <c r="P1351">
        <v>0</v>
      </c>
      <c r="Q1351">
        <v>0</v>
      </c>
      <c r="R1351">
        <v>1022.652</v>
      </c>
      <c r="S1351">
        <v>0</v>
      </c>
      <c r="T1351">
        <v>1049.297</v>
      </c>
      <c r="U1351">
        <v>1065.557</v>
      </c>
      <c r="V1351">
        <v>1076.454</v>
      </c>
      <c r="W1351">
        <v>1098.787</v>
      </c>
      <c r="X1351">
        <v>1125.4110000000001</v>
      </c>
      <c r="Y1351">
        <v>1136.4590000000001</v>
      </c>
    </row>
    <row r="1352" spans="1:25" x14ac:dyDescent="0.3">
      <c r="A1352">
        <v>36.1666666723943</v>
      </c>
      <c r="B1352">
        <v>930.54399999999998</v>
      </c>
      <c r="C1352">
        <v>963.36199999999997</v>
      </c>
      <c r="D1352">
        <v>957.09900000000005</v>
      </c>
      <c r="E1352">
        <v>991.35</v>
      </c>
      <c r="F1352">
        <v>1015.574</v>
      </c>
      <c r="G1352">
        <v>1049.28</v>
      </c>
      <c r="H1352">
        <v>1062.2919999999999</v>
      </c>
      <c r="I1352">
        <v>1080.9490000000001</v>
      </c>
      <c r="J1352">
        <v>1087.538</v>
      </c>
      <c r="K1352">
        <v>1102.625</v>
      </c>
      <c r="L1352">
        <v>1110.9280000000001</v>
      </c>
      <c r="M1352">
        <v>1099.221</v>
      </c>
      <c r="N1352">
        <v>917.20799999999997</v>
      </c>
      <c r="O1352">
        <v>971.29499999999996</v>
      </c>
      <c r="P1352">
        <v>0</v>
      </c>
      <c r="Q1352">
        <v>0</v>
      </c>
      <c r="R1352">
        <v>1027.7940000000001</v>
      </c>
      <c r="S1352">
        <v>0</v>
      </c>
      <c r="T1352">
        <v>1050.0940000000001</v>
      </c>
      <c r="U1352">
        <v>1066.8399999999999</v>
      </c>
      <c r="V1352">
        <v>1078.8610000000001</v>
      </c>
      <c r="W1352">
        <v>1102.3989999999999</v>
      </c>
      <c r="X1352">
        <v>1127.729</v>
      </c>
      <c r="Y1352">
        <v>1139.4349999999999</v>
      </c>
    </row>
    <row r="1353" spans="1:25" x14ac:dyDescent="0.3">
      <c r="A1353">
        <v>36.200000003042319</v>
      </c>
      <c r="B1353">
        <v>937.625</v>
      </c>
      <c r="C1353">
        <v>965.62099999999998</v>
      </c>
      <c r="D1353">
        <v>953.73199999999997</v>
      </c>
      <c r="E1353">
        <v>991.04100000000005</v>
      </c>
      <c r="F1353">
        <v>1015.41</v>
      </c>
      <c r="G1353">
        <v>1049.7249999999999</v>
      </c>
      <c r="H1353">
        <v>1062.3109999999999</v>
      </c>
      <c r="I1353">
        <v>1087.202</v>
      </c>
      <c r="J1353">
        <v>1093.1179999999999</v>
      </c>
      <c r="K1353">
        <v>1104.9570000000001</v>
      </c>
      <c r="L1353">
        <v>1114.1780000000001</v>
      </c>
      <c r="M1353">
        <v>1103.415</v>
      </c>
      <c r="N1353">
        <v>918.51</v>
      </c>
      <c r="O1353">
        <v>971.25900000000001</v>
      </c>
      <c r="P1353">
        <v>0</v>
      </c>
      <c r="Q1353">
        <v>0</v>
      </c>
      <c r="R1353">
        <v>1028.42</v>
      </c>
      <c r="S1353">
        <v>0</v>
      </c>
      <c r="T1353">
        <v>1055.8900000000001</v>
      </c>
      <c r="U1353">
        <v>1072.374</v>
      </c>
      <c r="V1353">
        <v>1083.027</v>
      </c>
      <c r="W1353">
        <v>1103.6220000000001</v>
      </c>
      <c r="X1353">
        <v>1129.4570000000001</v>
      </c>
      <c r="Y1353">
        <v>1135.8920000000001</v>
      </c>
    </row>
    <row r="1354" spans="1:25" x14ac:dyDescent="0.3">
      <c r="A1354">
        <v>36.233333333690339</v>
      </c>
      <c r="B1354">
        <v>933.495</v>
      </c>
      <c r="C1354">
        <v>967.80499999999995</v>
      </c>
      <c r="D1354">
        <v>951.13599999999997</v>
      </c>
      <c r="E1354">
        <v>987.03399999999999</v>
      </c>
      <c r="F1354">
        <v>1008.035</v>
      </c>
      <c r="G1354">
        <v>1041.884</v>
      </c>
      <c r="H1354">
        <v>1061.029</v>
      </c>
      <c r="I1354">
        <v>1081.5640000000001</v>
      </c>
      <c r="J1354">
        <v>1090.9059999999999</v>
      </c>
      <c r="K1354">
        <v>1102.999</v>
      </c>
      <c r="L1354">
        <v>1114.9880000000001</v>
      </c>
      <c r="M1354">
        <v>1103.2059999999999</v>
      </c>
      <c r="N1354">
        <v>919.36400000000003</v>
      </c>
      <c r="O1354">
        <v>976.65700000000004</v>
      </c>
      <c r="P1354">
        <v>0</v>
      </c>
      <c r="Q1354">
        <v>0</v>
      </c>
      <c r="R1354">
        <v>1019.607</v>
      </c>
      <c r="S1354">
        <v>0</v>
      </c>
      <c r="T1354">
        <v>1050.5170000000001</v>
      </c>
      <c r="U1354">
        <v>1071.1420000000001</v>
      </c>
      <c r="V1354">
        <v>1085.028</v>
      </c>
      <c r="W1354">
        <v>1103.921</v>
      </c>
      <c r="X1354">
        <v>1128.4100000000001</v>
      </c>
      <c r="Y1354">
        <v>1137.5260000000001</v>
      </c>
    </row>
    <row r="1355" spans="1:25" x14ac:dyDescent="0.3">
      <c r="A1355">
        <v>36.250000004253039</v>
      </c>
      <c r="B1355">
        <v>938.98900000000003</v>
      </c>
      <c r="C1355">
        <v>967.44600000000003</v>
      </c>
      <c r="D1355">
        <v>949.71500000000003</v>
      </c>
      <c r="E1355">
        <v>988.58299999999997</v>
      </c>
      <c r="F1355">
        <v>1011.088</v>
      </c>
      <c r="G1355">
        <v>1041.239</v>
      </c>
      <c r="H1355">
        <v>1058.5429999999999</v>
      </c>
      <c r="I1355">
        <v>1075.2819999999999</v>
      </c>
      <c r="J1355">
        <v>1088.7739999999999</v>
      </c>
      <c r="K1355">
        <v>1100.2180000000001</v>
      </c>
      <c r="L1355">
        <v>1114.1959999999999</v>
      </c>
      <c r="M1355">
        <v>1102.7380000000001</v>
      </c>
      <c r="N1355">
        <v>916.745</v>
      </c>
      <c r="O1355">
        <v>971.25900000000001</v>
      </c>
      <c r="P1355">
        <v>0</v>
      </c>
      <c r="Q1355">
        <v>0</v>
      </c>
      <c r="R1355">
        <v>1017.06</v>
      </c>
      <c r="S1355">
        <v>0</v>
      </c>
      <c r="T1355">
        <v>1050.8889999999999</v>
      </c>
      <c r="U1355">
        <v>1073.1379999999999</v>
      </c>
      <c r="V1355">
        <v>1089.8969999999999</v>
      </c>
      <c r="W1355">
        <v>1110.4929999999999</v>
      </c>
      <c r="X1355">
        <v>1132.1130000000001</v>
      </c>
      <c r="Y1355">
        <v>1139.76</v>
      </c>
    </row>
    <row r="1356" spans="1:25" x14ac:dyDescent="0.3">
      <c r="A1356">
        <v>36.283333334901059</v>
      </c>
      <c r="B1356">
        <v>936.279</v>
      </c>
      <c r="C1356">
        <v>967.12099999999998</v>
      </c>
      <c r="D1356">
        <v>957.78399999999999</v>
      </c>
      <c r="E1356">
        <v>993.84400000000005</v>
      </c>
      <c r="F1356">
        <v>1015.337</v>
      </c>
      <c r="G1356">
        <v>1044.29</v>
      </c>
      <c r="H1356">
        <v>1056.799</v>
      </c>
      <c r="I1356">
        <v>1072.673</v>
      </c>
      <c r="J1356">
        <v>1085.779</v>
      </c>
      <c r="K1356">
        <v>1100.2940000000001</v>
      </c>
      <c r="L1356">
        <v>1116.124</v>
      </c>
      <c r="M1356">
        <v>1101.5350000000001</v>
      </c>
      <c r="N1356">
        <v>917.22699999999998</v>
      </c>
      <c r="O1356">
        <v>973.43100000000004</v>
      </c>
      <c r="P1356">
        <v>0</v>
      </c>
      <c r="Q1356">
        <v>0</v>
      </c>
      <c r="R1356">
        <v>1021.1319999999999</v>
      </c>
      <c r="S1356">
        <v>0</v>
      </c>
      <c r="T1356">
        <v>1052.7190000000001</v>
      </c>
      <c r="U1356">
        <v>1075.115</v>
      </c>
      <c r="V1356">
        <v>1086.827</v>
      </c>
      <c r="W1356">
        <v>1106.518</v>
      </c>
      <c r="X1356">
        <v>1129.684</v>
      </c>
      <c r="Y1356">
        <v>1140.7329999999999</v>
      </c>
    </row>
    <row r="1357" spans="1:25" x14ac:dyDescent="0.3">
      <c r="A1357">
        <v>36.300000005463758</v>
      </c>
      <c r="B1357">
        <v>938.95299999999997</v>
      </c>
      <c r="C1357">
        <v>967.62599999999998</v>
      </c>
      <c r="D1357">
        <v>958.46699999999998</v>
      </c>
      <c r="E1357">
        <v>995.154</v>
      </c>
      <c r="F1357">
        <v>1016.84</v>
      </c>
      <c r="G1357">
        <v>1046.5440000000001</v>
      </c>
      <c r="H1357">
        <v>1059.211</v>
      </c>
      <c r="I1357">
        <v>1071.367</v>
      </c>
      <c r="J1357">
        <v>1082.914</v>
      </c>
      <c r="K1357">
        <v>1097.3409999999999</v>
      </c>
      <c r="L1357">
        <v>1115.519</v>
      </c>
      <c r="M1357">
        <v>1102.117</v>
      </c>
      <c r="N1357">
        <v>918.11699999999996</v>
      </c>
      <c r="O1357">
        <v>973.53899999999999</v>
      </c>
      <c r="P1357">
        <v>0</v>
      </c>
      <c r="Q1357">
        <v>0</v>
      </c>
      <c r="R1357">
        <v>1022.1950000000001</v>
      </c>
      <c r="S1357">
        <v>0</v>
      </c>
      <c r="T1357">
        <v>1052.645</v>
      </c>
      <c r="U1357">
        <v>1072.1320000000001</v>
      </c>
      <c r="V1357">
        <v>1086.2090000000001</v>
      </c>
      <c r="W1357">
        <v>1103.6400000000001</v>
      </c>
      <c r="X1357">
        <v>1124.54</v>
      </c>
      <c r="Y1357">
        <v>1137.9670000000001</v>
      </c>
    </row>
    <row r="1358" spans="1:25" x14ac:dyDescent="0.3">
      <c r="A1358">
        <v>36.333333336111778</v>
      </c>
      <c r="B1358">
        <v>939.67100000000005</v>
      </c>
      <c r="C1358">
        <v>972.09</v>
      </c>
      <c r="D1358">
        <v>962.24099999999999</v>
      </c>
      <c r="E1358">
        <v>995.48199999999997</v>
      </c>
      <c r="F1358">
        <v>1013.979</v>
      </c>
      <c r="G1358">
        <v>1043.309</v>
      </c>
      <c r="H1358">
        <v>1059.768</v>
      </c>
      <c r="I1358">
        <v>1071.162</v>
      </c>
      <c r="J1358">
        <v>1084.973</v>
      </c>
      <c r="K1358">
        <v>1097.115</v>
      </c>
      <c r="L1358">
        <v>1110.9280000000001</v>
      </c>
      <c r="M1358">
        <v>1097.942</v>
      </c>
      <c r="N1358">
        <v>923.26400000000001</v>
      </c>
      <c r="O1358">
        <v>976.29499999999996</v>
      </c>
      <c r="P1358">
        <v>0</v>
      </c>
      <c r="Q1358">
        <v>0</v>
      </c>
      <c r="R1358">
        <v>1021.736</v>
      </c>
      <c r="S1358">
        <v>0</v>
      </c>
      <c r="T1358">
        <v>1054.924</v>
      </c>
      <c r="U1358">
        <v>1078.6559999999999</v>
      </c>
      <c r="V1358">
        <v>1094.4839999999999</v>
      </c>
      <c r="W1358">
        <v>1106.7429999999999</v>
      </c>
      <c r="X1358">
        <v>1129.3420000000001</v>
      </c>
      <c r="Y1358">
        <v>1141.229</v>
      </c>
    </row>
    <row r="1359" spans="1:25" x14ac:dyDescent="0.3">
      <c r="A1359">
        <v>36.366666666759798</v>
      </c>
      <c r="B1359">
        <v>937.24800000000005</v>
      </c>
      <c r="C1359">
        <v>970.84299999999996</v>
      </c>
      <c r="D1359">
        <v>963.34400000000005</v>
      </c>
      <c r="E1359">
        <v>995.53599999999994</v>
      </c>
      <c r="F1359">
        <v>1012.129</v>
      </c>
      <c r="G1359">
        <v>1048.615</v>
      </c>
      <c r="H1359">
        <v>1059.3040000000001</v>
      </c>
      <c r="I1359">
        <v>1074.462</v>
      </c>
      <c r="J1359">
        <v>1088.8109999999999</v>
      </c>
      <c r="K1359">
        <v>1097.491</v>
      </c>
      <c r="L1359">
        <v>1108.8499999999999</v>
      </c>
      <c r="M1359">
        <v>1095.2159999999999</v>
      </c>
      <c r="N1359">
        <v>921.88599999999997</v>
      </c>
      <c r="O1359">
        <v>968.74699999999996</v>
      </c>
      <c r="P1359">
        <v>0</v>
      </c>
      <c r="Q1359">
        <v>0</v>
      </c>
      <c r="R1359">
        <v>1017.5549999999999</v>
      </c>
      <c r="S1359">
        <v>0</v>
      </c>
      <c r="T1359">
        <v>1051.258</v>
      </c>
      <c r="U1359">
        <v>1074.6110000000001</v>
      </c>
      <c r="V1359">
        <v>1087.182</v>
      </c>
      <c r="W1359">
        <v>1103.922</v>
      </c>
      <c r="X1359">
        <v>1127.9179999999999</v>
      </c>
      <c r="Y1359">
        <v>1138.52</v>
      </c>
    </row>
    <row r="1360" spans="1:25" x14ac:dyDescent="0.3">
      <c r="A1360">
        <v>36.383333337322497</v>
      </c>
      <c r="B1360">
        <v>941.23</v>
      </c>
      <c r="C1360">
        <v>967.87800000000004</v>
      </c>
      <c r="D1360">
        <v>960.37800000000004</v>
      </c>
      <c r="E1360">
        <v>995.33399999999995</v>
      </c>
      <c r="F1360">
        <v>1008.912</v>
      </c>
      <c r="G1360">
        <v>1047.9849999999999</v>
      </c>
      <c r="H1360">
        <v>1059.135</v>
      </c>
      <c r="I1360">
        <v>1076.9390000000001</v>
      </c>
      <c r="J1360">
        <v>1091.3</v>
      </c>
      <c r="K1360">
        <v>1101.326</v>
      </c>
      <c r="L1360">
        <v>1113.326</v>
      </c>
      <c r="M1360">
        <v>1098.204</v>
      </c>
      <c r="N1360">
        <v>919.43499999999995</v>
      </c>
      <c r="O1360">
        <v>967.87800000000004</v>
      </c>
      <c r="P1360">
        <v>0</v>
      </c>
      <c r="Q1360">
        <v>0</v>
      </c>
      <c r="R1360">
        <v>1020.4880000000001</v>
      </c>
      <c r="S1360">
        <v>0</v>
      </c>
      <c r="T1360">
        <v>1053.2349999999999</v>
      </c>
      <c r="U1360">
        <v>1074.6089999999999</v>
      </c>
      <c r="V1360">
        <v>1089.4839999999999</v>
      </c>
      <c r="W1360">
        <v>1107.8320000000001</v>
      </c>
      <c r="X1360">
        <v>1125.0309999999999</v>
      </c>
      <c r="Y1360">
        <v>1137.8889999999999</v>
      </c>
    </row>
    <row r="1361" spans="1:25" x14ac:dyDescent="0.3">
      <c r="A1361">
        <v>36.416666667970517</v>
      </c>
      <c r="B1361">
        <v>936.69</v>
      </c>
      <c r="C1361">
        <v>968.05799999999999</v>
      </c>
      <c r="D1361">
        <v>960.37800000000004</v>
      </c>
      <c r="E1361">
        <v>994.93399999999997</v>
      </c>
      <c r="F1361">
        <v>1009.862</v>
      </c>
      <c r="G1361">
        <v>1047.818</v>
      </c>
      <c r="H1361">
        <v>1057.2239999999999</v>
      </c>
      <c r="I1361">
        <v>1076.212</v>
      </c>
      <c r="J1361">
        <v>1091.2249999999999</v>
      </c>
      <c r="K1361">
        <v>1101.0429999999999</v>
      </c>
      <c r="L1361">
        <v>1111.3800000000001</v>
      </c>
      <c r="M1361">
        <v>1097</v>
      </c>
      <c r="N1361">
        <v>919.524</v>
      </c>
      <c r="O1361">
        <v>969.90200000000004</v>
      </c>
      <c r="P1361">
        <v>0</v>
      </c>
      <c r="Q1361">
        <v>0</v>
      </c>
      <c r="R1361">
        <v>1019.461</v>
      </c>
      <c r="S1361">
        <v>0</v>
      </c>
      <c r="T1361">
        <v>1054.4949999999999</v>
      </c>
      <c r="U1361">
        <v>1073.2670000000001</v>
      </c>
      <c r="V1361">
        <v>1087.836</v>
      </c>
      <c r="W1361">
        <v>1111.606</v>
      </c>
      <c r="X1361">
        <v>1129.511</v>
      </c>
      <c r="Y1361">
        <v>1140.846</v>
      </c>
    </row>
    <row r="1362" spans="1:25" x14ac:dyDescent="0.3">
      <c r="A1362">
        <v>36.433333338533217</v>
      </c>
      <c r="B1362">
        <v>933.40700000000004</v>
      </c>
      <c r="C1362">
        <v>963.61500000000001</v>
      </c>
      <c r="D1362">
        <v>962.78300000000002</v>
      </c>
      <c r="E1362">
        <v>998.94</v>
      </c>
      <c r="F1362">
        <v>1014.474</v>
      </c>
      <c r="G1362">
        <v>1048.116</v>
      </c>
      <c r="H1362">
        <v>1057.931</v>
      </c>
      <c r="I1362">
        <v>1073.6969999999999</v>
      </c>
      <c r="J1362">
        <v>1089.672</v>
      </c>
      <c r="K1362">
        <v>1103.885</v>
      </c>
      <c r="L1362">
        <v>1112.9680000000001</v>
      </c>
      <c r="M1362">
        <v>1100.6880000000001</v>
      </c>
      <c r="N1362">
        <v>917.95699999999999</v>
      </c>
      <c r="O1362">
        <v>974.39099999999996</v>
      </c>
      <c r="P1362">
        <v>0</v>
      </c>
      <c r="Q1362">
        <v>0</v>
      </c>
      <c r="R1362">
        <v>1016.18</v>
      </c>
      <c r="S1362">
        <v>0</v>
      </c>
      <c r="T1362">
        <v>1051.184</v>
      </c>
      <c r="U1362">
        <v>1071.125</v>
      </c>
      <c r="V1362">
        <v>1082.4829999999999</v>
      </c>
      <c r="W1362">
        <v>1105.0319999999999</v>
      </c>
      <c r="X1362">
        <v>1128.5070000000001</v>
      </c>
      <c r="Y1362">
        <v>1139.0920000000001</v>
      </c>
    </row>
    <row r="1363" spans="1:25" x14ac:dyDescent="0.3">
      <c r="A1363">
        <v>36.466666669181237</v>
      </c>
      <c r="B1363">
        <v>931.51</v>
      </c>
      <c r="C1363">
        <v>963.05499999999995</v>
      </c>
      <c r="D1363">
        <v>957.80200000000002</v>
      </c>
      <c r="E1363">
        <v>998.06700000000001</v>
      </c>
      <c r="F1363">
        <v>1015.355</v>
      </c>
      <c r="G1363">
        <v>1049.115</v>
      </c>
      <c r="H1363">
        <v>1059.175</v>
      </c>
      <c r="I1363">
        <v>1077.0530000000001</v>
      </c>
      <c r="J1363">
        <v>1089.018</v>
      </c>
      <c r="K1363">
        <v>1100.124</v>
      </c>
      <c r="L1363">
        <v>1109.077</v>
      </c>
      <c r="M1363">
        <v>1099.9549999999999</v>
      </c>
      <c r="N1363">
        <v>914.44600000000003</v>
      </c>
      <c r="O1363">
        <v>976.45899999999995</v>
      </c>
      <c r="P1363">
        <v>0</v>
      </c>
      <c r="Q1363">
        <v>0</v>
      </c>
      <c r="R1363">
        <v>1022.122</v>
      </c>
      <c r="S1363">
        <v>0</v>
      </c>
      <c r="T1363">
        <v>1052.941</v>
      </c>
      <c r="U1363">
        <v>1072.896</v>
      </c>
      <c r="V1363">
        <v>1087.239</v>
      </c>
      <c r="W1363">
        <v>1112.912</v>
      </c>
      <c r="X1363">
        <v>1134.43</v>
      </c>
      <c r="Y1363">
        <v>1140.2950000000001</v>
      </c>
    </row>
    <row r="1364" spans="1:25" x14ac:dyDescent="0.3">
      <c r="A1364">
        <v>36.499999999829257</v>
      </c>
      <c r="B1364">
        <v>931.92100000000005</v>
      </c>
      <c r="C1364">
        <v>962.44</v>
      </c>
      <c r="D1364">
        <v>955.87400000000002</v>
      </c>
      <c r="E1364">
        <v>994.59</v>
      </c>
      <c r="F1364">
        <v>1015.4829999999999</v>
      </c>
      <c r="G1364">
        <v>1045.1769999999999</v>
      </c>
      <c r="H1364">
        <v>1054.664</v>
      </c>
      <c r="I1364">
        <v>1070.547</v>
      </c>
      <c r="J1364">
        <v>1086.078</v>
      </c>
      <c r="K1364">
        <v>1099.0329999999999</v>
      </c>
      <c r="L1364">
        <v>1109.7750000000001</v>
      </c>
      <c r="M1364">
        <v>1100.105</v>
      </c>
      <c r="N1364">
        <v>913.75</v>
      </c>
      <c r="O1364">
        <v>974.11900000000003</v>
      </c>
      <c r="P1364">
        <v>0</v>
      </c>
      <c r="Q1364">
        <v>0</v>
      </c>
      <c r="R1364">
        <v>1025.441</v>
      </c>
      <c r="S1364">
        <v>0</v>
      </c>
      <c r="T1364">
        <v>1058.0229999999999</v>
      </c>
      <c r="U1364">
        <v>1081.6590000000001</v>
      </c>
      <c r="V1364">
        <v>1092.0309999999999</v>
      </c>
      <c r="W1364">
        <v>1112.9680000000001</v>
      </c>
      <c r="X1364">
        <v>1134.4100000000001</v>
      </c>
      <c r="Y1364">
        <v>1143.346</v>
      </c>
    </row>
    <row r="1365" spans="1:25" x14ac:dyDescent="0.3">
      <c r="A1365">
        <v>36.516666670391956</v>
      </c>
      <c r="B1365">
        <v>936.17200000000003</v>
      </c>
      <c r="C1365">
        <v>963.79600000000005</v>
      </c>
      <c r="D1365">
        <v>960.05600000000004</v>
      </c>
      <c r="E1365">
        <v>995.81</v>
      </c>
      <c r="F1365">
        <v>1016.5839999999999</v>
      </c>
      <c r="G1365">
        <v>1046.7670000000001</v>
      </c>
      <c r="H1365">
        <v>1056.521</v>
      </c>
      <c r="I1365">
        <v>1068.5350000000001</v>
      </c>
      <c r="J1365">
        <v>1082.1099999999999</v>
      </c>
      <c r="K1365">
        <v>1097.0029999999999</v>
      </c>
      <c r="L1365">
        <v>1110.4190000000001</v>
      </c>
      <c r="M1365">
        <v>1099.373</v>
      </c>
      <c r="N1365">
        <v>913.41200000000003</v>
      </c>
      <c r="O1365">
        <v>965.27800000000002</v>
      </c>
      <c r="P1365">
        <v>0</v>
      </c>
      <c r="Q1365">
        <v>0</v>
      </c>
      <c r="R1365">
        <v>1027.482</v>
      </c>
      <c r="S1365">
        <v>0</v>
      </c>
      <c r="T1365">
        <v>1055.723</v>
      </c>
      <c r="U1365">
        <v>1082.5219999999999</v>
      </c>
      <c r="V1365">
        <v>1091.527</v>
      </c>
      <c r="W1365">
        <v>1111.9490000000001</v>
      </c>
      <c r="X1365">
        <v>1136.1769999999999</v>
      </c>
      <c r="Y1365">
        <v>1138.769</v>
      </c>
    </row>
    <row r="1366" spans="1:25" x14ac:dyDescent="0.3">
      <c r="A1366">
        <v>36.550000001039976</v>
      </c>
      <c r="B1366">
        <v>932.90300000000002</v>
      </c>
      <c r="C1366">
        <v>962.02300000000002</v>
      </c>
      <c r="D1366">
        <v>961.49900000000002</v>
      </c>
      <c r="E1366">
        <v>996.17200000000003</v>
      </c>
      <c r="F1366">
        <v>1018.5069999999999</v>
      </c>
      <c r="G1366">
        <v>1053.0129999999999</v>
      </c>
      <c r="H1366">
        <v>1060.2860000000001</v>
      </c>
      <c r="I1366">
        <v>1072.279</v>
      </c>
      <c r="J1366">
        <v>1084.653</v>
      </c>
      <c r="K1366">
        <v>1099.8399999999999</v>
      </c>
      <c r="L1366">
        <v>1109.2260000000001</v>
      </c>
      <c r="M1366">
        <v>1099.3699999999999</v>
      </c>
      <c r="N1366">
        <v>915.21</v>
      </c>
      <c r="O1366">
        <v>968.077</v>
      </c>
      <c r="P1366">
        <v>0</v>
      </c>
      <c r="Q1366">
        <v>0</v>
      </c>
      <c r="R1366">
        <v>1024.596</v>
      </c>
      <c r="S1366">
        <v>0</v>
      </c>
      <c r="T1366">
        <v>1050.665</v>
      </c>
      <c r="U1366">
        <v>1073.136</v>
      </c>
      <c r="V1366">
        <v>1083.961</v>
      </c>
      <c r="W1366">
        <v>1106.835</v>
      </c>
      <c r="X1366">
        <v>1133.953</v>
      </c>
      <c r="Y1366">
        <v>1142.066</v>
      </c>
    </row>
    <row r="1367" spans="1:25" x14ac:dyDescent="0.3">
      <c r="A1367">
        <v>36.566666671602675</v>
      </c>
      <c r="B1367">
        <v>930.61500000000001</v>
      </c>
      <c r="C1367">
        <v>959.60299999999995</v>
      </c>
      <c r="D1367">
        <v>957.36900000000003</v>
      </c>
      <c r="E1367">
        <v>999.70600000000002</v>
      </c>
      <c r="F1367">
        <v>1022.562</v>
      </c>
      <c r="G1367">
        <v>1052.423</v>
      </c>
      <c r="H1367">
        <v>1059.2860000000001</v>
      </c>
      <c r="I1367">
        <v>1072.7090000000001</v>
      </c>
      <c r="J1367">
        <v>1090.665</v>
      </c>
      <c r="K1367">
        <v>1102.7560000000001</v>
      </c>
      <c r="L1367">
        <v>1113.327</v>
      </c>
      <c r="M1367">
        <v>1103.3389999999999</v>
      </c>
      <c r="N1367">
        <v>912.91200000000003</v>
      </c>
      <c r="O1367">
        <v>970.44500000000005</v>
      </c>
      <c r="P1367">
        <v>0</v>
      </c>
      <c r="Q1367">
        <v>0</v>
      </c>
      <c r="R1367">
        <v>1026.634</v>
      </c>
      <c r="S1367">
        <v>0</v>
      </c>
      <c r="T1367">
        <v>1050.6849999999999</v>
      </c>
      <c r="U1367">
        <v>1071.33</v>
      </c>
      <c r="V1367">
        <v>1084.992</v>
      </c>
      <c r="W1367">
        <v>1103.1890000000001</v>
      </c>
      <c r="X1367">
        <v>1126.2860000000001</v>
      </c>
      <c r="Y1367">
        <v>1139.5119999999999</v>
      </c>
    </row>
    <row r="1368" spans="1:25" x14ac:dyDescent="0.3">
      <c r="A1368">
        <v>36.600000002250695</v>
      </c>
      <c r="B1368">
        <v>931.97400000000005</v>
      </c>
      <c r="C1368">
        <v>961.71699999999998</v>
      </c>
      <c r="D1368">
        <v>956.57600000000002</v>
      </c>
      <c r="E1368">
        <v>1001.167</v>
      </c>
      <c r="F1368">
        <v>1024.2670000000001</v>
      </c>
      <c r="G1368">
        <v>1053.107</v>
      </c>
      <c r="H1368">
        <v>1063.703</v>
      </c>
      <c r="I1368">
        <v>1080.4639999999999</v>
      </c>
      <c r="J1368">
        <v>1095.836</v>
      </c>
      <c r="K1368">
        <v>1107.683</v>
      </c>
      <c r="L1368">
        <v>1117.8800000000001</v>
      </c>
      <c r="M1368">
        <v>1103.49</v>
      </c>
      <c r="N1368">
        <v>912.19899999999996</v>
      </c>
      <c r="O1368">
        <v>969.25300000000004</v>
      </c>
      <c r="P1368">
        <v>0</v>
      </c>
      <c r="Q1368">
        <v>0</v>
      </c>
      <c r="R1368">
        <v>1026.046</v>
      </c>
      <c r="S1368">
        <v>0</v>
      </c>
      <c r="T1368">
        <v>1051.6469999999999</v>
      </c>
      <c r="U1368">
        <v>1072.7470000000001</v>
      </c>
      <c r="V1368">
        <v>1086.508</v>
      </c>
      <c r="W1368">
        <v>1108.3599999999999</v>
      </c>
      <c r="X1368">
        <v>1129.3989999999999</v>
      </c>
      <c r="Y1368">
        <v>1144.663</v>
      </c>
    </row>
    <row r="1369" spans="1:25" x14ac:dyDescent="0.3">
      <c r="A1369">
        <v>36.633333332898715</v>
      </c>
      <c r="B1369">
        <v>927.00300000000004</v>
      </c>
      <c r="C1369">
        <v>960.61599999999999</v>
      </c>
      <c r="D1369">
        <v>959.11699999999996</v>
      </c>
      <c r="E1369">
        <v>1002.886</v>
      </c>
      <c r="F1369">
        <v>1026.856</v>
      </c>
      <c r="G1369">
        <v>1053.127</v>
      </c>
      <c r="H1369">
        <v>1064.818</v>
      </c>
      <c r="I1369">
        <v>1082.8030000000001</v>
      </c>
      <c r="J1369">
        <v>1098.771</v>
      </c>
      <c r="K1369">
        <v>1108.0419999999999</v>
      </c>
      <c r="L1369">
        <v>1118.146</v>
      </c>
      <c r="M1369">
        <v>1099.674</v>
      </c>
      <c r="N1369">
        <v>914.26800000000003</v>
      </c>
      <c r="O1369">
        <v>970.64499999999998</v>
      </c>
      <c r="P1369">
        <v>0</v>
      </c>
      <c r="Q1369">
        <v>0</v>
      </c>
      <c r="R1369">
        <v>1023.627</v>
      </c>
      <c r="S1369">
        <v>0</v>
      </c>
      <c r="T1369">
        <v>1049.633</v>
      </c>
      <c r="U1369">
        <v>1073.27</v>
      </c>
      <c r="V1369">
        <v>1090.2729999999999</v>
      </c>
      <c r="W1369">
        <v>1109.191</v>
      </c>
      <c r="X1369">
        <v>1132.191</v>
      </c>
      <c r="Y1369">
        <v>1147.373</v>
      </c>
    </row>
    <row r="1370" spans="1:25" x14ac:dyDescent="0.3">
      <c r="A1370">
        <v>36.650000003461415</v>
      </c>
      <c r="B1370">
        <v>925.51800000000003</v>
      </c>
      <c r="C1370">
        <v>962.91</v>
      </c>
      <c r="D1370">
        <v>963.904</v>
      </c>
      <c r="E1370">
        <v>1006.649</v>
      </c>
      <c r="F1370">
        <v>1030.924</v>
      </c>
      <c r="G1370">
        <v>1057.04</v>
      </c>
      <c r="H1370">
        <v>1066.8589999999999</v>
      </c>
      <c r="I1370">
        <v>1086.2280000000001</v>
      </c>
      <c r="J1370">
        <v>1099.4290000000001</v>
      </c>
      <c r="K1370">
        <v>1107.9469999999999</v>
      </c>
      <c r="L1370">
        <v>1118.5989999999999</v>
      </c>
      <c r="M1370">
        <v>1100.557</v>
      </c>
      <c r="N1370">
        <v>920.93899999999996</v>
      </c>
      <c r="O1370">
        <v>973.63</v>
      </c>
      <c r="P1370">
        <v>0</v>
      </c>
      <c r="Q1370">
        <v>0</v>
      </c>
      <c r="R1370">
        <v>1025.221</v>
      </c>
      <c r="S1370">
        <v>0</v>
      </c>
      <c r="T1370">
        <v>1053.385</v>
      </c>
      <c r="U1370">
        <v>1074.462</v>
      </c>
      <c r="V1370">
        <v>1093.829</v>
      </c>
      <c r="W1370">
        <v>1114.2539999999999</v>
      </c>
      <c r="X1370">
        <v>1132.3610000000001</v>
      </c>
      <c r="Y1370">
        <v>1143.8050000000001</v>
      </c>
    </row>
    <row r="1371" spans="1:25" x14ac:dyDescent="0.3">
      <c r="A1371">
        <v>36.683333334109435</v>
      </c>
      <c r="B1371">
        <v>929.36300000000006</v>
      </c>
      <c r="C1371">
        <v>961.21100000000001</v>
      </c>
      <c r="D1371">
        <v>967.73500000000001</v>
      </c>
      <c r="E1371">
        <v>1007.598</v>
      </c>
      <c r="F1371">
        <v>1028.585</v>
      </c>
      <c r="G1371">
        <v>1056.3340000000001</v>
      </c>
      <c r="H1371">
        <v>1070.528</v>
      </c>
      <c r="I1371">
        <v>1083.0070000000001</v>
      </c>
      <c r="J1371">
        <v>1095.347</v>
      </c>
      <c r="K1371">
        <v>1105.7270000000001</v>
      </c>
      <c r="L1371">
        <v>1115.8589999999999</v>
      </c>
      <c r="M1371">
        <v>1098.356</v>
      </c>
      <c r="N1371">
        <v>917.81399999999996</v>
      </c>
      <c r="O1371">
        <v>979.79600000000005</v>
      </c>
      <c r="P1371">
        <v>0</v>
      </c>
      <c r="Q1371">
        <v>0</v>
      </c>
      <c r="R1371">
        <v>1022.232</v>
      </c>
      <c r="S1371">
        <v>0</v>
      </c>
      <c r="T1371">
        <v>1049.059</v>
      </c>
      <c r="U1371">
        <v>1069.8009999999999</v>
      </c>
      <c r="V1371">
        <v>1086.2280000000001</v>
      </c>
      <c r="W1371">
        <v>1111.57</v>
      </c>
      <c r="X1371">
        <v>1133.404</v>
      </c>
      <c r="Y1371">
        <v>1145.4639999999999</v>
      </c>
    </row>
    <row r="1372" spans="1:25" x14ac:dyDescent="0.3">
      <c r="A1372">
        <v>36.700000004672134</v>
      </c>
      <c r="B1372">
        <v>929.75800000000004</v>
      </c>
      <c r="C1372">
        <v>959.13499999999999</v>
      </c>
      <c r="D1372">
        <v>965.45899999999995</v>
      </c>
      <c r="E1372">
        <v>1003.708</v>
      </c>
      <c r="F1372">
        <v>1025.46</v>
      </c>
      <c r="G1372">
        <v>1057.876</v>
      </c>
      <c r="H1372">
        <v>1066.47</v>
      </c>
      <c r="I1372">
        <v>1085.405</v>
      </c>
      <c r="J1372">
        <v>1094.972</v>
      </c>
      <c r="K1372">
        <v>1103.623</v>
      </c>
      <c r="L1372">
        <v>1111.836</v>
      </c>
      <c r="M1372">
        <v>1097.68</v>
      </c>
      <c r="N1372">
        <v>916.62099999999998</v>
      </c>
      <c r="O1372">
        <v>977.65700000000004</v>
      </c>
      <c r="P1372">
        <v>0</v>
      </c>
      <c r="Q1372">
        <v>0</v>
      </c>
      <c r="R1372">
        <v>1021.407</v>
      </c>
      <c r="S1372">
        <v>0</v>
      </c>
      <c r="T1372">
        <v>1048.9490000000001</v>
      </c>
      <c r="U1372">
        <v>1068.3109999999999</v>
      </c>
      <c r="V1372">
        <v>1084.6189999999999</v>
      </c>
      <c r="W1372">
        <v>1105.4649999999999</v>
      </c>
      <c r="X1372">
        <v>1127.1030000000001</v>
      </c>
      <c r="Y1372">
        <v>1141.9929999999999</v>
      </c>
    </row>
    <row r="1373" spans="1:25" x14ac:dyDescent="0.3">
      <c r="A1373">
        <v>36.733333335320154</v>
      </c>
      <c r="B1373">
        <v>932.18899999999996</v>
      </c>
      <c r="C1373">
        <v>960.524</v>
      </c>
      <c r="D1373">
        <v>965.22299999999996</v>
      </c>
      <c r="E1373">
        <v>1005.991</v>
      </c>
      <c r="F1373">
        <v>1030.979</v>
      </c>
      <c r="G1373">
        <v>1059.954</v>
      </c>
      <c r="H1373">
        <v>1071.5160000000001</v>
      </c>
      <c r="I1373">
        <v>1087.6500000000001</v>
      </c>
      <c r="J1373">
        <v>1096.8699999999999</v>
      </c>
      <c r="K1373">
        <v>1106.5740000000001</v>
      </c>
      <c r="L1373">
        <v>1115.7449999999999</v>
      </c>
      <c r="M1373">
        <v>1100.575</v>
      </c>
      <c r="N1373">
        <v>918.34900000000005</v>
      </c>
      <c r="O1373">
        <v>973.53899999999999</v>
      </c>
      <c r="P1373">
        <v>0</v>
      </c>
      <c r="Q1373">
        <v>0</v>
      </c>
      <c r="R1373">
        <v>1015.904</v>
      </c>
      <c r="S1373">
        <v>0</v>
      </c>
      <c r="T1373">
        <v>1045.454</v>
      </c>
      <c r="U1373">
        <v>1073.511</v>
      </c>
      <c r="V1373">
        <v>1084.749</v>
      </c>
      <c r="W1373">
        <v>1107.8900000000001</v>
      </c>
      <c r="X1373">
        <v>1131.943</v>
      </c>
      <c r="Y1373">
        <v>1145.2729999999999</v>
      </c>
    </row>
    <row r="1374" spans="1:25" x14ac:dyDescent="0.3">
      <c r="A1374">
        <v>36.766666665968174</v>
      </c>
      <c r="B1374">
        <v>934.05399999999997</v>
      </c>
      <c r="C1374">
        <v>961.12099999999998</v>
      </c>
      <c r="D1374">
        <v>958.52200000000005</v>
      </c>
      <c r="E1374">
        <v>996.08299999999997</v>
      </c>
      <c r="F1374">
        <v>1022.837</v>
      </c>
      <c r="G1374">
        <v>1055.4259999999999</v>
      </c>
      <c r="H1374">
        <v>1065.2809999999999</v>
      </c>
      <c r="I1374">
        <v>1082.297</v>
      </c>
      <c r="J1374">
        <v>1092.3320000000001</v>
      </c>
      <c r="K1374">
        <v>1105.4649999999999</v>
      </c>
      <c r="L1374">
        <v>1112.799</v>
      </c>
      <c r="M1374">
        <v>1099.0150000000001</v>
      </c>
      <c r="N1374">
        <v>924.35500000000002</v>
      </c>
      <c r="O1374">
        <v>967.10299999999995</v>
      </c>
      <c r="P1374">
        <v>0</v>
      </c>
      <c r="Q1374">
        <v>0</v>
      </c>
      <c r="R1374">
        <v>1024.2860000000001</v>
      </c>
      <c r="S1374">
        <v>0</v>
      </c>
      <c r="T1374">
        <v>1052.3499999999999</v>
      </c>
      <c r="U1374">
        <v>1076.4939999999999</v>
      </c>
      <c r="V1374">
        <v>1090.8710000000001</v>
      </c>
      <c r="W1374">
        <v>1109.587</v>
      </c>
      <c r="X1374">
        <v>1132.2470000000001</v>
      </c>
      <c r="Y1374">
        <v>1142.0119999999999</v>
      </c>
    </row>
    <row r="1375" spans="1:25" x14ac:dyDescent="0.3">
      <c r="A1375">
        <v>36.783333336530873</v>
      </c>
      <c r="B1375">
        <v>933.40800000000002</v>
      </c>
      <c r="C1375">
        <v>963.68799999999999</v>
      </c>
      <c r="D1375">
        <v>956.596</v>
      </c>
      <c r="E1375">
        <v>997.63099999999997</v>
      </c>
      <c r="F1375">
        <v>1021.462</v>
      </c>
      <c r="G1375">
        <v>1055.5930000000001</v>
      </c>
      <c r="H1375">
        <v>1063.8340000000001</v>
      </c>
      <c r="I1375">
        <v>1084.2260000000001</v>
      </c>
      <c r="J1375">
        <v>1097.925</v>
      </c>
      <c r="K1375">
        <v>1111.175</v>
      </c>
      <c r="L1375">
        <v>1120.2049999999999</v>
      </c>
      <c r="M1375">
        <v>1105.3150000000001</v>
      </c>
      <c r="N1375">
        <v>926.69899999999996</v>
      </c>
      <c r="O1375">
        <v>964.75400000000002</v>
      </c>
      <c r="P1375">
        <v>0</v>
      </c>
      <c r="Q1375">
        <v>0</v>
      </c>
      <c r="R1375">
        <v>1025.9559999999999</v>
      </c>
      <c r="S1375">
        <v>0</v>
      </c>
      <c r="T1375">
        <v>1053.663</v>
      </c>
      <c r="U1375">
        <v>1076.252</v>
      </c>
      <c r="V1375">
        <v>1088.8119999999999</v>
      </c>
      <c r="W1375">
        <v>1109.059</v>
      </c>
      <c r="X1375">
        <v>1130.8430000000001</v>
      </c>
      <c r="Y1375">
        <v>1141.9739999999999</v>
      </c>
    </row>
    <row r="1376" spans="1:25" x14ac:dyDescent="0.3">
      <c r="A1376">
        <v>36.816666667178893</v>
      </c>
      <c r="B1376">
        <v>936.69200000000001</v>
      </c>
      <c r="C1376">
        <v>964.33699999999999</v>
      </c>
      <c r="D1376">
        <v>955.55</v>
      </c>
      <c r="E1376">
        <v>999.81500000000005</v>
      </c>
      <c r="F1376">
        <v>1020.691</v>
      </c>
      <c r="G1376">
        <v>1057.5409999999999</v>
      </c>
      <c r="H1376">
        <v>1069.7829999999999</v>
      </c>
      <c r="I1376">
        <v>1089.4659999999999</v>
      </c>
      <c r="J1376">
        <v>1101.6279999999999</v>
      </c>
      <c r="K1376">
        <v>1114.461</v>
      </c>
      <c r="L1376">
        <v>1119.0899999999999</v>
      </c>
      <c r="M1376">
        <v>1102.3989999999999</v>
      </c>
      <c r="N1376">
        <v>928.12900000000002</v>
      </c>
      <c r="O1376">
        <v>964.77099999999996</v>
      </c>
      <c r="P1376">
        <v>0</v>
      </c>
      <c r="Q1376">
        <v>0</v>
      </c>
      <c r="R1376">
        <v>1017.06</v>
      </c>
      <c r="S1376">
        <v>0</v>
      </c>
      <c r="T1376">
        <v>1053.2550000000001</v>
      </c>
      <c r="U1376">
        <v>1080.203</v>
      </c>
      <c r="V1376">
        <v>1086.902</v>
      </c>
      <c r="W1376">
        <v>1108.0029999999999</v>
      </c>
      <c r="X1376">
        <v>1125.9059999999999</v>
      </c>
      <c r="Y1376">
        <v>1140.6559999999999</v>
      </c>
    </row>
    <row r="1377" spans="1:25" x14ac:dyDescent="0.3">
      <c r="A1377">
        <v>36.849999997826913</v>
      </c>
      <c r="B1377">
        <v>938.54</v>
      </c>
      <c r="C1377">
        <v>964.19299999999998</v>
      </c>
      <c r="D1377">
        <v>954.07299999999998</v>
      </c>
      <c r="E1377">
        <v>997.029</v>
      </c>
      <c r="F1377">
        <v>1018.27</v>
      </c>
      <c r="G1377">
        <v>1052.3679999999999</v>
      </c>
      <c r="H1377">
        <v>1067.0070000000001</v>
      </c>
      <c r="I1377">
        <v>1082.7449999999999</v>
      </c>
      <c r="J1377">
        <v>1093.3789999999999</v>
      </c>
      <c r="K1377">
        <v>1103.847</v>
      </c>
      <c r="L1377">
        <v>1108.963</v>
      </c>
      <c r="M1377">
        <v>1095.836</v>
      </c>
      <c r="N1377">
        <v>922.92399999999998</v>
      </c>
      <c r="O1377">
        <v>972.524</v>
      </c>
      <c r="P1377">
        <v>0</v>
      </c>
      <c r="Q1377">
        <v>0</v>
      </c>
      <c r="R1377">
        <v>1012.751</v>
      </c>
      <c r="S1377">
        <v>0</v>
      </c>
      <c r="T1377">
        <v>1053.9590000000001</v>
      </c>
      <c r="U1377">
        <v>1076.0650000000001</v>
      </c>
      <c r="V1377">
        <v>1090.1969999999999</v>
      </c>
      <c r="W1377">
        <v>1110.191</v>
      </c>
      <c r="X1377">
        <v>1130.1579999999999</v>
      </c>
      <c r="Y1377">
        <v>1144.453</v>
      </c>
    </row>
    <row r="1378" spans="1:25" x14ac:dyDescent="0.3">
      <c r="A1378">
        <v>36.866666668389612</v>
      </c>
      <c r="B1378">
        <v>935.23800000000006</v>
      </c>
      <c r="C1378">
        <v>965.44</v>
      </c>
      <c r="D1378">
        <v>954.30799999999999</v>
      </c>
      <c r="E1378">
        <v>991.75099999999998</v>
      </c>
      <c r="F1378">
        <v>1015.153</v>
      </c>
      <c r="G1378">
        <v>1048.56</v>
      </c>
      <c r="H1378">
        <v>1063.982</v>
      </c>
      <c r="I1378">
        <v>1081.829</v>
      </c>
      <c r="J1378">
        <v>1096.1189999999999</v>
      </c>
      <c r="K1378">
        <v>1106.5740000000001</v>
      </c>
      <c r="L1378">
        <v>1114.1400000000001</v>
      </c>
      <c r="M1378">
        <v>1100.6320000000001</v>
      </c>
      <c r="N1378">
        <v>925.303</v>
      </c>
      <c r="O1378">
        <v>968.69299999999998</v>
      </c>
      <c r="P1378">
        <v>0</v>
      </c>
      <c r="Q1378">
        <v>0</v>
      </c>
      <c r="R1378">
        <v>1022.819</v>
      </c>
      <c r="S1378">
        <v>0</v>
      </c>
      <c r="T1378">
        <v>1049.6510000000001</v>
      </c>
      <c r="U1378">
        <v>1075.4870000000001</v>
      </c>
      <c r="V1378">
        <v>1088.606</v>
      </c>
      <c r="W1378">
        <v>1109.7190000000001</v>
      </c>
      <c r="X1378">
        <v>1130.52</v>
      </c>
      <c r="Y1378">
        <v>1143.9960000000001</v>
      </c>
    </row>
    <row r="1379" spans="1:25" x14ac:dyDescent="0.3">
      <c r="A1379">
        <v>36.899999999037632</v>
      </c>
      <c r="B1379">
        <v>935.11300000000006</v>
      </c>
      <c r="C1379">
        <v>966.25400000000002</v>
      </c>
      <c r="D1379">
        <v>955.71299999999997</v>
      </c>
      <c r="E1379">
        <v>991.80499999999995</v>
      </c>
      <c r="F1379">
        <v>1019.151</v>
      </c>
      <c r="G1379">
        <v>1053.866</v>
      </c>
      <c r="H1379">
        <v>1067.0260000000001</v>
      </c>
      <c r="I1379">
        <v>1085.6099999999999</v>
      </c>
      <c r="J1379">
        <v>1098.5450000000001</v>
      </c>
      <c r="K1379">
        <v>1104.8630000000001</v>
      </c>
      <c r="L1379">
        <v>1116.086</v>
      </c>
      <c r="M1379">
        <v>1102.4749999999999</v>
      </c>
      <c r="N1379">
        <v>924.62400000000002</v>
      </c>
      <c r="O1379">
        <v>961.80799999999999</v>
      </c>
      <c r="P1379">
        <v>0</v>
      </c>
      <c r="Q1379">
        <v>0</v>
      </c>
      <c r="R1379">
        <v>1021.37</v>
      </c>
      <c r="S1379">
        <v>0</v>
      </c>
      <c r="T1379">
        <v>1050.0940000000001</v>
      </c>
      <c r="U1379">
        <v>1071.703</v>
      </c>
      <c r="V1379">
        <v>1085.6849999999999</v>
      </c>
      <c r="W1379">
        <v>1109.2470000000001</v>
      </c>
      <c r="X1379">
        <v>1133.1959999999999</v>
      </c>
      <c r="Y1379">
        <v>1146.3040000000001</v>
      </c>
    </row>
    <row r="1380" spans="1:25" x14ac:dyDescent="0.3">
      <c r="A1380">
        <v>36.916666669600332</v>
      </c>
      <c r="B1380">
        <v>935.20299999999997</v>
      </c>
      <c r="C1380">
        <v>964.41</v>
      </c>
      <c r="D1380">
        <v>952.30899999999997</v>
      </c>
      <c r="E1380">
        <v>991.16800000000001</v>
      </c>
      <c r="F1380">
        <v>1016.822</v>
      </c>
      <c r="G1380">
        <v>1053.329</v>
      </c>
      <c r="H1380">
        <v>1071.3679999999999</v>
      </c>
      <c r="I1380">
        <v>1087.7260000000001</v>
      </c>
      <c r="J1380">
        <v>1095.6300000000001</v>
      </c>
      <c r="K1380">
        <v>1103.866</v>
      </c>
      <c r="L1380">
        <v>1112.912</v>
      </c>
      <c r="M1380">
        <v>1099.4849999999999</v>
      </c>
      <c r="N1380">
        <v>924.24800000000005</v>
      </c>
      <c r="O1380">
        <v>962.07899999999995</v>
      </c>
      <c r="P1380">
        <v>0</v>
      </c>
      <c r="Q1380">
        <v>0</v>
      </c>
      <c r="R1380">
        <v>1017.922</v>
      </c>
      <c r="S1380">
        <v>0</v>
      </c>
      <c r="T1380">
        <v>1045.27</v>
      </c>
      <c r="U1380">
        <v>1069.578</v>
      </c>
      <c r="V1380">
        <v>1083.8320000000001</v>
      </c>
      <c r="W1380">
        <v>1105.973</v>
      </c>
      <c r="X1380">
        <v>1129.2860000000001</v>
      </c>
      <c r="Y1380">
        <v>1148.8219999999999</v>
      </c>
    </row>
    <row r="1381" spans="1:25" x14ac:dyDescent="0.3">
      <c r="A1381">
        <v>36.950000000248352</v>
      </c>
      <c r="B1381">
        <v>935.63400000000001</v>
      </c>
      <c r="C1381">
        <v>966.52499999999998</v>
      </c>
      <c r="D1381">
        <v>956.90200000000004</v>
      </c>
      <c r="E1381">
        <v>987.91099999999994</v>
      </c>
      <c r="F1381">
        <v>1013.797</v>
      </c>
      <c r="G1381">
        <v>1048.2650000000001</v>
      </c>
      <c r="H1381">
        <v>1065.634</v>
      </c>
      <c r="I1381">
        <v>1080.3720000000001</v>
      </c>
      <c r="J1381">
        <v>1091.2460000000001</v>
      </c>
      <c r="K1381">
        <v>1098.752</v>
      </c>
      <c r="L1381">
        <v>1104.8820000000001</v>
      </c>
      <c r="M1381">
        <v>1092.7070000000001</v>
      </c>
      <c r="N1381">
        <v>919.08100000000002</v>
      </c>
      <c r="O1381">
        <v>961.66399999999999</v>
      </c>
      <c r="P1381">
        <v>0</v>
      </c>
      <c r="Q1381">
        <v>0</v>
      </c>
      <c r="R1381">
        <v>1018.95</v>
      </c>
      <c r="S1381">
        <v>0</v>
      </c>
      <c r="T1381">
        <v>1047.5250000000001</v>
      </c>
      <c r="U1381">
        <v>1072.058</v>
      </c>
      <c r="V1381">
        <v>1081.3610000000001</v>
      </c>
      <c r="W1381">
        <v>1099.316</v>
      </c>
      <c r="X1381">
        <v>1121.528</v>
      </c>
      <c r="Y1381">
        <v>1141.077</v>
      </c>
    </row>
    <row r="1382" spans="1:25" x14ac:dyDescent="0.3">
      <c r="A1382">
        <v>36.983333330896372</v>
      </c>
      <c r="B1382">
        <v>935.11300000000006</v>
      </c>
      <c r="C1382">
        <v>964.50099999999998</v>
      </c>
      <c r="D1382">
        <v>955.154</v>
      </c>
      <c r="E1382">
        <v>984.63900000000001</v>
      </c>
      <c r="F1382">
        <v>1010.248</v>
      </c>
      <c r="G1382">
        <v>1048.597</v>
      </c>
      <c r="H1382">
        <v>1060.6600000000001</v>
      </c>
      <c r="I1382">
        <v>1075.8789999999999</v>
      </c>
      <c r="J1382">
        <v>1088.269</v>
      </c>
      <c r="K1382">
        <v>1099.617</v>
      </c>
      <c r="L1382">
        <v>1105.7470000000001</v>
      </c>
      <c r="M1382">
        <v>1096.5329999999999</v>
      </c>
      <c r="N1382">
        <v>924.49800000000005</v>
      </c>
      <c r="O1382">
        <v>959.65800000000002</v>
      </c>
      <c r="P1382">
        <v>0</v>
      </c>
      <c r="Q1382">
        <v>0</v>
      </c>
      <c r="R1382">
        <v>1027.2239999999999</v>
      </c>
      <c r="S1382">
        <v>0</v>
      </c>
      <c r="T1382">
        <v>1047.4880000000001</v>
      </c>
      <c r="U1382">
        <v>1072.8779999999999</v>
      </c>
      <c r="V1382">
        <v>1082.278</v>
      </c>
      <c r="W1382">
        <v>1101.854</v>
      </c>
      <c r="X1382">
        <v>1127.482</v>
      </c>
      <c r="Y1382">
        <v>1141.4580000000001</v>
      </c>
    </row>
    <row r="1383" spans="1:25" x14ac:dyDescent="0.3">
      <c r="A1383">
        <v>37.000000001459071</v>
      </c>
      <c r="B1383">
        <v>935.14800000000002</v>
      </c>
      <c r="C1383">
        <v>963.94</v>
      </c>
      <c r="D1383">
        <v>949.46299999999997</v>
      </c>
      <c r="E1383">
        <v>983.13300000000004</v>
      </c>
      <c r="F1383">
        <v>1007.946</v>
      </c>
      <c r="G1383">
        <v>1047.857</v>
      </c>
      <c r="H1383">
        <v>1058.19</v>
      </c>
      <c r="I1383">
        <v>1074.48</v>
      </c>
      <c r="J1383">
        <v>1090.047</v>
      </c>
      <c r="K1383">
        <v>1101.703</v>
      </c>
      <c r="L1383">
        <v>1107.6079999999999</v>
      </c>
      <c r="M1383">
        <v>1095.6669999999999</v>
      </c>
      <c r="N1383">
        <v>924.85599999999999</v>
      </c>
      <c r="O1383">
        <v>955.37</v>
      </c>
      <c r="P1383">
        <v>0</v>
      </c>
      <c r="Q1383">
        <v>0</v>
      </c>
      <c r="R1383">
        <v>1026.1379999999999</v>
      </c>
      <c r="S1383">
        <v>0</v>
      </c>
      <c r="T1383">
        <v>1051.462</v>
      </c>
      <c r="U1383">
        <v>1075.077</v>
      </c>
      <c r="V1383">
        <v>1085.441</v>
      </c>
      <c r="W1383">
        <v>1102.0039999999999</v>
      </c>
      <c r="X1383">
        <v>1128.7539999999999</v>
      </c>
      <c r="Y1383">
        <v>1140.1600000000001</v>
      </c>
    </row>
    <row r="1384" spans="1:25" x14ac:dyDescent="0.3">
      <c r="A1384">
        <v>37.033333332107091</v>
      </c>
      <c r="B1384">
        <v>925.125</v>
      </c>
      <c r="C1384">
        <v>962.40499999999997</v>
      </c>
      <c r="D1384">
        <v>948.83399999999995</v>
      </c>
      <c r="E1384">
        <v>982.62599999999998</v>
      </c>
      <c r="F1384">
        <v>1006.704</v>
      </c>
      <c r="G1384">
        <v>1050.335</v>
      </c>
      <c r="H1384">
        <v>1056.521</v>
      </c>
      <c r="I1384">
        <v>1074.481</v>
      </c>
      <c r="J1384">
        <v>1090.404</v>
      </c>
      <c r="K1384">
        <v>1101.704</v>
      </c>
      <c r="L1384">
        <v>1108.136</v>
      </c>
      <c r="M1384">
        <v>1098.2439999999999</v>
      </c>
      <c r="N1384">
        <v>923.24699999999996</v>
      </c>
      <c r="O1384">
        <v>954.02</v>
      </c>
      <c r="P1384">
        <v>0</v>
      </c>
      <c r="Q1384">
        <v>0</v>
      </c>
      <c r="R1384">
        <v>1024.5070000000001</v>
      </c>
      <c r="S1384">
        <v>0</v>
      </c>
      <c r="T1384">
        <v>1049.7809999999999</v>
      </c>
      <c r="U1384">
        <v>1070.7719999999999</v>
      </c>
      <c r="V1384">
        <v>1083.1769999999999</v>
      </c>
      <c r="W1384">
        <v>1102.8520000000001</v>
      </c>
      <c r="X1384">
        <v>1128.318</v>
      </c>
      <c r="Y1384">
        <v>1135.2280000000001</v>
      </c>
    </row>
    <row r="1385" spans="1:25" x14ac:dyDescent="0.3">
      <c r="A1385">
        <v>37.05000000266979</v>
      </c>
      <c r="B1385">
        <v>930.70600000000002</v>
      </c>
      <c r="C1385">
        <v>962.55</v>
      </c>
      <c r="D1385">
        <v>949.15800000000002</v>
      </c>
      <c r="E1385">
        <v>984.22199999999998</v>
      </c>
      <c r="F1385">
        <v>1005.2430000000001</v>
      </c>
      <c r="G1385">
        <v>1047.8579999999999</v>
      </c>
      <c r="H1385">
        <v>1053.886</v>
      </c>
      <c r="I1385">
        <v>1072.8969999999999</v>
      </c>
      <c r="J1385">
        <v>1088.5129999999999</v>
      </c>
      <c r="K1385">
        <v>1102.0989999999999</v>
      </c>
      <c r="L1385">
        <v>1109.115</v>
      </c>
      <c r="M1385">
        <v>1096.646</v>
      </c>
      <c r="N1385">
        <v>925.60799999999995</v>
      </c>
      <c r="O1385">
        <v>958.37800000000004</v>
      </c>
      <c r="P1385">
        <v>0</v>
      </c>
      <c r="Q1385">
        <v>0</v>
      </c>
      <c r="R1385">
        <v>1018.693</v>
      </c>
      <c r="S1385">
        <v>0</v>
      </c>
      <c r="T1385">
        <v>1049.4290000000001</v>
      </c>
      <c r="U1385">
        <v>1069.2059999999999</v>
      </c>
      <c r="V1385">
        <v>1080.204</v>
      </c>
      <c r="W1385">
        <v>1099.9559999999999</v>
      </c>
      <c r="X1385">
        <v>1124.693</v>
      </c>
      <c r="Y1385">
        <v>1137.8720000000001</v>
      </c>
    </row>
    <row r="1386" spans="1:25" x14ac:dyDescent="0.3">
      <c r="A1386">
        <v>37.08333333331781</v>
      </c>
      <c r="B1386">
        <v>932.94100000000003</v>
      </c>
      <c r="C1386">
        <v>963.54200000000003</v>
      </c>
      <c r="D1386">
        <v>948.31100000000004</v>
      </c>
      <c r="E1386">
        <v>985.18200000000002</v>
      </c>
      <c r="F1386">
        <v>1007.05</v>
      </c>
      <c r="G1386">
        <v>1044.807</v>
      </c>
      <c r="H1386">
        <v>1050.02</v>
      </c>
      <c r="I1386">
        <v>1068.4970000000001</v>
      </c>
      <c r="J1386">
        <v>1086.171</v>
      </c>
      <c r="K1386">
        <v>1100.819</v>
      </c>
      <c r="L1386">
        <v>1107.9280000000001</v>
      </c>
      <c r="M1386">
        <v>1095.2529999999999</v>
      </c>
      <c r="N1386">
        <v>924.48</v>
      </c>
      <c r="O1386">
        <v>968.13199999999995</v>
      </c>
      <c r="P1386">
        <v>0</v>
      </c>
      <c r="Q1386">
        <v>0</v>
      </c>
      <c r="R1386">
        <v>1021.59</v>
      </c>
      <c r="S1386">
        <v>0</v>
      </c>
      <c r="T1386">
        <v>1050.297</v>
      </c>
      <c r="U1386">
        <v>1071.74</v>
      </c>
      <c r="V1386">
        <v>1085.5160000000001</v>
      </c>
      <c r="W1386">
        <v>1106.348</v>
      </c>
      <c r="X1386">
        <v>1132.2270000000001</v>
      </c>
      <c r="Y1386">
        <v>1139.3779999999999</v>
      </c>
    </row>
    <row r="1387" spans="1:25" x14ac:dyDescent="0.3">
      <c r="A1387">
        <v>37.11666666396583</v>
      </c>
      <c r="B1387">
        <v>929.024</v>
      </c>
      <c r="C1387">
        <v>963.52499999999998</v>
      </c>
      <c r="D1387">
        <v>951.697</v>
      </c>
      <c r="E1387">
        <v>985.70899999999995</v>
      </c>
      <c r="F1387">
        <v>1006.4109999999999</v>
      </c>
      <c r="G1387">
        <v>1049.17</v>
      </c>
      <c r="H1387">
        <v>1051.8510000000001</v>
      </c>
      <c r="I1387">
        <v>1070.1379999999999</v>
      </c>
      <c r="J1387">
        <v>1088.8119999999999</v>
      </c>
      <c r="K1387">
        <v>1099.9549999999999</v>
      </c>
      <c r="L1387">
        <v>1107.9849999999999</v>
      </c>
      <c r="M1387">
        <v>1096.1569999999999</v>
      </c>
      <c r="N1387">
        <v>921.29700000000003</v>
      </c>
      <c r="O1387">
        <v>960.70600000000002</v>
      </c>
      <c r="P1387">
        <v>0</v>
      </c>
      <c r="Q1387">
        <v>0</v>
      </c>
      <c r="R1387">
        <v>1022.324</v>
      </c>
      <c r="S1387">
        <v>0</v>
      </c>
      <c r="T1387">
        <v>1051.8689999999999</v>
      </c>
      <c r="U1387">
        <v>1071.6469999999999</v>
      </c>
      <c r="V1387">
        <v>1085.18</v>
      </c>
      <c r="W1387">
        <v>1105.277</v>
      </c>
      <c r="X1387">
        <v>1130.1020000000001</v>
      </c>
      <c r="Y1387">
        <v>1140.6949999999999</v>
      </c>
    </row>
    <row r="1388" spans="1:25" x14ac:dyDescent="0.3">
      <c r="A1388">
        <v>37.13333333452853</v>
      </c>
      <c r="B1388">
        <v>933.875</v>
      </c>
      <c r="C1388">
        <v>967.03099999999995</v>
      </c>
      <c r="D1388">
        <v>955.71299999999997</v>
      </c>
      <c r="E1388">
        <v>990.84100000000001</v>
      </c>
      <c r="F1388">
        <v>1013.429</v>
      </c>
      <c r="G1388">
        <v>1051.4069999999999</v>
      </c>
      <c r="H1388">
        <v>1060.4000000000001</v>
      </c>
      <c r="I1388">
        <v>1083.364</v>
      </c>
      <c r="J1388">
        <v>1095.31</v>
      </c>
      <c r="K1388">
        <v>1103.923</v>
      </c>
      <c r="L1388">
        <v>1109.19</v>
      </c>
      <c r="M1388">
        <v>1097.962</v>
      </c>
      <c r="N1388">
        <v>919.54399999999998</v>
      </c>
      <c r="O1388">
        <v>961.62699999999995</v>
      </c>
      <c r="P1388">
        <v>0</v>
      </c>
      <c r="Q1388">
        <v>0</v>
      </c>
      <c r="R1388">
        <v>1017.977</v>
      </c>
      <c r="S1388">
        <v>0</v>
      </c>
      <c r="T1388">
        <v>1049.9829999999999</v>
      </c>
      <c r="U1388">
        <v>1072.4680000000001</v>
      </c>
      <c r="V1388">
        <v>1087.7449999999999</v>
      </c>
      <c r="W1388">
        <v>1108.549</v>
      </c>
      <c r="X1388">
        <v>1133.557</v>
      </c>
      <c r="Y1388">
        <v>1143.576</v>
      </c>
    </row>
    <row r="1389" spans="1:25" x14ac:dyDescent="0.3">
      <c r="A1389">
        <v>37.16666666517655</v>
      </c>
      <c r="B1389">
        <v>930.34799999999996</v>
      </c>
      <c r="C1389">
        <v>963.86900000000003</v>
      </c>
      <c r="D1389">
        <v>951.64300000000003</v>
      </c>
      <c r="E1389">
        <v>988.67499999999995</v>
      </c>
      <c r="F1389">
        <v>1018.106</v>
      </c>
      <c r="G1389">
        <v>1050.3720000000001</v>
      </c>
      <c r="H1389">
        <v>1061.9590000000001</v>
      </c>
      <c r="I1389">
        <v>1083.271</v>
      </c>
      <c r="J1389">
        <v>1094.1479999999999</v>
      </c>
      <c r="K1389">
        <v>1101.9680000000001</v>
      </c>
      <c r="L1389">
        <v>1110.06</v>
      </c>
      <c r="M1389">
        <v>1098.1130000000001</v>
      </c>
      <c r="N1389">
        <v>918.61800000000005</v>
      </c>
      <c r="O1389">
        <v>966.59699999999998</v>
      </c>
      <c r="P1389">
        <v>0</v>
      </c>
      <c r="Q1389">
        <v>0</v>
      </c>
      <c r="R1389">
        <v>1020.49</v>
      </c>
      <c r="S1389">
        <v>0</v>
      </c>
      <c r="T1389">
        <v>1051.26</v>
      </c>
      <c r="U1389">
        <v>1074.9469999999999</v>
      </c>
      <c r="V1389">
        <v>1096.232</v>
      </c>
      <c r="W1389">
        <v>1114.009</v>
      </c>
      <c r="X1389">
        <v>1131.925</v>
      </c>
      <c r="Y1389">
        <v>1143.328</v>
      </c>
    </row>
    <row r="1390" spans="1:25" x14ac:dyDescent="0.3">
      <c r="A1390">
        <v>37.183333335739249</v>
      </c>
      <c r="B1390">
        <v>934.45</v>
      </c>
      <c r="C1390">
        <v>964.86300000000006</v>
      </c>
      <c r="D1390">
        <v>950.02300000000002</v>
      </c>
      <c r="E1390">
        <v>988.16600000000005</v>
      </c>
      <c r="F1390">
        <v>1015.301</v>
      </c>
      <c r="G1390">
        <v>1050.9829999999999</v>
      </c>
      <c r="H1390">
        <v>1064.7809999999999</v>
      </c>
      <c r="I1390">
        <v>1082.597</v>
      </c>
      <c r="J1390">
        <v>1098.038</v>
      </c>
      <c r="K1390">
        <v>1108.268</v>
      </c>
      <c r="L1390">
        <v>1112.7809999999999</v>
      </c>
      <c r="M1390">
        <v>1098.6020000000001</v>
      </c>
      <c r="N1390">
        <v>923.56899999999996</v>
      </c>
      <c r="O1390">
        <v>972.16399999999999</v>
      </c>
      <c r="P1390">
        <v>0</v>
      </c>
      <c r="Q1390">
        <v>0</v>
      </c>
      <c r="R1390">
        <v>1024.7639999999999</v>
      </c>
      <c r="S1390">
        <v>0</v>
      </c>
      <c r="T1390">
        <v>1054.981</v>
      </c>
      <c r="U1390">
        <v>1074.9849999999999</v>
      </c>
      <c r="V1390">
        <v>1094.4110000000001</v>
      </c>
      <c r="W1390">
        <v>1111.931</v>
      </c>
      <c r="X1390">
        <v>1133.8620000000001</v>
      </c>
      <c r="Y1390">
        <v>1143.672</v>
      </c>
    </row>
    <row r="1391" spans="1:25" x14ac:dyDescent="0.3">
      <c r="A1391">
        <v>37.216666666387269</v>
      </c>
      <c r="B1391">
        <v>929.23800000000006</v>
      </c>
      <c r="C1391">
        <v>964.24699999999996</v>
      </c>
      <c r="D1391">
        <v>947.91399999999999</v>
      </c>
      <c r="E1391">
        <v>987.34500000000003</v>
      </c>
      <c r="F1391">
        <v>1013.447</v>
      </c>
      <c r="G1391">
        <v>1044.7329999999999</v>
      </c>
      <c r="H1391">
        <v>1060.1210000000001</v>
      </c>
      <c r="I1391">
        <v>1079.867</v>
      </c>
      <c r="J1391">
        <v>1095.817</v>
      </c>
      <c r="K1391">
        <v>1106.2729999999999</v>
      </c>
      <c r="L1391">
        <v>1113.0999999999999</v>
      </c>
      <c r="M1391">
        <v>1098.5820000000001</v>
      </c>
      <c r="N1391">
        <v>920.83100000000002</v>
      </c>
      <c r="O1391">
        <v>960.65099999999995</v>
      </c>
      <c r="P1391">
        <v>0</v>
      </c>
      <c r="Q1391">
        <v>0</v>
      </c>
      <c r="R1391">
        <v>1021.645</v>
      </c>
      <c r="S1391">
        <v>0</v>
      </c>
      <c r="T1391">
        <v>1050.057</v>
      </c>
      <c r="U1391">
        <v>1073.492</v>
      </c>
      <c r="V1391">
        <v>1089.0550000000001</v>
      </c>
      <c r="W1391">
        <v>1107.4760000000001</v>
      </c>
      <c r="X1391">
        <v>1129.114</v>
      </c>
      <c r="Y1391">
        <v>1142.6020000000001</v>
      </c>
    </row>
    <row r="1392" spans="1:25" x14ac:dyDescent="0.3">
      <c r="A1392">
        <v>37.249999997035289</v>
      </c>
      <c r="B1392">
        <v>931.11599999999999</v>
      </c>
      <c r="C1392">
        <v>962.20600000000002</v>
      </c>
      <c r="D1392">
        <v>944.46299999999997</v>
      </c>
      <c r="E1392">
        <v>985.27300000000002</v>
      </c>
      <c r="F1392">
        <v>1012.897</v>
      </c>
      <c r="G1392">
        <v>1044.345</v>
      </c>
      <c r="H1392">
        <v>1060.9380000000001</v>
      </c>
      <c r="I1392">
        <v>1082.1659999999999</v>
      </c>
      <c r="J1392">
        <v>1098.2249999999999</v>
      </c>
      <c r="K1392">
        <v>1105.672</v>
      </c>
      <c r="L1392">
        <v>1111.5709999999999</v>
      </c>
      <c r="M1392">
        <v>1099.259</v>
      </c>
      <c r="N1392">
        <v>920.31299999999999</v>
      </c>
      <c r="O1392">
        <v>959.947</v>
      </c>
      <c r="P1392">
        <v>0</v>
      </c>
      <c r="Q1392">
        <v>0</v>
      </c>
      <c r="R1392">
        <v>1018.179</v>
      </c>
      <c r="S1392">
        <v>0</v>
      </c>
      <c r="T1392">
        <v>1051.444</v>
      </c>
      <c r="U1392">
        <v>1070.827</v>
      </c>
      <c r="V1392">
        <v>1086.883</v>
      </c>
      <c r="W1392">
        <v>1106.367</v>
      </c>
      <c r="X1392">
        <v>1126.059</v>
      </c>
      <c r="Y1392">
        <v>1146.4369999999999</v>
      </c>
    </row>
    <row r="1393" spans="1:25" x14ac:dyDescent="0.3">
      <c r="A1393">
        <v>37.266666667597988</v>
      </c>
      <c r="B1393">
        <v>927.59299999999996</v>
      </c>
      <c r="C1393">
        <v>960.38099999999997</v>
      </c>
      <c r="D1393">
        <v>944.84</v>
      </c>
      <c r="E1393">
        <v>986.21799999999996</v>
      </c>
      <c r="F1393">
        <v>1013.8150000000001</v>
      </c>
      <c r="G1393">
        <v>1044.9000000000001</v>
      </c>
      <c r="H1393">
        <v>1060.586</v>
      </c>
      <c r="I1393">
        <v>1080.633</v>
      </c>
      <c r="J1393">
        <v>1095.7249999999999</v>
      </c>
      <c r="K1393">
        <v>1102.0809999999999</v>
      </c>
      <c r="L1393">
        <v>1109.153</v>
      </c>
      <c r="M1393">
        <v>1093.231</v>
      </c>
      <c r="N1393">
        <v>917.03099999999995</v>
      </c>
      <c r="O1393">
        <v>959.44100000000003</v>
      </c>
      <c r="P1393">
        <v>0</v>
      </c>
      <c r="Q1393">
        <v>0</v>
      </c>
      <c r="R1393">
        <v>1023.847</v>
      </c>
      <c r="S1393">
        <v>0</v>
      </c>
      <c r="T1393">
        <v>1048.2460000000001</v>
      </c>
      <c r="U1393">
        <v>1069.914</v>
      </c>
      <c r="V1393">
        <v>1085.723</v>
      </c>
      <c r="W1393">
        <v>1106.7819999999999</v>
      </c>
      <c r="X1393">
        <v>1129.78</v>
      </c>
      <c r="Y1393">
        <v>1144.568</v>
      </c>
    </row>
    <row r="1394" spans="1:25" x14ac:dyDescent="0.3">
      <c r="A1394">
        <v>37.299999998246008</v>
      </c>
      <c r="B1394">
        <v>927.62900000000002</v>
      </c>
      <c r="C1394">
        <v>960.74199999999996</v>
      </c>
      <c r="D1394">
        <v>947.41099999999994</v>
      </c>
      <c r="E1394">
        <v>984.44</v>
      </c>
      <c r="F1394">
        <v>1010.687</v>
      </c>
      <c r="G1394">
        <v>1040.4269999999999</v>
      </c>
      <c r="H1394">
        <v>1054.702</v>
      </c>
      <c r="I1394">
        <v>1072.953</v>
      </c>
      <c r="J1394">
        <v>1087.7829999999999</v>
      </c>
      <c r="K1394">
        <v>1099.0909999999999</v>
      </c>
      <c r="L1394">
        <v>1107.2139999999999</v>
      </c>
      <c r="M1394">
        <v>1091.377</v>
      </c>
      <c r="N1394">
        <v>917.03099999999995</v>
      </c>
      <c r="O1394">
        <v>959.15300000000002</v>
      </c>
      <c r="P1394">
        <v>0</v>
      </c>
      <c r="Q1394">
        <v>0</v>
      </c>
      <c r="R1394">
        <v>1023.443</v>
      </c>
      <c r="S1394">
        <v>0</v>
      </c>
      <c r="T1394">
        <v>1049.5029999999999</v>
      </c>
      <c r="U1394">
        <v>1070.175</v>
      </c>
      <c r="V1394">
        <v>1085.3679999999999</v>
      </c>
      <c r="W1394">
        <v>1106.857</v>
      </c>
      <c r="X1394">
        <v>1133.7090000000001</v>
      </c>
      <c r="Y1394">
        <v>1143.634</v>
      </c>
    </row>
    <row r="1395" spans="1:25" x14ac:dyDescent="0.3">
      <c r="A1395">
        <v>37.316666668808708</v>
      </c>
      <c r="B1395">
        <v>921.83399999999995</v>
      </c>
      <c r="C1395">
        <v>960.74199999999996</v>
      </c>
      <c r="D1395">
        <v>947.24900000000002</v>
      </c>
      <c r="E1395">
        <v>987.41899999999998</v>
      </c>
      <c r="F1395">
        <v>1011.528</v>
      </c>
      <c r="G1395">
        <v>1038.271</v>
      </c>
      <c r="H1395">
        <v>1051.5</v>
      </c>
      <c r="I1395">
        <v>1068.759</v>
      </c>
      <c r="J1395">
        <v>1083.7570000000001</v>
      </c>
      <c r="K1395">
        <v>1096.8900000000001</v>
      </c>
      <c r="L1395">
        <v>1109.9839999999999</v>
      </c>
      <c r="M1395">
        <v>1097.154</v>
      </c>
      <c r="N1395">
        <v>911.57600000000002</v>
      </c>
      <c r="O1395">
        <v>966.83199999999999</v>
      </c>
      <c r="P1395">
        <v>0</v>
      </c>
      <c r="Q1395">
        <v>0</v>
      </c>
      <c r="R1395">
        <v>1020.179</v>
      </c>
      <c r="S1395">
        <v>0</v>
      </c>
      <c r="T1395">
        <v>1046.213</v>
      </c>
      <c r="U1395">
        <v>1067.92</v>
      </c>
      <c r="V1395">
        <v>1083.8510000000001</v>
      </c>
      <c r="W1395">
        <v>1103.547</v>
      </c>
      <c r="X1395">
        <v>1130.0840000000001</v>
      </c>
      <c r="Y1395">
        <v>1142.527</v>
      </c>
    </row>
    <row r="1396" spans="1:25" x14ac:dyDescent="0.3">
      <c r="A1396">
        <v>37.349999999456728</v>
      </c>
      <c r="B1396">
        <v>919.68799999999999</v>
      </c>
      <c r="C1396">
        <v>957.98199999999997</v>
      </c>
      <c r="D1396">
        <v>945.91700000000003</v>
      </c>
      <c r="E1396">
        <v>983.73199999999997</v>
      </c>
      <c r="F1396">
        <v>1009.061</v>
      </c>
      <c r="G1396">
        <v>1036.8900000000001</v>
      </c>
      <c r="H1396">
        <v>1048.08</v>
      </c>
      <c r="I1396">
        <v>1068.2180000000001</v>
      </c>
      <c r="J1396">
        <v>1087.296</v>
      </c>
      <c r="K1396">
        <v>1101.1780000000001</v>
      </c>
      <c r="L1396">
        <v>1115.085</v>
      </c>
      <c r="M1396">
        <v>1103.7539999999999</v>
      </c>
      <c r="N1396">
        <v>910.36400000000003</v>
      </c>
      <c r="O1396">
        <v>968.33199999999999</v>
      </c>
      <c r="P1396">
        <v>0</v>
      </c>
      <c r="Q1396">
        <v>0</v>
      </c>
      <c r="R1396">
        <v>1026.0840000000001</v>
      </c>
      <c r="S1396">
        <v>0</v>
      </c>
      <c r="T1396">
        <v>1052.979</v>
      </c>
      <c r="U1396">
        <v>1073.1579999999999</v>
      </c>
      <c r="V1396">
        <v>1084.712</v>
      </c>
      <c r="W1396">
        <v>1107.5150000000001</v>
      </c>
      <c r="X1396">
        <v>1129.818</v>
      </c>
      <c r="Y1396">
        <v>1144.9880000000001</v>
      </c>
    </row>
    <row r="1397" spans="1:25" x14ac:dyDescent="0.3">
      <c r="A1397">
        <v>37.383333330104747</v>
      </c>
      <c r="B1397">
        <v>923.90899999999999</v>
      </c>
      <c r="C1397">
        <v>959.279</v>
      </c>
      <c r="D1397">
        <v>948.76199999999994</v>
      </c>
      <c r="E1397">
        <v>984.077</v>
      </c>
      <c r="F1397">
        <v>1007.6180000000001</v>
      </c>
      <c r="G1397">
        <v>1035.528</v>
      </c>
      <c r="H1397">
        <v>1051.26</v>
      </c>
      <c r="I1397">
        <v>1071.443</v>
      </c>
      <c r="J1397">
        <v>1089.8800000000001</v>
      </c>
      <c r="K1397">
        <v>1104.412</v>
      </c>
      <c r="L1397">
        <v>1116.125</v>
      </c>
      <c r="M1397">
        <v>1103.2090000000001</v>
      </c>
      <c r="N1397">
        <v>905.10900000000004</v>
      </c>
      <c r="O1397">
        <v>970.04899999999998</v>
      </c>
      <c r="P1397">
        <v>0</v>
      </c>
      <c r="Q1397">
        <v>0</v>
      </c>
      <c r="R1397">
        <v>1027.7950000000001</v>
      </c>
      <c r="S1397">
        <v>0</v>
      </c>
      <c r="T1397">
        <v>1057.635</v>
      </c>
      <c r="U1397">
        <v>1077.799</v>
      </c>
      <c r="V1397">
        <v>1089.5989999999999</v>
      </c>
      <c r="W1397">
        <v>1113.7059999999999</v>
      </c>
      <c r="X1397">
        <v>1136.7850000000001</v>
      </c>
      <c r="Y1397">
        <v>1142.317</v>
      </c>
    </row>
    <row r="1398" spans="1:25" x14ac:dyDescent="0.3">
      <c r="A1398">
        <v>37.400000000667447</v>
      </c>
      <c r="B1398">
        <v>913.80399999999997</v>
      </c>
      <c r="C1398">
        <v>960.97699999999998</v>
      </c>
      <c r="D1398">
        <v>954.97400000000005</v>
      </c>
      <c r="E1398">
        <v>991.40499999999997</v>
      </c>
      <c r="F1398">
        <v>1012.404</v>
      </c>
      <c r="G1398">
        <v>1040.8879999999999</v>
      </c>
      <c r="H1398">
        <v>1058.3399999999999</v>
      </c>
      <c r="I1398">
        <v>1082.521</v>
      </c>
      <c r="J1398">
        <v>1096.0999999999999</v>
      </c>
      <c r="K1398">
        <v>1107.8340000000001</v>
      </c>
      <c r="L1398">
        <v>1114.461</v>
      </c>
      <c r="M1398">
        <v>1101.2529999999999</v>
      </c>
      <c r="N1398">
        <v>904.38</v>
      </c>
      <c r="O1398">
        <v>968.71100000000001</v>
      </c>
      <c r="P1398">
        <v>0</v>
      </c>
      <c r="Q1398">
        <v>0</v>
      </c>
      <c r="R1398">
        <v>1030.482</v>
      </c>
      <c r="S1398">
        <v>0</v>
      </c>
      <c r="T1398">
        <v>1059.0450000000001</v>
      </c>
      <c r="U1398">
        <v>1079.7560000000001</v>
      </c>
      <c r="V1398">
        <v>1090.5340000000001</v>
      </c>
      <c r="W1398">
        <v>1111.854</v>
      </c>
      <c r="X1398">
        <v>1133.1579999999999</v>
      </c>
      <c r="Y1398">
        <v>1146.8</v>
      </c>
    </row>
    <row r="1399" spans="1:25" x14ac:dyDescent="0.3">
      <c r="A1399">
        <v>37.433333331315467</v>
      </c>
      <c r="B1399">
        <v>918.08299999999997</v>
      </c>
      <c r="C1399">
        <v>961.99</v>
      </c>
      <c r="D1399">
        <v>952.45399999999995</v>
      </c>
      <c r="E1399">
        <v>990.73299999999995</v>
      </c>
      <c r="F1399">
        <v>1014.971</v>
      </c>
      <c r="G1399">
        <v>1046.4169999999999</v>
      </c>
      <c r="H1399">
        <v>1060.6980000000001</v>
      </c>
      <c r="I1399">
        <v>1085.9110000000001</v>
      </c>
      <c r="J1399">
        <v>1096.8720000000001</v>
      </c>
      <c r="K1399">
        <v>1105.0899999999999</v>
      </c>
      <c r="L1399">
        <v>1111.818</v>
      </c>
      <c r="M1399">
        <v>1096.703</v>
      </c>
      <c r="N1399">
        <v>906.96</v>
      </c>
      <c r="O1399">
        <v>971.45899999999995</v>
      </c>
      <c r="P1399">
        <v>0</v>
      </c>
      <c r="Q1399">
        <v>0</v>
      </c>
      <c r="R1399">
        <v>1029.692</v>
      </c>
      <c r="S1399">
        <v>0</v>
      </c>
      <c r="T1399">
        <v>1055.854</v>
      </c>
      <c r="U1399">
        <v>1077.9490000000001</v>
      </c>
      <c r="V1399">
        <v>1087.596</v>
      </c>
      <c r="W1399">
        <v>1110.93</v>
      </c>
      <c r="X1399">
        <v>1132.4760000000001</v>
      </c>
      <c r="Y1399">
        <v>1148.8040000000001</v>
      </c>
    </row>
    <row r="1400" spans="1:25" x14ac:dyDescent="0.3">
      <c r="A1400">
        <v>37.450000001878166</v>
      </c>
      <c r="B1400">
        <v>919.40200000000004</v>
      </c>
      <c r="C1400">
        <v>961.59199999999998</v>
      </c>
      <c r="D1400">
        <v>954.41700000000003</v>
      </c>
      <c r="E1400">
        <v>992.07899999999995</v>
      </c>
      <c r="F1400">
        <v>1012.99</v>
      </c>
      <c r="G1400">
        <v>1045.8989999999999</v>
      </c>
      <c r="H1400">
        <v>1059.491</v>
      </c>
      <c r="I1400">
        <v>1084.6559999999999</v>
      </c>
      <c r="J1400">
        <v>1096.0630000000001</v>
      </c>
      <c r="K1400">
        <v>1104.318</v>
      </c>
      <c r="L1400">
        <v>1108.9639999999999</v>
      </c>
      <c r="M1400">
        <v>1095.875</v>
      </c>
      <c r="N1400">
        <v>908.06399999999996</v>
      </c>
      <c r="O1400">
        <v>971.83799999999997</v>
      </c>
      <c r="P1400">
        <v>0</v>
      </c>
      <c r="Q1400">
        <v>0</v>
      </c>
      <c r="R1400">
        <v>1019.152</v>
      </c>
      <c r="S1400">
        <v>0</v>
      </c>
      <c r="T1400">
        <v>1053.5329999999999</v>
      </c>
      <c r="U1400">
        <v>1076.066</v>
      </c>
      <c r="V1400">
        <v>1090.067</v>
      </c>
      <c r="W1400">
        <v>1110.4190000000001</v>
      </c>
      <c r="X1400">
        <v>1126.6289999999999</v>
      </c>
      <c r="Y1400">
        <v>1141.077</v>
      </c>
    </row>
    <row r="1401" spans="1:25" x14ac:dyDescent="0.3">
      <c r="A1401">
        <v>37.483333332526186</v>
      </c>
      <c r="B1401">
        <v>920.35</v>
      </c>
      <c r="C1401">
        <v>963.65300000000002</v>
      </c>
      <c r="D1401">
        <v>954.95799999999997</v>
      </c>
      <c r="E1401">
        <v>994.24599999999998</v>
      </c>
      <c r="F1401">
        <v>1018.401</v>
      </c>
      <c r="G1401">
        <v>1045.327</v>
      </c>
      <c r="H1401">
        <v>1062.963</v>
      </c>
      <c r="I1401">
        <v>1085.556</v>
      </c>
      <c r="J1401">
        <v>1095.7260000000001</v>
      </c>
      <c r="K1401">
        <v>1103.0409999999999</v>
      </c>
      <c r="L1401">
        <v>1106.3499999999999</v>
      </c>
      <c r="M1401">
        <v>1093.4939999999999</v>
      </c>
      <c r="N1401">
        <v>910.25800000000004</v>
      </c>
      <c r="O1401">
        <v>977.22299999999996</v>
      </c>
      <c r="P1401">
        <v>0</v>
      </c>
      <c r="Q1401">
        <v>0</v>
      </c>
      <c r="R1401">
        <v>1019.556</v>
      </c>
      <c r="S1401">
        <v>0</v>
      </c>
      <c r="T1401">
        <v>1050.78</v>
      </c>
      <c r="U1401">
        <v>1072.3019999999999</v>
      </c>
      <c r="V1401">
        <v>1084.114</v>
      </c>
      <c r="W1401">
        <v>1110.345</v>
      </c>
      <c r="X1401">
        <v>1131.357</v>
      </c>
      <c r="Y1401">
        <v>1138.1980000000001</v>
      </c>
    </row>
    <row r="1402" spans="1:25" x14ac:dyDescent="0.3">
      <c r="A1402">
        <v>37.516666663174206</v>
      </c>
      <c r="B1402">
        <v>917.17499999999995</v>
      </c>
      <c r="C1402">
        <v>962.00900000000001</v>
      </c>
      <c r="D1402">
        <v>954.54399999999998</v>
      </c>
      <c r="E1402">
        <v>992.37099999999998</v>
      </c>
      <c r="F1402">
        <v>1016.292</v>
      </c>
      <c r="G1402">
        <v>1048.7840000000001</v>
      </c>
      <c r="H1402">
        <v>1067.287</v>
      </c>
      <c r="I1402">
        <v>1086.7539999999999</v>
      </c>
      <c r="J1402">
        <v>1093.1379999999999</v>
      </c>
      <c r="K1402">
        <v>1102.0070000000001</v>
      </c>
      <c r="L1402">
        <v>1107.1210000000001</v>
      </c>
      <c r="M1402">
        <v>1097.569</v>
      </c>
      <c r="N1402">
        <v>908.95699999999999</v>
      </c>
      <c r="O1402">
        <v>985.69200000000001</v>
      </c>
      <c r="P1402">
        <v>0</v>
      </c>
      <c r="Q1402">
        <v>0</v>
      </c>
      <c r="R1402">
        <v>1012.991</v>
      </c>
      <c r="S1402">
        <v>0</v>
      </c>
      <c r="T1402">
        <v>1045.7329999999999</v>
      </c>
      <c r="U1402">
        <v>1069.8969999999999</v>
      </c>
      <c r="V1402">
        <v>1082.729</v>
      </c>
      <c r="W1402">
        <v>1107.46</v>
      </c>
      <c r="X1402">
        <v>1131.7929999999999</v>
      </c>
      <c r="Y1402">
        <v>1138.0070000000001</v>
      </c>
    </row>
    <row r="1403" spans="1:25" x14ac:dyDescent="0.3">
      <c r="A1403">
        <v>37.533333333736906</v>
      </c>
      <c r="B1403">
        <v>920.279</v>
      </c>
      <c r="C1403">
        <v>962.96600000000001</v>
      </c>
      <c r="D1403">
        <v>953.48099999999999</v>
      </c>
      <c r="E1403">
        <v>991.22500000000002</v>
      </c>
      <c r="F1403">
        <v>1015.98</v>
      </c>
      <c r="G1403">
        <v>1046.029</v>
      </c>
      <c r="H1403">
        <v>1067.1199999999999</v>
      </c>
      <c r="I1403">
        <v>1084.3019999999999</v>
      </c>
      <c r="J1403">
        <v>1091.9590000000001</v>
      </c>
      <c r="K1403">
        <v>1100.7840000000001</v>
      </c>
      <c r="L1403">
        <v>1109.4190000000001</v>
      </c>
      <c r="M1403">
        <v>1099.5050000000001</v>
      </c>
      <c r="N1403">
        <v>908.93899999999996</v>
      </c>
      <c r="O1403">
        <v>981.82899999999995</v>
      </c>
      <c r="P1403">
        <v>0</v>
      </c>
      <c r="Q1403">
        <v>0</v>
      </c>
      <c r="R1403">
        <v>1013.999</v>
      </c>
      <c r="S1403">
        <v>0</v>
      </c>
      <c r="T1403">
        <v>1041.8510000000001</v>
      </c>
      <c r="U1403">
        <v>1070.68</v>
      </c>
      <c r="V1403">
        <v>1084.2270000000001</v>
      </c>
      <c r="W1403">
        <v>1108.588</v>
      </c>
      <c r="X1403">
        <v>1135.229</v>
      </c>
      <c r="Y1403">
        <v>1139.171</v>
      </c>
    </row>
    <row r="1404" spans="1:25" x14ac:dyDescent="0.3">
      <c r="A1404">
        <v>37.566666664384925</v>
      </c>
      <c r="B1404">
        <v>914.21500000000003</v>
      </c>
      <c r="C1404">
        <v>960.851</v>
      </c>
      <c r="D1404">
        <v>948.78</v>
      </c>
      <c r="E1404">
        <v>991.351</v>
      </c>
      <c r="F1404">
        <v>1013.228</v>
      </c>
      <c r="G1404">
        <v>1047.23</v>
      </c>
      <c r="H1404">
        <v>1060.1959999999999</v>
      </c>
      <c r="I1404">
        <v>1080.316</v>
      </c>
      <c r="J1404">
        <v>1092.0139999999999</v>
      </c>
      <c r="K1404">
        <v>1101.723</v>
      </c>
      <c r="L1404">
        <v>1110.9290000000001</v>
      </c>
      <c r="M1404">
        <v>1097.4359999999999</v>
      </c>
      <c r="N1404">
        <v>911.98599999999999</v>
      </c>
      <c r="O1404">
        <v>980.35900000000004</v>
      </c>
      <c r="P1404">
        <v>0</v>
      </c>
      <c r="Q1404">
        <v>0</v>
      </c>
      <c r="R1404">
        <v>1012.496</v>
      </c>
      <c r="S1404">
        <v>0</v>
      </c>
      <c r="T1404">
        <v>1038.068</v>
      </c>
      <c r="U1404">
        <v>1066.3209999999999</v>
      </c>
      <c r="V1404">
        <v>1078.116</v>
      </c>
      <c r="W1404">
        <v>1103.19</v>
      </c>
      <c r="X1404">
        <v>1130.2159999999999</v>
      </c>
      <c r="Y1404">
        <v>1140.085</v>
      </c>
    </row>
    <row r="1405" spans="1:25" x14ac:dyDescent="0.3">
      <c r="A1405">
        <v>37.600000005510324</v>
      </c>
      <c r="B1405">
        <v>916.60400000000004</v>
      </c>
      <c r="C1405">
        <v>957.98299999999995</v>
      </c>
      <c r="D1405">
        <v>945.73800000000006</v>
      </c>
      <c r="E1405">
        <v>992.28</v>
      </c>
      <c r="F1405">
        <v>1011.528</v>
      </c>
      <c r="G1405">
        <v>1045.788</v>
      </c>
      <c r="H1405">
        <v>1055.3900000000001</v>
      </c>
      <c r="I1405">
        <v>1075.2840000000001</v>
      </c>
      <c r="J1405">
        <v>1088.1579999999999</v>
      </c>
      <c r="K1405">
        <v>1099.749</v>
      </c>
      <c r="L1405">
        <v>1111.723</v>
      </c>
      <c r="M1405">
        <v>1095.7819999999999</v>
      </c>
      <c r="N1405">
        <v>914.447</v>
      </c>
      <c r="O1405">
        <v>976.26099999999997</v>
      </c>
      <c r="P1405">
        <v>0</v>
      </c>
      <c r="Q1405">
        <v>0</v>
      </c>
      <c r="R1405">
        <v>1016.163</v>
      </c>
      <c r="S1405">
        <v>0</v>
      </c>
      <c r="T1405">
        <v>1042.2570000000001</v>
      </c>
      <c r="U1405">
        <v>1069.2070000000001</v>
      </c>
      <c r="V1405">
        <v>1079.403</v>
      </c>
      <c r="W1405">
        <v>1104.7329999999999</v>
      </c>
      <c r="X1405">
        <v>1132.837</v>
      </c>
      <c r="Y1405">
        <v>1140.086</v>
      </c>
    </row>
    <row r="1406" spans="1:25" x14ac:dyDescent="0.3">
      <c r="A1406">
        <v>37.616666665595645</v>
      </c>
      <c r="B1406">
        <v>910.54300000000001</v>
      </c>
      <c r="C1406">
        <v>959.19</v>
      </c>
      <c r="D1406">
        <v>947.10599999999999</v>
      </c>
      <c r="E1406">
        <v>995.24699999999996</v>
      </c>
      <c r="F1406">
        <v>1012.022</v>
      </c>
      <c r="G1406">
        <v>1041.6110000000001</v>
      </c>
      <c r="H1406">
        <v>1050.318</v>
      </c>
      <c r="I1406">
        <v>1071.0340000000001</v>
      </c>
      <c r="J1406">
        <v>1087.971</v>
      </c>
      <c r="K1406">
        <v>1100.2760000000001</v>
      </c>
      <c r="L1406">
        <v>1109.098</v>
      </c>
      <c r="M1406">
        <v>1093.4380000000001</v>
      </c>
      <c r="N1406">
        <v>918.779</v>
      </c>
      <c r="O1406">
        <v>970.39300000000003</v>
      </c>
      <c r="P1406">
        <v>0</v>
      </c>
      <c r="Q1406">
        <v>0</v>
      </c>
      <c r="R1406">
        <v>1018.383</v>
      </c>
      <c r="S1406">
        <v>0</v>
      </c>
      <c r="T1406">
        <v>1045.77</v>
      </c>
      <c r="U1406">
        <v>1069.692</v>
      </c>
      <c r="V1406">
        <v>1081.1379999999999</v>
      </c>
      <c r="W1406">
        <v>1103.7370000000001</v>
      </c>
      <c r="X1406">
        <v>1128.452</v>
      </c>
      <c r="Y1406">
        <v>1137.9880000000001</v>
      </c>
    </row>
    <row r="1407" spans="1:25" x14ac:dyDescent="0.3">
      <c r="A1407">
        <v>37.650000006721044</v>
      </c>
      <c r="B1407">
        <v>918.226</v>
      </c>
      <c r="C1407">
        <v>958.79300000000001</v>
      </c>
      <c r="D1407">
        <v>954.14599999999996</v>
      </c>
      <c r="E1407">
        <v>997.19399999999996</v>
      </c>
      <c r="F1407">
        <v>1011.984</v>
      </c>
      <c r="G1407">
        <v>1040.6300000000001</v>
      </c>
      <c r="H1407">
        <v>1055.7049999999999</v>
      </c>
      <c r="I1407">
        <v>1073.4559999999999</v>
      </c>
      <c r="J1407">
        <v>1089.1679999999999</v>
      </c>
      <c r="K1407">
        <v>1104.0170000000001</v>
      </c>
      <c r="L1407">
        <v>1110.5889999999999</v>
      </c>
      <c r="M1407">
        <v>1095.6120000000001</v>
      </c>
      <c r="N1407">
        <v>918.97400000000005</v>
      </c>
      <c r="O1407">
        <v>961.19399999999996</v>
      </c>
      <c r="P1407">
        <v>0</v>
      </c>
      <c r="Q1407">
        <v>0</v>
      </c>
      <c r="R1407">
        <v>1023.296</v>
      </c>
      <c r="S1407">
        <v>0</v>
      </c>
      <c r="T1407">
        <v>1048.838</v>
      </c>
      <c r="U1407">
        <v>1075.8420000000001</v>
      </c>
      <c r="V1407">
        <v>1086.098</v>
      </c>
      <c r="W1407">
        <v>1105.7470000000001</v>
      </c>
      <c r="X1407">
        <v>1132.76</v>
      </c>
      <c r="Y1407">
        <v>1145.2739999999999</v>
      </c>
    </row>
    <row r="1408" spans="1:25" x14ac:dyDescent="0.3">
      <c r="A1408">
        <v>37.666666666806364</v>
      </c>
      <c r="B1408">
        <v>925.94799999999998</v>
      </c>
      <c r="C1408">
        <v>957.28</v>
      </c>
      <c r="D1408">
        <v>951.03099999999995</v>
      </c>
      <c r="E1408">
        <v>993.18899999999996</v>
      </c>
      <c r="F1408">
        <v>1012.551</v>
      </c>
      <c r="G1408">
        <v>1044.327</v>
      </c>
      <c r="H1408">
        <v>1057.95</v>
      </c>
      <c r="I1408">
        <v>1076.7</v>
      </c>
      <c r="J1408">
        <v>1091.9390000000001</v>
      </c>
      <c r="K1408">
        <v>1106.3679999999999</v>
      </c>
      <c r="L1408">
        <v>1115.633</v>
      </c>
      <c r="M1408">
        <v>1098.9780000000001</v>
      </c>
      <c r="N1408">
        <v>917.15599999999995</v>
      </c>
      <c r="O1408">
        <v>964.08600000000001</v>
      </c>
      <c r="P1408">
        <v>0</v>
      </c>
      <c r="Q1408">
        <v>0</v>
      </c>
      <c r="R1408">
        <v>1018.125</v>
      </c>
      <c r="S1408">
        <v>0</v>
      </c>
      <c r="T1408">
        <v>1052.8679999999999</v>
      </c>
      <c r="U1408">
        <v>1078.769</v>
      </c>
      <c r="V1408">
        <v>1091.3019999999999</v>
      </c>
      <c r="W1408">
        <v>1110.098</v>
      </c>
      <c r="X1408">
        <v>1132.02</v>
      </c>
      <c r="Y1408">
        <v>1142.527</v>
      </c>
    </row>
    <row r="1409" spans="1:25" x14ac:dyDescent="0.3">
      <c r="A1409">
        <v>37.699999997454384</v>
      </c>
      <c r="B1409">
        <v>928.23800000000006</v>
      </c>
      <c r="C1409">
        <v>954.83100000000002</v>
      </c>
      <c r="D1409">
        <v>943.69200000000001</v>
      </c>
      <c r="E1409">
        <v>985.96400000000006</v>
      </c>
      <c r="F1409">
        <v>1008.495</v>
      </c>
      <c r="G1409">
        <v>1046.029</v>
      </c>
      <c r="H1409">
        <v>1063.0920000000001</v>
      </c>
      <c r="I1409">
        <v>1082.373</v>
      </c>
      <c r="J1409">
        <v>1096.9469999999999</v>
      </c>
      <c r="K1409">
        <v>1108.4559999999999</v>
      </c>
      <c r="L1409">
        <v>1112.7059999999999</v>
      </c>
      <c r="M1409">
        <v>1098.2639999999999</v>
      </c>
      <c r="N1409">
        <v>917.29899999999998</v>
      </c>
      <c r="O1409">
        <v>964.12199999999996</v>
      </c>
      <c r="P1409">
        <v>0</v>
      </c>
      <c r="Q1409">
        <v>0</v>
      </c>
      <c r="R1409">
        <v>1022.178</v>
      </c>
      <c r="S1409">
        <v>0</v>
      </c>
      <c r="T1409">
        <v>1055.6489999999999</v>
      </c>
      <c r="U1409">
        <v>1079.5340000000001</v>
      </c>
      <c r="V1409">
        <v>1093.999</v>
      </c>
      <c r="W1409">
        <v>1107.309</v>
      </c>
      <c r="X1409">
        <v>1131.6600000000001</v>
      </c>
      <c r="Y1409">
        <v>1145.2560000000001</v>
      </c>
    </row>
    <row r="1410" spans="1:25" x14ac:dyDescent="0.3">
      <c r="A1410">
        <v>37.733333338579783</v>
      </c>
      <c r="B1410">
        <v>928.36199999999997</v>
      </c>
      <c r="C1410">
        <v>957.31600000000003</v>
      </c>
      <c r="D1410">
        <v>944.08600000000001</v>
      </c>
      <c r="E1410">
        <v>983.75099999999998</v>
      </c>
      <c r="F1410">
        <v>1007.654</v>
      </c>
      <c r="G1410">
        <v>1042.0350000000001</v>
      </c>
      <c r="H1410">
        <v>1058.99</v>
      </c>
      <c r="I1410">
        <v>1080.633</v>
      </c>
      <c r="J1410">
        <v>1096.627</v>
      </c>
      <c r="K1410">
        <v>1107.1199999999999</v>
      </c>
      <c r="L1410">
        <v>1108.3430000000001</v>
      </c>
      <c r="M1410">
        <v>1093.5119999999999</v>
      </c>
      <c r="N1410">
        <v>916.46100000000001</v>
      </c>
      <c r="O1410">
        <v>970.59100000000001</v>
      </c>
      <c r="P1410">
        <v>0</v>
      </c>
      <c r="Q1410">
        <v>0</v>
      </c>
      <c r="R1410">
        <v>1020.674</v>
      </c>
      <c r="S1410">
        <v>0</v>
      </c>
      <c r="T1410">
        <v>1055.816</v>
      </c>
      <c r="U1410">
        <v>1077.222</v>
      </c>
      <c r="V1410">
        <v>1089.7670000000001</v>
      </c>
      <c r="W1410">
        <v>1106.575</v>
      </c>
      <c r="X1410">
        <v>1127.8630000000001</v>
      </c>
      <c r="Y1410">
        <v>1143.443</v>
      </c>
    </row>
    <row r="1411" spans="1:25" x14ac:dyDescent="0.3">
      <c r="A1411">
        <v>37.749999998665103</v>
      </c>
      <c r="B1411">
        <v>924.69600000000003</v>
      </c>
      <c r="C1411">
        <v>958.09100000000001</v>
      </c>
      <c r="D1411">
        <v>944.66099999999994</v>
      </c>
      <c r="E1411">
        <v>986.23699999999997</v>
      </c>
      <c r="F1411">
        <v>1005.828</v>
      </c>
      <c r="G1411">
        <v>1043.7180000000001</v>
      </c>
      <c r="H1411">
        <v>1056.4849999999999</v>
      </c>
      <c r="I1411">
        <v>1077.539</v>
      </c>
      <c r="J1411">
        <v>1095.97</v>
      </c>
      <c r="K1411">
        <v>1107.9670000000001</v>
      </c>
      <c r="L1411">
        <v>1111.799</v>
      </c>
      <c r="M1411">
        <v>1095.6880000000001</v>
      </c>
      <c r="N1411">
        <v>919.99199999999996</v>
      </c>
      <c r="O1411">
        <v>961.77300000000002</v>
      </c>
      <c r="P1411">
        <v>0</v>
      </c>
      <c r="Q1411">
        <v>0</v>
      </c>
      <c r="R1411">
        <v>1020.051</v>
      </c>
      <c r="S1411">
        <v>0</v>
      </c>
      <c r="T1411">
        <v>1057.5609999999999</v>
      </c>
      <c r="U1411">
        <v>1079.962</v>
      </c>
      <c r="V1411">
        <v>1094.1489999999999</v>
      </c>
      <c r="W1411">
        <v>1108.4179999999999</v>
      </c>
      <c r="X1411">
        <v>1128.376</v>
      </c>
      <c r="Y1411">
        <v>1142.7570000000001</v>
      </c>
    </row>
    <row r="1412" spans="1:25" x14ac:dyDescent="0.3">
      <c r="A1412">
        <v>37.783333339790502</v>
      </c>
      <c r="B1412">
        <v>928.399</v>
      </c>
      <c r="C1412">
        <v>956.95699999999999</v>
      </c>
      <c r="D1412">
        <v>942.23900000000003</v>
      </c>
      <c r="E1412">
        <v>987.16499999999996</v>
      </c>
      <c r="F1412">
        <v>1012.991</v>
      </c>
      <c r="G1412">
        <v>1043.9590000000001</v>
      </c>
      <c r="H1412">
        <v>1060.569</v>
      </c>
      <c r="I1412">
        <v>1084.114</v>
      </c>
      <c r="J1412">
        <v>1097.211</v>
      </c>
      <c r="K1412">
        <v>1108.8900000000001</v>
      </c>
      <c r="L1412">
        <v>1114.7840000000001</v>
      </c>
      <c r="M1412">
        <v>1096.328</v>
      </c>
      <c r="N1412">
        <v>918.20899999999995</v>
      </c>
      <c r="O1412">
        <v>964.17700000000002</v>
      </c>
      <c r="P1412">
        <v>0</v>
      </c>
      <c r="Q1412">
        <v>0</v>
      </c>
      <c r="R1412">
        <v>1011.931</v>
      </c>
      <c r="S1412">
        <v>0</v>
      </c>
      <c r="T1412">
        <v>1049.172</v>
      </c>
      <c r="U1412">
        <v>1073.625</v>
      </c>
      <c r="V1412">
        <v>1087.0350000000001</v>
      </c>
      <c r="W1412">
        <v>1103.8489999999999</v>
      </c>
      <c r="X1412">
        <v>1126.915</v>
      </c>
      <c r="Y1412">
        <v>1139.4570000000001</v>
      </c>
    </row>
    <row r="1413" spans="1:25" x14ac:dyDescent="0.3">
      <c r="A1413">
        <v>37.799999999875823</v>
      </c>
      <c r="B1413">
        <v>932.33399999999995</v>
      </c>
      <c r="C1413">
        <v>957.98299999999995</v>
      </c>
      <c r="D1413">
        <v>941.82600000000002</v>
      </c>
      <c r="E1413">
        <v>984.58500000000004</v>
      </c>
      <c r="F1413">
        <v>1010.578</v>
      </c>
      <c r="G1413">
        <v>1046.9159999999999</v>
      </c>
      <c r="H1413">
        <v>1063.9459999999999</v>
      </c>
      <c r="I1413">
        <v>1089.038</v>
      </c>
      <c r="J1413">
        <v>1101.1410000000001</v>
      </c>
      <c r="K1413">
        <v>1112.1199999999999</v>
      </c>
      <c r="L1413">
        <v>1117.4100000000001</v>
      </c>
      <c r="M1413">
        <v>1098.7529999999999</v>
      </c>
      <c r="N1413">
        <v>922.15599999999995</v>
      </c>
      <c r="O1413">
        <v>967.33900000000006</v>
      </c>
      <c r="P1413">
        <v>0</v>
      </c>
      <c r="Q1413">
        <v>0</v>
      </c>
      <c r="R1413">
        <v>1019.794</v>
      </c>
      <c r="S1413">
        <v>0</v>
      </c>
      <c r="T1413">
        <v>1048.7090000000001</v>
      </c>
      <c r="U1413">
        <v>1073.643</v>
      </c>
      <c r="V1413">
        <v>1090.049</v>
      </c>
      <c r="W1413">
        <v>1105.8420000000001</v>
      </c>
      <c r="X1413">
        <v>1125.415</v>
      </c>
      <c r="Y1413">
        <v>1141.9359999999999</v>
      </c>
    </row>
    <row r="1414" spans="1:25" x14ac:dyDescent="0.3">
      <c r="A1414">
        <v>37.833333330523843</v>
      </c>
      <c r="B1414">
        <v>935.63499999999999</v>
      </c>
      <c r="C1414">
        <v>959.822</v>
      </c>
      <c r="D1414">
        <v>946.71</v>
      </c>
      <c r="E1414">
        <v>986.51</v>
      </c>
      <c r="F1414">
        <v>1009.885</v>
      </c>
      <c r="G1414">
        <v>1041.6669999999999</v>
      </c>
      <c r="H1414">
        <v>1058.3409999999999</v>
      </c>
      <c r="I1414">
        <v>1079.8879999999999</v>
      </c>
      <c r="J1414">
        <v>1096.271</v>
      </c>
      <c r="K1414">
        <v>1109.287</v>
      </c>
      <c r="L1414">
        <v>1115.559</v>
      </c>
      <c r="M1414">
        <v>1097.8699999999999</v>
      </c>
      <c r="N1414">
        <v>919.76</v>
      </c>
      <c r="O1414">
        <v>966.16499999999996</v>
      </c>
      <c r="P1414">
        <v>0</v>
      </c>
      <c r="Q1414">
        <v>0</v>
      </c>
      <c r="R1414">
        <v>1021.904</v>
      </c>
      <c r="S1414">
        <v>0</v>
      </c>
      <c r="T1414">
        <v>1053.905</v>
      </c>
      <c r="U1414">
        <v>1076.7190000000001</v>
      </c>
      <c r="V1414">
        <v>1092.277</v>
      </c>
      <c r="W1414">
        <v>1107.9680000000001</v>
      </c>
      <c r="X1414">
        <v>1126.6869999999999</v>
      </c>
      <c r="Y1414">
        <v>1144.5319999999999</v>
      </c>
    </row>
    <row r="1415" spans="1:25" x14ac:dyDescent="0.3">
      <c r="A1415">
        <v>37.866666671649241</v>
      </c>
      <c r="B1415">
        <v>938.12900000000002</v>
      </c>
      <c r="C1415">
        <v>960.76099999999997</v>
      </c>
      <c r="D1415">
        <v>949.33900000000006</v>
      </c>
      <c r="E1415">
        <v>990.89599999999996</v>
      </c>
      <c r="F1415">
        <v>1010.414</v>
      </c>
      <c r="G1415">
        <v>1040.8710000000001</v>
      </c>
      <c r="H1415">
        <v>1054.8140000000001</v>
      </c>
      <c r="I1415">
        <v>1074.3889999999999</v>
      </c>
      <c r="J1415">
        <v>1092.4639999999999</v>
      </c>
      <c r="K1415">
        <v>1109.626</v>
      </c>
      <c r="L1415">
        <v>1113.896</v>
      </c>
      <c r="M1415">
        <v>1095.8</v>
      </c>
      <c r="N1415">
        <v>920.63599999999997</v>
      </c>
      <c r="O1415">
        <v>970.08600000000001</v>
      </c>
      <c r="P1415">
        <v>0</v>
      </c>
      <c r="Q1415">
        <v>0</v>
      </c>
      <c r="R1415">
        <v>1022.4349999999999</v>
      </c>
      <c r="S1415">
        <v>0</v>
      </c>
      <c r="T1415">
        <v>1050.6320000000001</v>
      </c>
      <c r="U1415">
        <v>1073.5309999999999</v>
      </c>
      <c r="V1415">
        <v>1089.8800000000001</v>
      </c>
      <c r="W1415">
        <v>1110.5139999999999</v>
      </c>
      <c r="X1415">
        <v>1131.7739999999999</v>
      </c>
      <c r="Y1415">
        <v>1141.402</v>
      </c>
    </row>
    <row r="1416" spans="1:25" x14ac:dyDescent="0.3">
      <c r="A1416">
        <v>37.883333331734562</v>
      </c>
      <c r="B1416">
        <v>923.14</v>
      </c>
      <c r="C1416">
        <v>958.577</v>
      </c>
      <c r="D1416">
        <v>953.03</v>
      </c>
      <c r="E1416">
        <v>993.00800000000004</v>
      </c>
      <c r="F1416">
        <v>1012.1130000000001</v>
      </c>
      <c r="G1416">
        <v>1045.049</v>
      </c>
      <c r="H1416">
        <v>1056.7260000000001</v>
      </c>
      <c r="I1416">
        <v>1076.4949999999999</v>
      </c>
      <c r="J1416">
        <v>1099.0719999999999</v>
      </c>
      <c r="K1416">
        <v>1112.0440000000001</v>
      </c>
      <c r="L1416">
        <v>1115.3320000000001</v>
      </c>
      <c r="M1416">
        <v>1098.2829999999999</v>
      </c>
      <c r="N1416">
        <v>923.42600000000004</v>
      </c>
      <c r="O1416">
        <v>959.65899999999999</v>
      </c>
      <c r="P1416">
        <v>0</v>
      </c>
      <c r="Q1416">
        <v>0</v>
      </c>
      <c r="R1416">
        <v>1019.097</v>
      </c>
      <c r="S1416">
        <v>0</v>
      </c>
      <c r="T1416">
        <v>1048.3019999999999</v>
      </c>
      <c r="U1416">
        <v>1072.5060000000001</v>
      </c>
      <c r="V1416">
        <v>1083.309</v>
      </c>
      <c r="W1416">
        <v>1104.9960000000001</v>
      </c>
      <c r="X1416">
        <v>1129.306</v>
      </c>
      <c r="Y1416">
        <v>1144.3019999999999</v>
      </c>
    </row>
    <row r="1417" spans="1:25" x14ac:dyDescent="0.3">
      <c r="A1417">
        <v>37.916666672859961</v>
      </c>
      <c r="B1417">
        <v>922.94299999999998</v>
      </c>
      <c r="C1417">
        <v>959.09900000000005</v>
      </c>
      <c r="D1417">
        <v>948.31200000000001</v>
      </c>
      <c r="E1417">
        <v>990.22299999999996</v>
      </c>
      <c r="F1417">
        <v>1013.705</v>
      </c>
      <c r="G1417">
        <v>1048.894</v>
      </c>
      <c r="H1417">
        <v>1060.4939999999999</v>
      </c>
      <c r="I1417">
        <v>1081.68</v>
      </c>
      <c r="J1417">
        <v>1096.2139999999999</v>
      </c>
      <c r="K1417">
        <v>1106.4059999999999</v>
      </c>
      <c r="L1417">
        <v>1111.6479999999999</v>
      </c>
      <c r="M1417">
        <v>1097.0419999999999</v>
      </c>
      <c r="N1417">
        <v>919.67</v>
      </c>
      <c r="O1417">
        <v>958.32500000000005</v>
      </c>
      <c r="P1417">
        <v>0</v>
      </c>
      <c r="Q1417">
        <v>0</v>
      </c>
      <c r="R1417">
        <v>1019.079</v>
      </c>
      <c r="S1417">
        <v>0</v>
      </c>
      <c r="T1417">
        <v>1044.6980000000001</v>
      </c>
      <c r="U1417">
        <v>1072.2639999999999</v>
      </c>
      <c r="V1417">
        <v>1085.9490000000001</v>
      </c>
      <c r="W1417">
        <v>1103.0029999999999</v>
      </c>
      <c r="X1417">
        <v>1126.6289999999999</v>
      </c>
      <c r="Y1417">
        <v>1140.3340000000001</v>
      </c>
    </row>
    <row r="1418" spans="1:25" x14ac:dyDescent="0.3">
      <c r="A1418">
        <v>37.933333332945281</v>
      </c>
      <c r="B1418">
        <v>923.62300000000005</v>
      </c>
      <c r="C1418">
        <v>960.63499999999999</v>
      </c>
      <c r="D1418">
        <v>945.88199999999995</v>
      </c>
      <c r="E1418">
        <v>992.15200000000004</v>
      </c>
      <c r="F1418">
        <v>1015.301</v>
      </c>
      <c r="G1418">
        <v>1050.4649999999999</v>
      </c>
      <c r="H1418">
        <v>1065.3009999999999</v>
      </c>
      <c r="I1418">
        <v>1078.8810000000001</v>
      </c>
      <c r="J1418">
        <v>1089.8050000000001</v>
      </c>
      <c r="K1418">
        <v>1099.336</v>
      </c>
      <c r="L1418">
        <v>1105.8420000000001</v>
      </c>
      <c r="M1418">
        <v>1092.9880000000001</v>
      </c>
      <c r="N1418">
        <v>916.30100000000004</v>
      </c>
      <c r="O1418">
        <v>964.01400000000001</v>
      </c>
      <c r="P1418">
        <v>0</v>
      </c>
      <c r="Q1418">
        <v>0</v>
      </c>
      <c r="R1418">
        <v>1019.904</v>
      </c>
      <c r="S1418">
        <v>0</v>
      </c>
      <c r="T1418">
        <v>1042.5350000000001</v>
      </c>
      <c r="U1418">
        <v>1070.94</v>
      </c>
      <c r="V1418">
        <v>1083.683</v>
      </c>
      <c r="W1418">
        <v>1105.0709999999999</v>
      </c>
      <c r="X1418">
        <v>1130.1790000000001</v>
      </c>
      <c r="Y1418">
        <v>1143.1189999999999</v>
      </c>
    </row>
    <row r="1419" spans="1:25" x14ac:dyDescent="0.3">
      <c r="A1419">
        <v>37.966666663593301</v>
      </c>
      <c r="B1419">
        <v>929.50800000000004</v>
      </c>
      <c r="C1419">
        <v>962.22500000000002</v>
      </c>
      <c r="D1419">
        <v>948.11400000000003</v>
      </c>
      <c r="E1419">
        <v>991.22400000000005</v>
      </c>
      <c r="F1419">
        <v>1014.549</v>
      </c>
      <c r="G1419">
        <v>1046.6759999999999</v>
      </c>
      <c r="H1419">
        <v>1058.6010000000001</v>
      </c>
      <c r="I1419">
        <v>1074.0160000000001</v>
      </c>
      <c r="J1419">
        <v>1088.588</v>
      </c>
      <c r="K1419">
        <v>1100.2760000000001</v>
      </c>
      <c r="L1419">
        <v>1107.9110000000001</v>
      </c>
      <c r="M1419">
        <v>1092.52</v>
      </c>
      <c r="N1419">
        <v>917.42399999999998</v>
      </c>
      <c r="O1419">
        <v>964.26700000000005</v>
      </c>
      <c r="P1419">
        <v>0</v>
      </c>
      <c r="Q1419">
        <v>0</v>
      </c>
      <c r="R1419">
        <v>1021.922</v>
      </c>
      <c r="S1419">
        <v>0</v>
      </c>
      <c r="T1419">
        <v>1044.864</v>
      </c>
      <c r="U1419">
        <v>1070.027</v>
      </c>
      <c r="V1419">
        <v>1082.8219999999999</v>
      </c>
      <c r="W1419">
        <v>1105.316</v>
      </c>
      <c r="X1419">
        <v>1129.818</v>
      </c>
      <c r="Y1419">
        <v>1143.653</v>
      </c>
    </row>
    <row r="1420" spans="1:25" x14ac:dyDescent="0.3">
      <c r="A1420">
        <v>38.0000000047187</v>
      </c>
      <c r="B1420">
        <v>925.78700000000003</v>
      </c>
      <c r="C1420">
        <v>962.18899999999996</v>
      </c>
      <c r="D1420">
        <v>952.74199999999996</v>
      </c>
      <c r="E1420">
        <v>996.57600000000002</v>
      </c>
      <c r="F1420">
        <v>1018.529</v>
      </c>
      <c r="G1420">
        <v>1046.3610000000001</v>
      </c>
      <c r="H1420">
        <v>1058.675</v>
      </c>
      <c r="I1420">
        <v>1073.5129999999999</v>
      </c>
      <c r="J1420">
        <v>1092.932</v>
      </c>
      <c r="K1420">
        <v>1102.9090000000001</v>
      </c>
      <c r="L1420">
        <v>1111.1369999999999</v>
      </c>
      <c r="M1420">
        <v>1093.4749999999999</v>
      </c>
      <c r="N1420">
        <v>917.01400000000001</v>
      </c>
      <c r="O1420">
        <v>959.96600000000001</v>
      </c>
      <c r="P1420">
        <v>0</v>
      </c>
      <c r="Q1420">
        <v>0</v>
      </c>
      <c r="R1420">
        <v>1020.051</v>
      </c>
      <c r="S1420">
        <v>0</v>
      </c>
      <c r="T1420">
        <v>1042.683</v>
      </c>
      <c r="U1420">
        <v>1066.5260000000001</v>
      </c>
      <c r="V1420">
        <v>1081.998</v>
      </c>
      <c r="W1420">
        <v>1106.068</v>
      </c>
      <c r="X1420">
        <v>1126.971</v>
      </c>
      <c r="Y1420">
        <v>1139.8</v>
      </c>
    </row>
    <row r="1421" spans="1:25" x14ac:dyDescent="0.3">
      <c r="A1421">
        <v>38.016666664804021</v>
      </c>
      <c r="B1421">
        <v>930.26</v>
      </c>
      <c r="C1421">
        <v>960.11099999999999</v>
      </c>
      <c r="D1421">
        <v>953.46299999999997</v>
      </c>
      <c r="E1421">
        <v>1001.352</v>
      </c>
      <c r="F1421">
        <v>1019.978</v>
      </c>
      <c r="G1421">
        <v>1049.2460000000001</v>
      </c>
      <c r="H1421">
        <v>1059.1210000000001</v>
      </c>
      <c r="I1421">
        <v>1077.633</v>
      </c>
      <c r="J1421">
        <v>1095.1990000000001</v>
      </c>
      <c r="K1421">
        <v>1104.6199999999999</v>
      </c>
      <c r="L1421">
        <v>1109.8910000000001</v>
      </c>
      <c r="M1421">
        <v>1095.538</v>
      </c>
      <c r="N1421">
        <v>915.07100000000003</v>
      </c>
      <c r="O1421">
        <v>962.46</v>
      </c>
      <c r="P1421">
        <v>0</v>
      </c>
      <c r="Q1421">
        <v>0</v>
      </c>
      <c r="R1421">
        <v>1019.905</v>
      </c>
      <c r="S1421">
        <v>0</v>
      </c>
      <c r="T1421">
        <v>1043.7919999999999</v>
      </c>
      <c r="U1421">
        <v>1064.837</v>
      </c>
      <c r="V1421">
        <v>1080.4849999999999</v>
      </c>
      <c r="W1421">
        <v>1104.2439999999999</v>
      </c>
      <c r="X1421">
        <v>1128.7750000000001</v>
      </c>
      <c r="Y1421">
        <v>1142.8340000000001</v>
      </c>
    </row>
    <row r="1422" spans="1:25" x14ac:dyDescent="0.3">
      <c r="A1422">
        <v>38.050000005929419</v>
      </c>
      <c r="B1422">
        <v>925.93100000000004</v>
      </c>
      <c r="C1422">
        <v>960.16499999999996</v>
      </c>
      <c r="D1422">
        <v>949.53700000000003</v>
      </c>
      <c r="E1422">
        <v>998.65099999999995</v>
      </c>
      <c r="F1422">
        <v>1017.19</v>
      </c>
      <c r="G1422">
        <v>1047.0820000000001</v>
      </c>
      <c r="H1422">
        <v>1061.143</v>
      </c>
      <c r="I1422">
        <v>1082.635</v>
      </c>
      <c r="J1422">
        <v>1096.0450000000001</v>
      </c>
      <c r="K1422">
        <v>1105.0899999999999</v>
      </c>
      <c r="L1422">
        <v>1115.3689999999999</v>
      </c>
      <c r="M1422">
        <v>1099.1849999999999</v>
      </c>
      <c r="N1422">
        <v>916.05100000000004</v>
      </c>
      <c r="O1422">
        <v>965.279</v>
      </c>
      <c r="P1422">
        <v>0</v>
      </c>
      <c r="Q1422">
        <v>0</v>
      </c>
      <c r="R1422">
        <v>1020.748</v>
      </c>
      <c r="S1422">
        <v>0</v>
      </c>
      <c r="T1422">
        <v>1042.96</v>
      </c>
      <c r="U1422">
        <v>1064.6880000000001</v>
      </c>
      <c r="V1422">
        <v>1078.769</v>
      </c>
      <c r="W1422">
        <v>1101.912</v>
      </c>
      <c r="X1422">
        <v>1128.8119999999999</v>
      </c>
      <c r="Y1422">
        <v>1143.463</v>
      </c>
    </row>
    <row r="1423" spans="1:25" x14ac:dyDescent="0.3">
      <c r="A1423">
        <v>38.083333336577439</v>
      </c>
      <c r="B1423">
        <v>930.49199999999996</v>
      </c>
      <c r="C1423">
        <v>960.03899999999999</v>
      </c>
      <c r="D1423">
        <v>953.30100000000004</v>
      </c>
      <c r="E1423">
        <v>996.03</v>
      </c>
      <c r="F1423">
        <v>1014.88</v>
      </c>
      <c r="G1423">
        <v>1045.1420000000001</v>
      </c>
      <c r="H1423">
        <v>1061.07</v>
      </c>
      <c r="I1423">
        <v>1081.212</v>
      </c>
      <c r="J1423">
        <v>1092.4829999999999</v>
      </c>
      <c r="K1423">
        <v>1103.8679999999999</v>
      </c>
      <c r="L1423">
        <v>1110.5709999999999</v>
      </c>
      <c r="M1423">
        <v>1095.2370000000001</v>
      </c>
      <c r="N1423">
        <v>917.03200000000004</v>
      </c>
      <c r="O1423">
        <v>967.53800000000001</v>
      </c>
      <c r="P1423">
        <v>0</v>
      </c>
      <c r="Q1423">
        <v>0</v>
      </c>
      <c r="R1423">
        <v>1020.895</v>
      </c>
      <c r="S1423">
        <v>0</v>
      </c>
      <c r="T1423">
        <v>1044.9570000000001</v>
      </c>
      <c r="U1423">
        <v>1072.8240000000001</v>
      </c>
      <c r="V1423">
        <v>1085.0129999999999</v>
      </c>
      <c r="W1423">
        <v>1099.4110000000001</v>
      </c>
      <c r="X1423">
        <v>1125.9280000000001</v>
      </c>
      <c r="Y1423">
        <v>1142.7570000000001</v>
      </c>
    </row>
    <row r="1424" spans="1:25" x14ac:dyDescent="0.3">
      <c r="A1424">
        <v>38.09999999666276</v>
      </c>
      <c r="B1424">
        <v>924.39300000000003</v>
      </c>
      <c r="C1424">
        <v>960.54499999999996</v>
      </c>
      <c r="D1424">
        <v>954.83199999999999</v>
      </c>
      <c r="E1424">
        <v>997.17700000000002</v>
      </c>
      <c r="F1424">
        <v>1016.329</v>
      </c>
      <c r="G1424">
        <v>1045.0119999999999</v>
      </c>
      <c r="H1424">
        <v>1058.954</v>
      </c>
      <c r="I1424">
        <v>1078.6769999999999</v>
      </c>
      <c r="J1424">
        <v>1091.21</v>
      </c>
      <c r="K1424">
        <v>1103.4169999999999</v>
      </c>
      <c r="L1424">
        <v>1107.328</v>
      </c>
      <c r="M1424">
        <v>1096.384</v>
      </c>
      <c r="N1424">
        <v>914.85699999999997</v>
      </c>
      <c r="O1424">
        <v>963.56299999999999</v>
      </c>
      <c r="P1424">
        <v>0</v>
      </c>
      <c r="Q1424">
        <v>0</v>
      </c>
      <c r="R1424">
        <v>1010.506</v>
      </c>
      <c r="S1424">
        <v>0</v>
      </c>
      <c r="T1424">
        <v>1039.5239999999999</v>
      </c>
      <c r="U1424">
        <v>1069.2629999999999</v>
      </c>
      <c r="V1424">
        <v>1080.914</v>
      </c>
      <c r="W1424">
        <v>1097.9449999999999</v>
      </c>
      <c r="X1424">
        <v>1124.732</v>
      </c>
      <c r="Y1424">
        <v>1141.5360000000001</v>
      </c>
    </row>
    <row r="1425" spans="1:25" x14ac:dyDescent="0.3">
      <c r="A1425">
        <v>38.133333337788159</v>
      </c>
      <c r="B1425">
        <v>931.51099999999997</v>
      </c>
      <c r="C1425">
        <v>960.14700000000005</v>
      </c>
      <c r="D1425">
        <v>949.80700000000002</v>
      </c>
      <c r="E1425">
        <v>994.71900000000005</v>
      </c>
      <c r="F1425">
        <v>1014.2190000000001</v>
      </c>
      <c r="G1425">
        <v>1043.607</v>
      </c>
      <c r="H1425">
        <v>1055.9459999999999</v>
      </c>
      <c r="I1425">
        <v>1077.259</v>
      </c>
      <c r="J1425">
        <v>1092.0889999999999</v>
      </c>
      <c r="K1425">
        <v>1102.9269999999999</v>
      </c>
      <c r="L1425">
        <v>1110.231</v>
      </c>
      <c r="M1425">
        <v>1100.7080000000001</v>
      </c>
      <c r="N1425">
        <v>917.56700000000001</v>
      </c>
      <c r="O1425">
        <v>975.49900000000002</v>
      </c>
      <c r="P1425">
        <v>0</v>
      </c>
      <c r="Q1425">
        <v>0</v>
      </c>
      <c r="R1425">
        <v>1013.449</v>
      </c>
      <c r="S1425">
        <v>0</v>
      </c>
      <c r="T1425">
        <v>1039.376</v>
      </c>
      <c r="U1425">
        <v>1071.5740000000001</v>
      </c>
      <c r="V1425">
        <v>1084.825</v>
      </c>
      <c r="W1425">
        <v>1096.9659999999999</v>
      </c>
      <c r="X1425">
        <v>1122.039</v>
      </c>
      <c r="Y1425">
        <v>1140.3910000000001</v>
      </c>
    </row>
    <row r="1426" spans="1:25" x14ac:dyDescent="0.3">
      <c r="A1426">
        <v>38.149999997873479</v>
      </c>
      <c r="B1426">
        <v>928.61300000000006</v>
      </c>
      <c r="C1426">
        <v>958.21699999999998</v>
      </c>
      <c r="D1426">
        <v>945.30700000000002</v>
      </c>
      <c r="E1426">
        <v>992.24300000000005</v>
      </c>
      <c r="F1426">
        <v>1013.247</v>
      </c>
      <c r="G1426">
        <v>1045.086</v>
      </c>
      <c r="H1426">
        <v>1055.6679999999999</v>
      </c>
      <c r="I1426">
        <v>1074.78</v>
      </c>
      <c r="J1426">
        <v>1093.0999999999999</v>
      </c>
      <c r="K1426">
        <v>1103.097</v>
      </c>
      <c r="L1426">
        <v>1108.569</v>
      </c>
      <c r="M1426">
        <v>1095.556</v>
      </c>
      <c r="N1426">
        <v>913.93</v>
      </c>
      <c r="O1426">
        <v>967.79100000000005</v>
      </c>
      <c r="P1426">
        <v>0</v>
      </c>
      <c r="Q1426">
        <v>0</v>
      </c>
      <c r="R1426">
        <v>1021.426</v>
      </c>
      <c r="S1426">
        <v>0</v>
      </c>
      <c r="T1426">
        <v>1041.6289999999999</v>
      </c>
      <c r="U1426">
        <v>1069.1880000000001</v>
      </c>
      <c r="V1426">
        <v>1081.848</v>
      </c>
      <c r="W1426">
        <v>1099.655</v>
      </c>
      <c r="X1426">
        <v>1126.345</v>
      </c>
      <c r="Y1426">
        <v>1138.3309999999999</v>
      </c>
    </row>
    <row r="1427" spans="1:25" x14ac:dyDescent="0.3">
      <c r="A1427">
        <v>38.183333338998878</v>
      </c>
      <c r="B1427">
        <v>927.31</v>
      </c>
      <c r="C1427">
        <v>958.52599999999995</v>
      </c>
      <c r="D1427">
        <v>950.31399999999996</v>
      </c>
      <c r="E1427">
        <v>993.57500000000005</v>
      </c>
      <c r="F1427">
        <v>1012.426</v>
      </c>
      <c r="G1427">
        <v>1042.759</v>
      </c>
      <c r="H1427">
        <v>1056.4690000000001</v>
      </c>
      <c r="I1427">
        <v>1076.5730000000001</v>
      </c>
      <c r="J1427">
        <v>1089.92</v>
      </c>
      <c r="K1427">
        <v>1099.9780000000001</v>
      </c>
      <c r="L1427">
        <v>1107.932</v>
      </c>
      <c r="M1427">
        <v>1095.0509999999999</v>
      </c>
      <c r="N1427">
        <v>917.35500000000002</v>
      </c>
      <c r="O1427">
        <v>965.60699999999997</v>
      </c>
      <c r="P1427">
        <v>0</v>
      </c>
      <c r="Q1427">
        <v>0</v>
      </c>
      <c r="R1427">
        <v>1027.2829999999999</v>
      </c>
      <c r="S1427">
        <v>0</v>
      </c>
      <c r="T1427">
        <v>1044.7190000000001</v>
      </c>
      <c r="U1427">
        <v>1067.923</v>
      </c>
      <c r="V1427">
        <v>1081.701</v>
      </c>
      <c r="W1427">
        <v>1103.212</v>
      </c>
      <c r="X1427">
        <v>1130.5999999999999</v>
      </c>
      <c r="Y1427">
        <v>1140.394</v>
      </c>
    </row>
    <row r="1428" spans="1:25" x14ac:dyDescent="0.3">
      <c r="A1428">
        <v>38.216666669646898</v>
      </c>
      <c r="B1428">
        <v>927.81</v>
      </c>
      <c r="C1428">
        <v>959.20899999999995</v>
      </c>
      <c r="D1428">
        <v>950.56399999999996</v>
      </c>
      <c r="E1428">
        <v>993.40899999999999</v>
      </c>
      <c r="F1428">
        <v>1013.046</v>
      </c>
      <c r="G1428">
        <v>1044.44</v>
      </c>
      <c r="H1428">
        <v>1057.6369999999999</v>
      </c>
      <c r="I1428">
        <v>1074.837</v>
      </c>
      <c r="J1428">
        <v>1093.4380000000001</v>
      </c>
      <c r="K1428">
        <v>1103.248</v>
      </c>
      <c r="L1428">
        <v>1109.249</v>
      </c>
      <c r="M1428">
        <v>1097.1179999999999</v>
      </c>
      <c r="N1428">
        <v>915.05399999999997</v>
      </c>
      <c r="O1428">
        <v>961.774</v>
      </c>
      <c r="P1428">
        <v>0</v>
      </c>
      <c r="Q1428">
        <v>0</v>
      </c>
      <c r="R1428">
        <v>1024.9490000000001</v>
      </c>
      <c r="S1428">
        <v>0</v>
      </c>
      <c r="T1428">
        <v>1042.8869999999999</v>
      </c>
      <c r="U1428">
        <v>1068.723</v>
      </c>
      <c r="V1428">
        <v>1081.232</v>
      </c>
      <c r="W1428">
        <v>1099.807</v>
      </c>
      <c r="X1428">
        <v>1123.5550000000001</v>
      </c>
      <c r="Y1428">
        <v>1138.1410000000001</v>
      </c>
    </row>
    <row r="1429" spans="1:25" x14ac:dyDescent="0.3">
      <c r="A1429">
        <v>38.233333329732218</v>
      </c>
      <c r="B1429">
        <v>930.04499999999996</v>
      </c>
      <c r="C1429">
        <v>958.41600000000005</v>
      </c>
      <c r="D1429">
        <v>949.24900000000002</v>
      </c>
      <c r="E1429">
        <v>993.19</v>
      </c>
      <c r="F1429">
        <v>1013.798</v>
      </c>
      <c r="G1429">
        <v>1044.0329999999999</v>
      </c>
      <c r="H1429">
        <v>1061.422</v>
      </c>
      <c r="I1429">
        <v>1083.5340000000001</v>
      </c>
      <c r="J1429">
        <v>1093.925</v>
      </c>
      <c r="K1429">
        <v>1103.53</v>
      </c>
      <c r="L1429">
        <v>1110.9870000000001</v>
      </c>
      <c r="M1429">
        <v>1096.6279999999999</v>
      </c>
      <c r="N1429">
        <v>915.76700000000005</v>
      </c>
      <c r="O1429">
        <v>962.89400000000001</v>
      </c>
      <c r="P1429">
        <v>0</v>
      </c>
      <c r="Q1429">
        <v>0</v>
      </c>
      <c r="R1429">
        <v>1024.1780000000001</v>
      </c>
      <c r="S1429">
        <v>0</v>
      </c>
      <c r="T1429">
        <v>1045.4929999999999</v>
      </c>
      <c r="U1429">
        <v>1070.0650000000001</v>
      </c>
      <c r="V1429">
        <v>1085.9680000000001</v>
      </c>
      <c r="W1429">
        <v>1106.2940000000001</v>
      </c>
      <c r="X1429">
        <v>1125.8330000000001</v>
      </c>
      <c r="Y1429">
        <v>1139.6669999999999</v>
      </c>
    </row>
    <row r="1430" spans="1:25" x14ac:dyDescent="0.3">
      <c r="A1430">
        <v>38.266666670857617</v>
      </c>
      <c r="B1430">
        <v>928.59699999999998</v>
      </c>
      <c r="C1430">
        <v>960.654</v>
      </c>
      <c r="D1430">
        <v>949.73599999999999</v>
      </c>
      <c r="E1430">
        <v>992.55399999999997</v>
      </c>
      <c r="F1430">
        <v>1011.548</v>
      </c>
      <c r="G1430">
        <v>1041.9259999999999</v>
      </c>
      <c r="H1430">
        <v>1058.806</v>
      </c>
      <c r="I1430">
        <v>1078.9939999999999</v>
      </c>
      <c r="J1430">
        <v>1086.923</v>
      </c>
      <c r="K1430">
        <v>1096.9490000000001</v>
      </c>
      <c r="L1430">
        <v>1106.2380000000001</v>
      </c>
      <c r="M1430">
        <v>1093.7750000000001</v>
      </c>
      <c r="N1430">
        <v>911.221</v>
      </c>
      <c r="O1430">
        <v>963.346</v>
      </c>
      <c r="P1430">
        <v>0</v>
      </c>
      <c r="Q1430">
        <v>0</v>
      </c>
      <c r="R1430">
        <v>1026.269</v>
      </c>
      <c r="S1430">
        <v>0</v>
      </c>
      <c r="T1430">
        <v>1052.075</v>
      </c>
      <c r="U1430">
        <v>1074.9860000000001</v>
      </c>
      <c r="V1430">
        <v>1089.769</v>
      </c>
      <c r="W1430">
        <v>1111.1579999999999</v>
      </c>
      <c r="X1430">
        <v>1132.0219999999999</v>
      </c>
      <c r="Y1430">
        <v>1139.5150000000001</v>
      </c>
    </row>
    <row r="1431" spans="1:25" x14ac:dyDescent="0.3">
      <c r="A1431">
        <v>38.283333330942938</v>
      </c>
      <c r="B1431">
        <v>932.19200000000001</v>
      </c>
      <c r="C1431">
        <v>959.47900000000004</v>
      </c>
      <c r="D1431">
        <v>950.16800000000001</v>
      </c>
      <c r="E1431">
        <v>992.80899999999997</v>
      </c>
      <c r="F1431">
        <v>1011.566</v>
      </c>
      <c r="G1431">
        <v>1042.296</v>
      </c>
      <c r="H1431">
        <v>1054.463</v>
      </c>
      <c r="I1431">
        <v>1073.085</v>
      </c>
      <c r="J1431">
        <v>1086.905</v>
      </c>
      <c r="K1431">
        <v>1098.472</v>
      </c>
      <c r="L1431">
        <v>1109.193</v>
      </c>
      <c r="M1431">
        <v>1096.479</v>
      </c>
      <c r="N1431">
        <v>911.899</v>
      </c>
      <c r="O1431">
        <v>967.52099999999996</v>
      </c>
      <c r="P1431">
        <v>0</v>
      </c>
      <c r="Q1431">
        <v>0</v>
      </c>
      <c r="R1431">
        <v>1029.03</v>
      </c>
      <c r="S1431">
        <v>0</v>
      </c>
      <c r="T1431">
        <v>1054.76</v>
      </c>
      <c r="U1431">
        <v>1076.31</v>
      </c>
      <c r="V1431">
        <v>1089.2449999999999</v>
      </c>
      <c r="W1431">
        <v>1110.0999999999999</v>
      </c>
      <c r="X1431">
        <v>1134.337</v>
      </c>
      <c r="Y1431">
        <v>1141.0219999999999</v>
      </c>
    </row>
    <row r="1432" spans="1:25" x14ac:dyDescent="0.3">
      <c r="A1432">
        <v>38.316666672068337</v>
      </c>
      <c r="B1432">
        <v>927.99</v>
      </c>
      <c r="C1432">
        <v>962.01099999999997</v>
      </c>
      <c r="D1432">
        <v>950.49400000000003</v>
      </c>
      <c r="E1432">
        <v>995.88699999999994</v>
      </c>
      <c r="F1432">
        <v>1014.46</v>
      </c>
      <c r="G1432">
        <v>1043.24</v>
      </c>
      <c r="H1432">
        <v>1057.415</v>
      </c>
      <c r="I1432">
        <v>1073.739</v>
      </c>
      <c r="J1432">
        <v>1092.1479999999999</v>
      </c>
      <c r="K1432">
        <v>1102.817</v>
      </c>
      <c r="L1432">
        <v>1111.896</v>
      </c>
      <c r="M1432">
        <v>1097.42</v>
      </c>
      <c r="N1432">
        <v>915.50099999999998</v>
      </c>
      <c r="O1432">
        <v>962.89599999999996</v>
      </c>
      <c r="P1432">
        <v>0</v>
      </c>
      <c r="Q1432">
        <v>0</v>
      </c>
      <c r="R1432">
        <v>1027.43</v>
      </c>
      <c r="S1432">
        <v>0</v>
      </c>
      <c r="T1432">
        <v>1053.9449999999999</v>
      </c>
      <c r="U1432">
        <v>1073.5150000000001</v>
      </c>
      <c r="V1432">
        <v>1088.5540000000001</v>
      </c>
      <c r="W1432">
        <v>1111.1969999999999</v>
      </c>
      <c r="X1432">
        <v>1136.769</v>
      </c>
      <c r="Y1432">
        <v>1142.2829999999999</v>
      </c>
    </row>
    <row r="1433" spans="1:25" x14ac:dyDescent="0.3">
      <c r="A1433">
        <v>38.350000002716357</v>
      </c>
      <c r="B1433">
        <v>932.51400000000001</v>
      </c>
      <c r="C1433">
        <v>963.74400000000003</v>
      </c>
      <c r="D1433">
        <v>952.54499999999996</v>
      </c>
      <c r="E1433">
        <v>992.91800000000001</v>
      </c>
      <c r="F1433">
        <v>1012.607</v>
      </c>
      <c r="G1433">
        <v>1047.3240000000001</v>
      </c>
      <c r="H1433">
        <v>1062.9449999999999</v>
      </c>
      <c r="I1433">
        <v>1085.3879999999999</v>
      </c>
      <c r="J1433">
        <v>1099.28</v>
      </c>
      <c r="K1433">
        <v>1104.828</v>
      </c>
      <c r="L1433">
        <v>1113.2729999999999</v>
      </c>
      <c r="M1433">
        <v>1097.4559999999999</v>
      </c>
      <c r="N1433">
        <v>919.63599999999997</v>
      </c>
      <c r="O1433">
        <v>968.62300000000005</v>
      </c>
      <c r="P1433">
        <v>0</v>
      </c>
      <c r="Q1433">
        <v>0</v>
      </c>
      <c r="R1433">
        <v>1029.067</v>
      </c>
      <c r="S1433">
        <v>0</v>
      </c>
      <c r="T1433">
        <v>1055.1869999999999</v>
      </c>
      <c r="U1433">
        <v>1075.229</v>
      </c>
      <c r="V1433">
        <v>1085.0509999999999</v>
      </c>
      <c r="W1433">
        <v>1110.9690000000001</v>
      </c>
      <c r="X1433">
        <v>1134.261</v>
      </c>
      <c r="Y1433">
        <v>1141.384</v>
      </c>
    </row>
    <row r="1434" spans="1:25" x14ac:dyDescent="0.3">
      <c r="A1434">
        <v>38.366666673279056</v>
      </c>
      <c r="B1434">
        <v>928.41899999999998</v>
      </c>
      <c r="C1434">
        <v>964.30600000000004</v>
      </c>
      <c r="D1434">
        <v>956.54499999999996</v>
      </c>
      <c r="E1434">
        <v>993.06500000000005</v>
      </c>
      <c r="F1434">
        <v>1012.335</v>
      </c>
      <c r="G1434">
        <v>1046.9559999999999</v>
      </c>
      <c r="H1434">
        <v>1065.0070000000001</v>
      </c>
      <c r="I1434">
        <v>1088.1980000000001</v>
      </c>
      <c r="J1434">
        <v>1101.4069999999999</v>
      </c>
      <c r="K1434">
        <v>1108.0640000000001</v>
      </c>
      <c r="L1434">
        <v>1118.2249999999999</v>
      </c>
      <c r="M1434">
        <v>1100.749</v>
      </c>
      <c r="N1434">
        <v>910.81299999999999</v>
      </c>
      <c r="O1434">
        <v>973.87</v>
      </c>
      <c r="P1434">
        <v>0</v>
      </c>
      <c r="Q1434">
        <v>0</v>
      </c>
      <c r="R1434">
        <v>1029.326</v>
      </c>
      <c r="S1434">
        <v>0</v>
      </c>
      <c r="T1434">
        <v>1053.982</v>
      </c>
      <c r="U1434">
        <v>1076.144</v>
      </c>
      <c r="V1434">
        <v>1088.5350000000001</v>
      </c>
      <c r="W1434">
        <v>1112.2550000000001</v>
      </c>
      <c r="X1434">
        <v>1135.231</v>
      </c>
      <c r="Y1434">
        <v>1139.9169999999999</v>
      </c>
    </row>
    <row r="1435" spans="1:25" x14ac:dyDescent="0.3">
      <c r="A1435">
        <v>38.400000003927076</v>
      </c>
      <c r="B1435">
        <v>929.47500000000002</v>
      </c>
      <c r="C1435">
        <v>964.721</v>
      </c>
      <c r="D1435">
        <v>952.745</v>
      </c>
      <c r="E1435">
        <v>988.55100000000004</v>
      </c>
      <c r="F1435">
        <v>1009.54</v>
      </c>
      <c r="G1435">
        <v>1046.4010000000001</v>
      </c>
      <c r="H1435">
        <v>1063.076</v>
      </c>
      <c r="I1435">
        <v>1084.191</v>
      </c>
      <c r="J1435">
        <v>1095.145</v>
      </c>
      <c r="K1435">
        <v>1103.57</v>
      </c>
      <c r="L1435">
        <v>1115.712</v>
      </c>
      <c r="M1435">
        <v>1100.1099999999999</v>
      </c>
      <c r="N1435">
        <v>909.95699999999999</v>
      </c>
      <c r="O1435">
        <v>968.86</v>
      </c>
      <c r="P1435">
        <v>0</v>
      </c>
      <c r="Q1435">
        <v>0</v>
      </c>
      <c r="R1435">
        <v>1033.23</v>
      </c>
      <c r="S1435">
        <v>0</v>
      </c>
      <c r="T1435">
        <v>1049.8209999999999</v>
      </c>
      <c r="U1435">
        <v>1073.049</v>
      </c>
      <c r="V1435">
        <v>1083.9480000000001</v>
      </c>
      <c r="W1435">
        <v>1109.4970000000001</v>
      </c>
      <c r="X1435">
        <v>1133.6559999999999</v>
      </c>
      <c r="Y1435">
        <v>1139.7449999999999</v>
      </c>
    </row>
    <row r="1436" spans="1:25" x14ac:dyDescent="0.3">
      <c r="A1436">
        <v>38.416666664012396</v>
      </c>
      <c r="B1436">
        <v>921.38800000000003</v>
      </c>
      <c r="C1436">
        <v>963.76199999999994</v>
      </c>
      <c r="D1436">
        <v>948.33100000000002</v>
      </c>
      <c r="E1436">
        <v>988.45799999999997</v>
      </c>
      <c r="F1436">
        <v>1012.1319999999999</v>
      </c>
      <c r="G1436">
        <v>1048.396</v>
      </c>
      <c r="H1436">
        <v>1062.5740000000001</v>
      </c>
      <c r="I1436">
        <v>1081.606</v>
      </c>
      <c r="J1436">
        <v>1095.425</v>
      </c>
      <c r="K1436">
        <v>1105.1849999999999</v>
      </c>
      <c r="L1436">
        <v>1114.615</v>
      </c>
      <c r="M1436">
        <v>1096.9670000000001</v>
      </c>
      <c r="N1436">
        <v>913.80600000000004</v>
      </c>
      <c r="O1436">
        <v>977.13300000000004</v>
      </c>
      <c r="P1436">
        <v>0</v>
      </c>
      <c r="Q1436">
        <v>0</v>
      </c>
      <c r="R1436">
        <v>1033.9829999999999</v>
      </c>
      <c r="S1436">
        <v>0</v>
      </c>
      <c r="T1436">
        <v>1050.559</v>
      </c>
      <c r="U1436">
        <v>1073.943</v>
      </c>
      <c r="V1436">
        <v>1089.2629999999999</v>
      </c>
      <c r="W1436">
        <v>1107.498</v>
      </c>
      <c r="X1436">
        <v>1129.7059999999999</v>
      </c>
      <c r="Y1436">
        <v>1137.931</v>
      </c>
    </row>
    <row r="1437" spans="1:25" x14ac:dyDescent="0.3">
      <c r="A1437">
        <v>38.450000005137795</v>
      </c>
      <c r="B1437">
        <v>924.52</v>
      </c>
      <c r="C1437">
        <v>964.77599999999995</v>
      </c>
      <c r="D1437">
        <v>950.63800000000003</v>
      </c>
      <c r="E1437">
        <v>995.61400000000003</v>
      </c>
      <c r="F1437">
        <v>1013.8</v>
      </c>
      <c r="G1437">
        <v>1046.2719999999999</v>
      </c>
      <c r="H1437">
        <v>1058.566</v>
      </c>
      <c r="I1437">
        <v>1079.8720000000001</v>
      </c>
      <c r="J1437">
        <v>1103.3630000000001</v>
      </c>
      <c r="K1437">
        <v>1112.463</v>
      </c>
      <c r="L1437">
        <v>1120.568</v>
      </c>
      <c r="M1437">
        <v>1101.633</v>
      </c>
      <c r="N1437">
        <v>909.97500000000002</v>
      </c>
      <c r="O1437">
        <v>970.03399999999999</v>
      </c>
      <c r="P1437">
        <v>0</v>
      </c>
      <c r="Q1437">
        <v>0</v>
      </c>
      <c r="R1437">
        <v>1030.2840000000001</v>
      </c>
      <c r="S1437">
        <v>0</v>
      </c>
      <c r="T1437">
        <v>1050.45</v>
      </c>
      <c r="U1437">
        <v>1072.77</v>
      </c>
      <c r="V1437">
        <v>1087</v>
      </c>
      <c r="W1437">
        <v>1108.271</v>
      </c>
      <c r="X1437">
        <v>1126.385</v>
      </c>
      <c r="Y1437">
        <v>1145.106</v>
      </c>
    </row>
    <row r="1438" spans="1:25" x14ac:dyDescent="0.3">
      <c r="A1438">
        <v>38.483333335785815</v>
      </c>
      <c r="B1438">
        <v>927.82899999999995</v>
      </c>
      <c r="C1438">
        <v>966.65499999999997</v>
      </c>
      <c r="D1438">
        <v>951.07</v>
      </c>
      <c r="E1438">
        <v>994.17600000000004</v>
      </c>
      <c r="F1438">
        <v>1015.285</v>
      </c>
      <c r="G1438">
        <v>1049.5440000000001</v>
      </c>
      <c r="H1438">
        <v>1060.2180000000001</v>
      </c>
      <c r="I1438">
        <v>1082.076</v>
      </c>
      <c r="J1438">
        <v>1103.193</v>
      </c>
      <c r="K1438">
        <v>1114.069</v>
      </c>
      <c r="L1438">
        <v>1120.114</v>
      </c>
      <c r="M1438">
        <v>1101.106</v>
      </c>
      <c r="N1438">
        <v>912.80899999999997</v>
      </c>
      <c r="O1438">
        <v>965.51599999999996</v>
      </c>
      <c r="P1438">
        <v>0</v>
      </c>
      <c r="Q1438">
        <v>0</v>
      </c>
      <c r="R1438">
        <v>1023.08</v>
      </c>
      <c r="S1438">
        <v>0</v>
      </c>
      <c r="T1438">
        <v>1049.9870000000001</v>
      </c>
      <c r="U1438">
        <v>1071.7070000000001</v>
      </c>
      <c r="V1438">
        <v>1084.079</v>
      </c>
      <c r="W1438">
        <v>1108.93</v>
      </c>
      <c r="X1438">
        <v>1131.9659999999999</v>
      </c>
      <c r="Y1438">
        <v>1146.0409999999999</v>
      </c>
    </row>
    <row r="1439" spans="1:25" x14ac:dyDescent="0.3">
      <c r="A1439">
        <v>38.500000006348515</v>
      </c>
      <c r="B1439">
        <v>922.07</v>
      </c>
      <c r="C1439">
        <v>961.19799999999998</v>
      </c>
      <c r="D1439">
        <v>948.44100000000003</v>
      </c>
      <c r="E1439">
        <v>993.447</v>
      </c>
      <c r="F1439">
        <v>1015.029</v>
      </c>
      <c r="G1439">
        <v>1050.191</v>
      </c>
      <c r="H1439">
        <v>1062.3710000000001</v>
      </c>
      <c r="I1439">
        <v>1079.9839999999999</v>
      </c>
      <c r="J1439">
        <v>1097.8340000000001</v>
      </c>
      <c r="K1439">
        <v>1109.383</v>
      </c>
      <c r="L1439">
        <v>1118.508</v>
      </c>
      <c r="M1439">
        <v>1100.8810000000001</v>
      </c>
      <c r="N1439">
        <v>908.97699999999998</v>
      </c>
      <c r="O1439">
        <v>967.61300000000006</v>
      </c>
      <c r="P1439">
        <v>0</v>
      </c>
      <c r="Q1439">
        <v>0</v>
      </c>
      <c r="R1439">
        <v>1026.749</v>
      </c>
      <c r="S1439">
        <v>0</v>
      </c>
      <c r="T1439">
        <v>1055.021</v>
      </c>
      <c r="U1439">
        <v>1077.057</v>
      </c>
      <c r="V1439">
        <v>1091.568</v>
      </c>
      <c r="W1439">
        <v>1114.2760000000001</v>
      </c>
      <c r="X1439">
        <v>1137.4179999999999</v>
      </c>
      <c r="Y1439">
        <v>1148.521</v>
      </c>
    </row>
    <row r="1440" spans="1:25" x14ac:dyDescent="0.3">
      <c r="A1440">
        <v>38.533333336996535</v>
      </c>
      <c r="B1440">
        <v>913.37800000000004</v>
      </c>
      <c r="C1440">
        <v>963.13</v>
      </c>
      <c r="D1440">
        <v>948.36699999999996</v>
      </c>
      <c r="E1440">
        <v>992.51800000000003</v>
      </c>
      <c r="F1440">
        <v>1014.8440000000001</v>
      </c>
      <c r="G1440">
        <v>1052.019</v>
      </c>
      <c r="H1440">
        <v>1062.8889999999999</v>
      </c>
      <c r="I1440">
        <v>1078.0619999999999</v>
      </c>
      <c r="J1440">
        <v>1095.914</v>
      </c>
      <c r="K1440">
        <v>1110.931</v>
      </c>
      <c r="L1440">
        <v>1118.0160000000001</v>
      </c>
      <c r="M1440">
        <v>1102.5519999999999</v>
      </c>
      <c r="N1440">
        <v>913.2</v>
      </c>
      <c r="O1440">
        <v>964.57500000000005</v>
      </c>
      <c r="P1440">
        <v>0</v>
      </c>
      <c r="Q1440">
        <v>0</v>
      </c>
      <c r="R1440">
        <v>1030.374</v>
      </c>
      <c r="S1440">
        <v>0</v>
      </c>
      <c r="T1440">
        <v>1063.298</v>
      </c>
      <c r="U1440">
        <v>1086.287</v>
      </c>
      <c r="V1440">
        <v>1097.663</v>
      </c>
      <c r="W1440">
        <v>1117.222</v>
      </c>
      <c r="X1440">
        <v>1143.0630000000001</v>
      </c>
      <c r="Y1440">
        <v>1150.867</v>
      </c>
    </row>
    <row r="1441" spans="1:25" x14ac:dyDescent="0.3">
      <c r="A1441">
        <v>38.549999997081855</v>
      </c>
      <c r="B1441">
        <v>911.149</v>
      </c>
      <c r="C1441">
        <v>959.98500000000001</v>
      </c>
      <c r="D1441">
        <v>952.97699999999998</v>
      </c>
      <c r="E1441">
        <v>996.68499999999995</v>
      </c>
      <c r="F1441">
        <v>1016.42</v>
      </c>
      <c r="G1441">
        <v>1052.3699999999999</v>
      </c>
      <c r="H1441">
        <v>1071.537</v>
      </c>
      <c r="I1441">
        <v>1084.114</v>
      </c>
      <c r="J1441">
        <v>1102.4390000000001</v>
      </c>
      <c r="K1441">
        <v>1117.6179999999999</v>
      </c>
      <c r="L1441">
        <v>1123.7070000000001</v>
      </c>
      <c r="M1441">
        <v>1105.279</v>
      </c>
      <c r="N1441">
        <v>912.02300000000002</v>
      </c>
      <c r="O1441">
        <v>962.13499999999999</v>
      </c>
      <c r="P1441">
        <v>0</v>
      </c>
      <c r="Q1441">
        <v>0</v>
      </c>
      <c r="R1441">
        <v>1027.06</v>
      </c>
      <c r="S1441">
        <v>0</v>
      </c>
      <c r="T1441">
        <v>1061.961</v>
      </c>
      <c r="U1441">
        <v>1084.5260000000001</v>
      </c>
      <c r="V1441">
        <v>1097.8879999999999</v>
      </c>
      <c r="W1441">
        <v>1115.54</v>
      </c>
      <c r="X1441">
        <v>1140.182</v>
      </c>
      <c r="Y1441">
        <v>1144.856</v>
      </c>
    </row>
    <row r="1442" spans="1:25" x14ac:dyDescent="0.3">
      <c r="A1442">
        <v>38.583333338207254</v>
      </c>
      <c r="B1442">
        <v>909.24199999999996</v>
      </c>
      <c r="C1442">
        <v>959.87699999999995</v>
      </c>
      <c r="D1442">
        <v>960.05700000000002</v>
      </c>
      <c r="E1442">
        <v>999.87300000000005</v>
      </c>
      <c r="F1442">
        <v>1019.135</v>
      </c>
      <c r="G1442">
        <v>1053.5170000000001</v>
      </c>
      <c r="H1442">
        <v>1077</v>
      </c>
      <c r="I1442">
        <v>1088.721</v>
      </c>
      <c r="J1442">
        <v>1102.8720000000001</v>
      </c>
      <c r="K1442">
        <v>1113.8969999999999</v>
      </c>
      <c r="L1442">
        <v>1121.8699999999999</v>
      </c>
      <c r="M1442">
        <v>1104.433</v>
      </c>
      <c r="N1442">
        <v>913.89499999999998</v>
      </c>
      <c r="O1442">
        <v>965.76800000000003</v>
      </c>
      <c r="P1442">
        <v>0</v>
      </c>
      <c r="Q1442">
        <v>0</v>
      </c>
      <c r="R1442">
        <v>1026.692</v>
      </c>
      <c r="S1442">
        <v>0</v>
      </c>
      <c r="T1442">
        <v>1058.1559999999999</v>
      </c>
      <c r="U1442">
        <v>1078.0250000000001</v>
      </c>
      <c r="V1442">
        <v>1092.203</v>
      </c>
      <c r="W1442">
        <v>1112.0830000000001</v>
      </c>
      <c r="X1442">
        <v>1138.6369999999999</v>
      </c>
      <c r="Y1442">
        <v>1142.472</v>
      </c>
    </row>
    <row r="1443" spans="1:25" x14ac:dyDescent="0.3">
      <c r="A1443">
        <v>38.616666668855274</v>
      </c>
      <c r="B1443">
        <v>918.81500000000005</v>
      </c>
      <c r="C1443">
        <v>963.36400000000003</v>
      </c>
      <c r="D1443">
        <v>964.08699999999999</v>
      </c>
      <c r="E1443">
        <v>1004.861</v>
      </c>
      <c r="F1443">
        <v>1025.829</v>
      </c>
      <c r="G1443">
        <v>1059.6410000000001</v>
      </c>
      <c r="H1443">
        <v>1079.348</v>
      </c>
      <c r="I1443">
        <v>1089.2449999999999</v>
      </c>
      <c r="J1443">
        <v>1099.732</v>
      </c>
      <c r="K1443">
        <v>1111.2329999999999</v>
      </c>
      <c r="L1443">
        <v>1119.508</v>
      </c>
      <c r="M1443">
        <v>1101.3489999999999</v>
      </c>
      <c r="N1443">
        <v>916.71199999999999</v>
      </c>
      <c r="O1443">
        <v>967.34</v>
      </c>
      <c r="P1443">
        <v>0</v>
      </c>
      <c r="Q1443">
        <v>0</v>
      </c>
      <c r="R1443">
        <v>1027.797</v>
      </c>
      <c r="S1443">
        <v>0</v>
      </c>
      <c r="T1443">
        <v>1058.175</v>
      </c>
      <c r="U1443">
        <v>1078.528</v>
      </c>
      <c r="V1443">
        <v>1094.693</v>
      </c>
      <c r="W1443">
        <v>1116.5039999999999</v>
      </c>
      <c r="X1443">
        <v>1133.692</v>
      </c>
      <c r="Y1443">
        <v>1143.693</v>
      </c>
    </row>
    <row r="1444" spans="1:25" x14ac:dyDescent="0.3">
      <c r="A1444">
        <v>38.633333339417973</v>
      </c>
      <c r="B1444">
        <v>920.87</v>
      </c>
      <c r="C1444">
        <v>964.48500000000001</v>
      </c>
      <c r="D1444">
        <v>967.55700000000002</v>
      </c>
      <c r="E1444">
        <v>1006.341</v>
      </c>
      <c r="F1444">
        <v>1031.1659999999999</v>
      </c>
      <c r="G1444">
        <v>1062.3879999999999</v>
      </c>
      <c r="H1444">
        <v>1079.2360000000001</v>
      </c>
      <c r="I1444">
        <v>1089.8630000000001</v>
      </c>
      <c r="J1444">
        <v>1098.6030000000001</v>
      </c>
      <c r="K1444">
        <v>1109.3440000000001</v>
      </c>
      <c r="L1444">
        <v>1114.9739999999999</v>
      </c>
      <c r="M1444">
        <v>1097.3810000000001</v>
      </c>
      <c r="N1444">
        <v>915.33900000000006</v>
      </c>
      <c r="O1444">
        <v>972.07500000000005</v>
      </c>
      <c r="P1444">
        <v>0</v>
      </c>
      <c r="Q1444">
        <v>0</v>
      </c>
      <c r="R1444">
        <v>1030.337</v>
      </c>
      <c r="S1444">
        <v>0</v>
      </c>
      <c r="T1444">
        <v>1057.0429999999999</v>
      </c>
      <c r="U1444">
        <v>1075.0050000000001</v>
      </c>
      <c r="V1444">
        <v>1088.5519999999999</v>
      </c>
      <c r="W1444">
        <v>1112.1969999999999</v>
      </c>
      <c r="X1444">
        <v>1136.3869999999999</v>
      </c>
      <c r="Y1444">
        <v>1142.93</v>
      </c>
    </row>
    <row r="1445" spans="1:25" x14ac:dyDescent="0.3">
      <c r="A1445">
        <v>38.666666670065993</v>
      </c>
      <c r="B1445">
        <v>914.32299999999998</v>
      </c>
      <c r="C1445">
        <v>965.93100000000004</v>
      </c>
      <c r="D1445">
        <v>966.45500000000004</v>
      </c>
      <c r="E1445">
        <v>1003.6180000000001</v>
      </c>
      <c r="F1445">
        <v>1033.412</v>
      </c>
      <c r="G1445">
        <v>1064.838</v>
      </c>
      <c r="H1445">
        <v>1077.4469999999999</v>
      </c>
      <c r="I1445">
        <v>1088.627</v>
      </c>
      <c r="J1445">
        <v>1098.528</v>
      </c>
      <c r="K1445">
        <v>1109.646</v>
      </c>
      <c r="L1445">
        <v>1115.8430000000001</v>
      </c>
      <c r="M1445">
        <v>1099.2049999999999</v>
      </c>
      <c r="N1445">
        <v>916.12400000000002</v>
      </c>
      <c r="O1445">
        <v>970.06899999999996</v>
      </c>
      <c r="P1445">
        <v>0</v>
      </c>
      <c r="Q1445">
        <v>0</v>
      </c>
      <c r="R1445">
        <v>1024.0129999999999</v>
      </c>
      <c r="S1445">
        <v>0</v>
      </c>
      <c r="T1445">
        <v>1055.7429999999999</v>
      </c>
      <c r="U1445">
        <v>1075.825</v>
      </c>
      <c r="V1445">
        <v>1089.2629999999999</v>
      </c>
      <c r="W1445">
        <v>1108.683</v>
      </c>
      <c r="X1445">
        <v>1130.2750000000001</v>
      </c>
      <c r="Y1445">
        <v>1143.826</v>
      </c>
    </row>
    <row r="1446" spans="1:25" x14ac:dyDescent="0.3">
      <c r="A1446">
        <v>38.683333330151314</v>
      </c>
      <c r="B1446">
        <v>913.41399999999999</v>
      </c>
      <c r="C1446">
        <v>967.23199999999997</v>
      </c>
      <c r="D1446">
        <v>965.96699999999998</v>
      </c>
      <c r="E1446">
        <v>1002.6319999999999</v>
      </c>
      <c r="F1446">
        <v>1028.9749999999999</v>
      </c>
      <c r="G1446">
        <v>1061.5530000000001</v>
      </c>
      <c r="H1446">
        <v>1073.1780000000001</v>
      </c>
      <c r="I1446">
        <v>1085.163</v>
      </c>
      <c r="J1446">
        <v>1097.0050000000001</v>
      </c>
      <c r="K1446">
        <v>1106.915</v>
      </c>
      <c r="L1446">
        <v>1115.3520000000001</v>
      </c>
      <c r="M1446">
        <v>1100.653</v>
      </c>
      <c r="N1446">
        <v>917.97799999999995</v>
      </c>
      <c r="O1446">
        <v>967.46699999999998</v>
      </c>
      <c r="P1446">
        <v>0</v>
      </c>
      <c r="Q1446">
        <v>0</v>
      </c>
      <c r="R1446">
        <v>1029.7670000000001</v>
      </c>
      <c r="S1446">
        <v>0</v>
      </c>
      <c r="T1446">
        <v>1055.1679999999999</v>
      </c>
      <c r="U1446">
        <v>1076.4590000000001</v>
      </c>
      <c r="V1446">
        <v>1088.009</v>
      </c>
      <c r="W1446">
        <v>1109.136</v>
      </c>
      <c r="X1446">
        <v>1129.877</v>
      </c>
      <c r="Y1446">
        <v>1143.998</v>
      </c>
    </row>
    <row r="1447" spans="1:25" x14ac:dyDescent="0.3">
      <c r="A1447">
        <v>38.716666671276712</v>
      </c>
      <c r="B1447">
        <v>916.09</v>
      </c>
      <c r="C1447">
        <v>969.61900000000003</v>
      </c>
      <c r="D1447">
        <v>965.78800000000001</v>
      </c>
      <c r="E1447">
        <v>1002.579</v>
      </c>
      <c r="F1447">
        <v>1025.8489999999999</v>
      </c>
      <c r="G1447">
        <v>1059.123</v>
      </c>
      <c r="H1447">
        <v>1066.213</v>
      </c>
      <c r="I1447">
        <v>1082.675</v>
      </c>
      <c r="J1447">
        <v>1099.489</v>
      </c>
      <c r="K1447">
        <v>1112.8409999999999</v>
      </c>
      <c r="L1447">
        <v>1122.646</v>
      </c>
      <c r="M1447">
        <v>1104.905</v>
      </c>
      <c r="N1447">
        <v>919.45899999999995</v>
      </c>
      <c r="O1447">
        <v>969.85400000000004</v>
      </c>
      <c r="P1447">
        <v>0</v>
      </c>
      <c r="Q1447">
        <v>0</v>
      </c>
      <c r="R1447">
        <v>1033.9480000000001</v>
      </c>
      <c r="S1447">
        <v>0</v>
      </c>
      <c r="T1447">
        <v>1055.1510000000001</v>
      </c>
      <c r="U1447">
        <v>1076.6099999999999</v>
      </c>
      <c r="V1447">
        <v>1087.7860000000001</v>
      </c>
      <c r="W1447">
        <v>1111.008</v>
      </c>
      <c r="X1447">
        <v>1131.492</v>
      </c>
      <c r="Y1447">
        <v>1144.82</v>
      </c>
    </row>
    <row r="1448" spans="1:25" x14ac:dyDescent="0.3">
      <c r="A1448">
        <v>38.750000001924732</v>
      </c>
      <c r="B1448">
        <v>924.75300000000004</v>
      </c>
      <c r="C1448">
        <v>969.61900000000003</v>
      </c>
      <c r="D1448">
        <v>959.60699999999997</v>
      </c>
      <c r="E1448">
        <v>999.54600000000005</v>
      </c>
      <c r="F1448">
        <v>1024.51</v>
      </c>
      <c r="G1448">
        <v>1060.979</v>
      </c>
      <c r="H1448">
        <v>1070.98</v>
      </c>
      <c r="I1448">
        <v>1090.3320000000001</v>
      </c>
      <c r="J1448">
        <v>1103.5509999999999</v>
      </c>
      <c r="K1448">
        <v>1115.4290000000001</v>
      </c>
      <c r="L1448">
        <v>1128.3409999999999</v>
      </c>
      <c r="M1448">
        <v>1105.9580000000001</v>
      </c>
      <c r="N1448">
        <v>914.77</v>
      </c>
      <c r="O1448">
        <v>965.67899999999997</v>
      </c>
      <c r="P1448">
        <v>0</v>
      </c>
      <c r="Q1448">
        <v>0</v>
      </c>
      <c r="R1448">
        <v>1027.0619999999999</v>
      </c>
      <c r="S1448">
        <v>0</v>
      </c>
      <c r="T1448">
        <v>1053.481</v>
      </c>
      <c r="U1448">
        <v>1076.759</v>
      </c>
      <c r="V1448">
        <v>1087.056</v>
      </c>
      <c r="W1448">
        <v>1109.0050000000001</v>
      </c>
      <c r="X1448">
        <v>1130.3910000000001</v>
      </c>
      <c r="Y1448">
        <v>1147.357</v>
      </c>
    </row>
    <row r="1449" spans="1:25" x14ac:dyDescent="0.3">
      <c r="A1449">
        <v>38.766666672487432</v>
      </c>
      <c r="B1449">
        <v>929.20600000000002</v>
      </c>
      <c r="C1449">
        <v>966.99800000000005</v>
      </c>
      <c r="D1449">
        <v>958.88599999999997</v>
      </c>
      <c r="E1449">
        <v>996.83299999999997</v>
      </c>
      <c r="F1449">
        <v>1023.593</v>
      </c>
      <c r="G1449">
        <v>1058.6780000000001</v>
      </c>
      <c r="H1449">
        <v>1077.2619999999999</v>
      </c>
      <c r="I1449">
        <v>1093.627</v>
      </c>
      <c r="J1449">
        <v>1105.751</v>
      </c>
      <c r="K1449">
        <v>1115.3340000000001</v>
      </c>
      <c r="L1449">
        <v>1126.1959999999999</v>
      </c>
      <c r="M1449">
        <v>1103.588</v>
      </c>
      <c r="N1449">
        <v>917.99699999999996</v>
      </c>
      <c r="O1449">
        <v>974.43200000000002</v>
      </c>
      <c r="P1449">
        <v>0</v>
      </c>
      <c r="Q1449">
        <v>0</v>
      </c>
      <c r="R1449">
        <v>1025.5740000000001</v>
      </c>
      <c r="S1449">
        <v>0</v>
      </c>
      <c r="T1449">
        <v>1054.7239999999999</v>
      </c>
      <c r="U1449">
        <v>1079.0519999999999</v>
      </c>
      <c r="V1449">
        <v>1091.1189999999999</v>
      </c>
      <c r="W1449">
        <v>1114.144</v>
      </c>
      <c r="X1449">
        <v>1133.3330000000001</v>
      </c>
      <c r="Y1449">
        <v>1143.923</v>
      </c>
    </row>
    <row r="1450" spans="1:25" x14ac:dyDescent="0.3">
      <c r="A1450">
        <v>38.800000003135452</v>
      </c>
      <c r="B1450">
        <v>926.57600000000002</v>
      </c>
      <c r="C1450">
        <v>969.83399999999995</v>
      </c>
      <c r="D1450">
        <v>959.13599999999997</v>
      </c>
      <c r="E1450">
        <v>996.577</v>
      </c>
      <c r="F1450">
        <v>1024.472</v>
      </c>
      <c r="G1450">
        <v>1059.548</v>
      </c>
      <c r="H1450">
        <v>1075.173</v>
      </c>
      <c r="I1450">
        <v>1095.67</v>
      </c>
      <c r="J1450">
        <v>1109.778</v>
      </c>
      <c r="K1450">
        <v>1119.905</v>
      </c>
      <c r="L1450">
        <v>1126.82</v>
      </c>
      <c r="M1450">
        <v>1103.8119999999999</v>
      </c>
      <c r="N1450">
        <v>917.60299999999995</v>
      </c>
      <c r="O1450">
        <v>979.76199999999994</v>
      </c>
      <c r="P1450">
        <v>0</v>
      </c>
      <c r="Q1450">
        <v>0</v>
      </c>
      <c r="R1450">
        <v>1034.001</v>
      </c>
      <c r="S1450">
        <v>0</v>
      </c>
      <c r="T1450">
        <v>1065.5060000000001</v>
      </c>
      <c r="U1450">
        <v>1087.1099999999999</v>
      </c>
      <c r="V1450">
        <v>1095.933</v>
      </c>
      <c r="W1450">
        <v>1118.0530000000001</v>
      </c>
      <c r="X1450">
        <v>1141.537</v>
      </c>
      <c r="Y1450">
        <v>1147.7180000000001</v>
      </c>
    </row>
    <row r="1451" spans="1:25" x14ac:dyDescent="0.3">
      <c r="A1451">
        <v>38.833333333783472</v>
      </c>
      <c r="B1451">
        <v>926.202</v>
      </c>
      <c r="C1451">
        <v>971.35400000000004</v>
      </c>
      <c r="D1451">
        <v>962.49900000000002</v>
      </c>
      <c r="E1451">
        <v>999.43700000000001</v>
      </c>
      <c r="F1451">
        <v>1024.2539999999999</v>
      </c>
      <c r="G1451">
        <v>1058.029</v>
      </c>
      <c r="H1451">
        <v>1070.5150000000001</v>
      </c>
      <c r="I1451">
        <v>1090.202</v>
      </c>
      <c r="J1451">
        <v>1108.836</v>
      </c>
      <c r="K1451">
        <v>1118.528</v>
      </c>
      <c r="L1451">
        <v>1123.2539999999999</v>
      </c>
      <c r="M1451">
        <v>1102.5550000000001</v>
      </c>
      <c r="N1451">
        <v>917.83699999999999</v>
      </c>
      <c r="O1451">
        <v>981.01599999999996</v>
      </c>
      <c r="P1451">
        <v>0</v>
      </c>
      <c r="Q1451">
        <v>0</v>
      </c>
      <c r="R1451">
        <v>1041.3920000000001</v>
      </c>
      <c r="S1451">
        <v>0</v>
      </c>
      <c r="T1451">
        <v>1066.3810000000001</v>
      </c>
      <c r="U1451">
        <v>1088.2170000000001</v>
      </c>
      <c r="V1451">
        <v>1095.5219999999999</v>
      </c>
      <c r="W1451">
        <v>1116.204</v>
      </c>
      <c r="X1451">
        <v>1142.4549999999999</v>
      </c>
      <c r="Y1451">
        <v>1149.857</v>
      </c>
    </row>
    <row r="1452" spans="1:25" x14ac:dyDescent="0.3">
      <c r="A1452">
        <v>38.850000004346171</v>
      </c>
      <c r="B1452">
        <v>932.62300000000005</v>
      </c>
      <c r="C1452">
        <v>971.28200000000004</v>
      </c>
      <c r="D1452">
        <v>959.80700000000002</v>
      </c>
      <c r="E1452">
        <v>997.36199999999997</v>
      </c>
      <c r="F1452">
        <v>1024.0160000000001</v>
      </c>
      <c r="G1452">
        <v>1058.4549999999999</v>
      </c>
      <c r="H1452">
        <v>1068.7070000000001</v>
      </c>
      <c r="I1452">
        <v>1088.854</v>
      </c>
      <c r="J1452">
        <v>1105.864</v>
      </c>
      <c r="K1452">
        <v>1117.867</v>
      </c>
      <c r="L1452">
        <v>1124.7919999999999</v>
      </c>
      <c r="M1452">
        <v>1104.7360000000001</v>
      </c>
      <c r="N1452">
        <v>913.64800000000002</v>
      </c>
      <c r="O1452">
        <v>977.44299999999998</v>
      </c>
      <c r="P1452">
        <v>0</v>
      </c>
      <c r="Q1452">
        <v>0</v>
      </c>
      <c r="R1452">
        <v>1038.1089999999999</v>
      </c>
      <c r="S1452">
        <v>0</v>
      </c>
      <c r="T1452">
        <v>1064.933</v>
      </c>
      <c r="U1452">
        <v>1084.0609999999999</v>
      </c>
      <c r="V1452">
        <v>1093.366</v>
      </c>
      <c r="W1452">
        <v>1114.145</v>
      </c>
      <c r="X1452">
        <v>1139.212</v>
      </c>
      <c r="Y1452">
        <v>1155.01</v>
      </c>
    </row>
    <row r="1453" spans="1:25" x14ac:dyDescent="0.3">
      <c r="A1453">
        <v>38.883333334994191</v>
      </c>
      <c r="B1453">
        <v>934.86500000000001</v>
      </c>
      <c r="C1453">
        <v>969.23900000000003</v>
      </c>
      <c r="D1453">
        <v>955.82500000000005</v>
      </c>
      <c r="E1453">
        <v>995.30399999999997</v>
      </c>
      <c r="F1453">
        <v>1023.263</v>
      </c>
      <c r="G1453">
        <v>1056.5429999999999</v>
      </c>
      <c r="H1453">
        <v>1070.086</v>
      </c>
      <c r="I1453">
        <v>1093.6089999999999</v>
      </c>
      <c r="J1453">
        <v>1111.934</v>
      </c>
      <c r="K1453">
        <v>1120.643</v>
      </c>
      <c r="L1453">
        <v>1125.2090000000001</v>
      </c>
      <c r="M1453">
        <v>1103.626</v>
      </c>
      <c r="N1453">
        <v>917.01700000000005</v>
      </c>
      <c r="O1453">
        <v>971.82299999999998</v>
      </c>
      <c r="P1453">
        <v>0</v>
      </c>
      <c r="Q1453">
        <v>0</v>
      </c>
      <c r="R1453">
        <v>1036.636</v>
      </c>
      <c r="S1453">
        <v>0</v>
      </c>
      <c r="T1453">
        <v>1063.3920000000001</v>
      </c>
      <c r="U1453">
        <v>1082.375</v>
      </c>
      <c r="V1453">
        <v>1092.4100000000001</v>
      </c>
      <c r="W1453">
        <v>1113.559</v>
      </c>
      <c r="X1453">
        <v>1136.903</v>
      </c>
      <c r="Y1453">
        <v>1154.856</v>
      </c>
    </row>
    <row r="1454" spans="1:25" x14ac:dyDescent="0.3">
      <c r="A1454">
        <v>38.90000000555689</v>
      </c>
      <c r="B1454">
        <v>938.67100000000005</v>
      </c>
      <c r="C1454">
        <v>970.70399999999995</v>
      </c>
      <c r="D1454">
        <v>958.47299999999996</v>
      </c>
      <c r="E1454">
        <v>996.08799999999997</v>
      </c>
      <c r="F1454">
        <v>1022.2190000000001</v>
      </c>
      <c r="G1454">
        <v>1056.8779999999999</v>
      </c>
      <c r="H1454">
        <v>1074.5419999999999</v>
      </c>
      <c r="I1454">
        <v>1096.6130000000001</v>
      </c>
      <c r="J1454">
        <v>1111.8969999999999</v>
      </c>
      <c r="K1454">
        <v>1117.319</v>
      </c>
      <c r="L1454">
        <v>1121.6079999999999</v>
      </c>
      <c r="M1454">
        <v>1101.4079999999999</v>
      </c>
      <c r="N1454">
        <v>914.71799999999996</v>
      </c>
      <c r="O1454">
        <v>977.48</v>
      </c>
      <c r="P1454">
        <v>0</v>
      </c>
      <c r="Q1454">
        <v>0</v>
      </c>
      <c r="R1454">
        <v>1041.7070000000001</v>
      </c>
      <c r="S1454">
        <v>0</v>
      </c>
      <c r="T1454">
        <v>1060.498</v>
      </c>
      <c r="U1454">
        <v>1080.376</v>
      </c>
      <c r="V1454">
        <v>1092.4680000000001</v>
      </c>
      <c r="W1454">
        <v>1117.357</v>
      </c>
      <c r="X1454">
        <v>1142.952</v>
      </c>
      <c r="Y1454">
        <v>1152.346</v>
      </c>
    </row>
    <row r="1455" spans="1:25" x14ac:dyDescent="0.3">
      <c r="A1455">
        <v>38.93333333620491</v>
      </c>
      <c r="B1455">
        <v>938.84900000000005</v>
      </c>
      <c r="C1455">
        <v>970.73900000000003</v>
      </c>
      <c r="D1455">
        <v>960.077</v>
      </c>
      <c r="E1455">
        <v>999.67399999999998</v>
      </c>
      <c r="F1455">
        <v>1023.832</v>
      </c>
      <c r="G1455">
        <v>1055.2439999999999</v>
      </c>
      <c r="H1455">
        <v>1071.0740000000001</v>
      </c>
      <c r="I1455">
        <v>1092.654</v>
      </c>
      <c r="J1455">
        <v>1107.1610000000001</v>
      </c>
      <c r="K1455">
        <v>1117.5450000000001</v>
      </c>
      <c r="L1455">
        <v>1122.646</v>
      </c>
      <c r="M1455">
        <v>1100.5229999999999</v>
      </c>
      <c r="N1455">
        <v>916.17899999999997</v>
      </c>
      <c r="O1455">
        <v>980</v>
      </c>
      <c r="P1455">
        <v>0</v>
      </c>
      <c r="Q1455">
        <v>0</v>
      </c>
      <c r="R1455">
        <v>1039.489</v>
      </c>
      <c r="S1455">
        <v>0</v>
      </c>
      <c r="T1455">
        <v>1059.606</v>
      </c>
      <c r="U1455">
        <v>1078.6420000000001</v>
      </c>
      <c r="V1455">
        <v>1092.1300000000001</v>
      </c>
      <c r="W1455">
        <v>1113.71</v>
      </c>
      <c r="X1455">
        <v>1143.7139999999999</v>
      </c>
      <c r="Y1455">
        <v>1150.7529999999999</v>
      </c>
    </row>
    <row r="1456" spans="1:25" x14ac:dyDescent="0.3">
      <c r="A1456">
        <v>38.96666666685293</v>
      </c>
      <c r="B1456">
        <v>927.91899999999998</v>
      </c>
      <c r="C1456">
        <v>968.95100000000002</v>
      </c>
      <c r="D1456">
        <v>961.18</v>
      </c>
      <c r="E1456">
        <v>1001.337</v>
      </c>
      <c r="F1456">
        <v>1024.4739999999999</v>
      </c>
      <c r="G1456">
        <v>1055.412</v>
      </c>
      <c r="H1456">
        <v>1073.6089999999999</v>
      </c>
      <c r="I1456">
        <v>1093.1790000000001</v>
      </c>
      <c r="J1456">
        <v>1108.441</v>
      </c>
      <c r="K1456">
        <v>1119.057</v>
      </c>
      <c r="L1456">
        <v>1124.5070000000001</v>
      </c>
      <c r="M1456">
        <v>1100.712</v>
      </c>
      <c r="N1456">
        <v>914.96699999999998</v>
      </c>
      <c r="O1456">
        <v>978.15</v>
      </c>
      <c r="P1456">
        <v>0</v>
      </c>
      <c r="Q1456">
        <v>0</v>
      </c>
      <c r="R1456">
        <v>1031.5920000000001</v>
      </c>
      <c r="S1456">
        <v>0</v>
      </c>
      <c r="T1456">
        <v>1058.1210000000001</v>
      </c>
      <c r="U1456">
        <v>1078.9780000000001</v>
      </c>
      <c r="V1456">
        <v>1089.921</v>
      </c>
      <c r="W1456">
        <v>1108.0830000000001</v>
      </c>
      <c r="X1456">
        <v>1134.8900000000001</v>
      </c>
      <c r="Y1456">
        <v>1151.712</v>
      </c>
    </row>
    <row r="1457" spans="1:25" x14ac:dyDescent="0.3">
      <c r="A1457">
        <v>38.98333333741563</v>
      </c>
      <c r="B1457">
        <v>925.88</v>
      </c>
      <c r="C1457">
        <v>966.89</v>
      </c>
      <c r="D1457">
        <v>956.97799999999995</v>
      </c>
      <c r="E1457">
        <v>999.14499999999998</v>
      </c>
      <c r="F1457">
        <v>1024.914</v>
      </c>
      <c r="G1457">
        <v>1056.748</v>
      </c>
      <c r="H1457">
        <v>1077.934</v>
      </c>
      <c r="I1457">
        <v>1097.8910000000001</v>
      </c>
      <c r="J1457">
        <v>1107.5</v>
      </c>
      <c r="K1457">
        <v>1116.0530000000001</v>
      </c>
      <c r="L1457">
        <v>1122.703</v>
      </c>
      <c r="M1457">
        <v>1102.5170000000001</v>
      </c>
      <c r="N1457">
        <v>914.23599999999999</v>
      </c>
      <c r="O1457">
        <v>972.18499999999995</v>
      </c>
      <c r="P1457">
        <v>0</v>
      </c>
      <c r="Q1457">
        <v>0</v>
      </c>
      <c r="R1457">
        <v>1022.273</v>
      </c>
      <c r="S1457">
        <v>0</v>
      </c>
      <c r="T1457">
        <v>1055.7270000000001</v>
      </c>
      <c r="U1457">
        <v>1077.729</v>
      </c>
      <c r="V1457">
        <v>1091.55</v>
      </c>
      <c r="W1457">
        <v>1108.5909999999999</v>
      </c>
      <c r="X1457">
        <v>1132.1569999999999</v>
      </c>
      <c r="Y1457">
        <v>1152.288</v>
      </c>
    </row>
    <row r="1458" spans="1:25" x14ac:dyDescent="0.3">
      <c r="A1458">
        <v>39.01666666806365</v>
      </c>
      <c r="B1458">
        <v>930.58500000000004</v>
      </c>
      <c r="C1458">
        <v>965.95100000000002</v>
      </c>
      <c r="D1458">
        <v>957.86099999999999</v>
      </c>
      <c r="E1458">
        <v>994.85</v>
      </c>
      <c r="F1458">
        <v>1023.301</v>
      </c>
      <c r="G1458">
        <v>1055.95</v>
      </c>
      <c r="H1458">
        <v>1073.8710000000001</v>
      </c>
      <c r="I1458">
        <v>1089.828</v>
      </c>
      <c r="J1458">
        <v>1102.518</v>
      </c>
      <c r="K1458">
        <v>1112.634</v>
      </c>
      <c r="L1458">
        <v>1121.854</v>
      </c>
      <c r="M1458">
        <v>1100.9380000000001</v>
      </c>
      <c r="N1458">
        <v>916.18</v>
      </c>
      <c r="O1458">
        <v>977.15300000000002</v>
      </c>
      <c r="P1458">
        <v>0</v>
      </c>
      <c r="Q1458">
        <v>0</v>
      </c>
      <c r="R1458">
        <v>1028.26</v>
      </c>
      <c r="S1458">
        <v>0</v>
      </c>
      <c r="T1458">
        <v>1058.029</v>
      </c>
      <c r="U1458">
        <v>1079.6679999999999</v>
      </c>
      <c r="V1458">
        <v>1090.577</v>
      </c>
      <c r="W1458">
        <v>1110.518</v>
      </c>
      <c r="X1458">
        <v>1134.2639999999999</v>
      </c>
      <c r="Y1458">
        <v>1152.557</v>
      </c>
    </row>
    <row r="1459" spans="1:25" x14ac:dyDescent="0.3">
      <c r="A1459">
        <v>39.033333338626349</v>
      </c>
      <c r="B1459">
        <v>935.404</v>
      </c>
      <c r="C1459">
        <v>967.46900000000005</v>
      </c>
      <c r="D1459">
        <v>956.59900000000005</v>
      </c>
      <c r="E1459">
        <v>996.30600000000004</v>
      </c>
      <c r="F1459">
        <v>1021.65</v>
      </c>
      <c r="G1459">
        <v>1053.6479999999999</v>
      </c>
      <c r="H1459">
        <v>1069.098</v>
      </c>
      <c r="I1459">
        <v>1085.915</v>
      </c>
      <c r="J1459">
        <v>1100.279</v>
      </c>
      <c r="K1459">
        <v>1110.6690000000001</v>
      </c>
      <c r="L1459">
        <v>1121.9659999999999</v>
      </c>
      <c r="M1459">
        <v>1102.7619999999999</v>
      </c>
      <c r="N1459">
        <v>917.14200000000005</v>
      </c>
      <c r="O1459">
        <v>972.71</v>
      </c>
      <c r="P1459">
        <v>0</v>
      </c>
      <c r="Q1459">
        <v>0</v>
      </c>
      <c r="R1459">
        <v>1029.8789999999999</v>
      </c>
      <c r="S1459">
        <v>0</v>
      </c>
      <c r="T1459">
        <v>1059.7729999999999</v>
      </c>
      <c r="U1459">
        <v>1080.7860000000001</v>
      </c>
      <c r="V1459">
        <v>1091.0070000000001</v>
      </c>
      <c r="W1459">
        <v>1113.3510000000001</v>
      </c>
      <c r="X1459">
        <v>1136.01</v>
      </c>
      <c r="Y1459">
        <v>1156.4680000000001</v>
      </c>
    </row>
    <row r="1460" spans="1:25" x14ac:dyDescent="0.3">
      <c r="A1460">
        <v>39.066666669274369</v>
      </c>
      <c r="B1460">
        <v>937.48699999999997</v>
      </c>
      <c r="C1460">
        <v>967.41499999999996</v>
      </c>
      <c r="D1460">
        <v>955.42899999999997</v>
      </c>
      <c r="E1460">
        <v>998.6</v>
      </c>
      <c r="F1460">
        <v>1027.192</v>
      </c>
      <c r="G1460">
        <v>1054.1310000000001</v>
      </c>
      <c r="H1460">
        <v>1069.789</v>
      </c>
      <c r="I1460">
        <v>1092.056</v>
      </c>
      <c r="J1460">
        <v>1102.7809999999999</v>
      </c>
      <c r="K1460">
        <v>1114.5989999999999</v>
      </c>
      <c r="L1460">
        <v>1123.71</v>
      </c>
      <c r="M1460">
        <v>1102.367</v>
      </c>
      <c r="N1460">
        <v>919.78099999999995</v>
      </c>
      <c r="O1460">
        <v>971.96900000000005</v>
      </c>
      <c r="P1460">
        <v>0</v>
      </c>
      <c r="Q1460">
        <v>0</v>
      </c>
      <c r="R1460">
        <v>1027.2840000000001</v>
      </c>
      <c r="S1460">
        <v>0</v>
      </c>
      <c r="T1460">
        <v>1059.4949999999999</v>
      </c>
      <c r="U1460">
        <v>1079.817</v>
      </c>
      <c r="V1460">
        <v>1089.9590000000001</v>
      </c>
      <c r="W1460">
        <v>1110.6880000000001</v>
      </c>
      <c r="X1460">
        <v>1136.182</v>
      </c>
      <c r="Y1460">
        <v>1153.5920000000001</v>
      </c>
    </row>
    <row r="1461" spans="1:25" x14ac:dyDescent="0.3">
      <c r="A1461">
        <v>39.099999999922389</v>
      </c>
      <c r="B1461">
        <v>935.85199999999998</v>
      </c>
      <c r="C1461">
        <v>966.98</v>
      </c>
      <c r="D1461">
        <v>951.14200000000005</v>
      </c>
      <c r="E1461">
        <v>998.28899999999999</v>
      </c>
      <c r="F1461">
        <v>1026.509</v>
      </c>
      <c r="G1461">
        <v>1056.692</v>
      </c>
      <c r="H1461">
        <v>1078.847</v>
      </c>
      <c r="I1461">
        <v>1093.1030000000001</v>
      </c>
      <c r="J1461">
        <v>1099.9970000000001</v>
      </c>
      <c r="K1461">
        <v>1111.0840000000001</v>
      </c>
      <c r="L1461">
        <v>1120.02</v>
      </c>
      <c r="M1461">
        <v>1099.376</v>
      </c>
      <c r="N1461">
        <v>922.553</v>
      </c>
      <c r="O1461">
        <v>974.12400000000002</v>
      </c>
      <c r="P1461">
        <v>0</v>
      </c>
      <c r="Q1461">
        <v>0</v>
      </c>
      <c r="R1461">
        <v>1027.559</v>
      </c>
      <c r="S1461">
        <v>0</v>
      </c>
      <c r="T1461">
        <v>1058.0650000000001</v>
      </c>
      <c r="U1461">
        <v>1079.48</v>
      </c>
      <c r="V1461">
        <v>1092.0360000000001</v>
      </c>
      <c r="W1461">
        <v>1110.7059999999999</v>
      </c>
      <c r="X1461">
        <v>1131.549</v>
      </c>
      <c r="Y1461">
        <v>1145.43</v>
      </c>
    </row>
    <row r="1462" spans="1:25" x14ac:dyDescent="0.3">
      <c r="A1462">
        <v>39.116666670485088</v>
      </c>
      <c r="B1462">
        <v>931.67499999999995</v>
      </c>
      <c r="C1462">
        <v>967.45</v>
      </c>
      <c r="D1462">
        <v>951.23199999999997</v>
      </c>
      <c r="E1462">
        <v>996.10500000000002</v>
      </c>
      <c r="F1462">
        <v>1022.2910000000001</v>
      </c>
      <c r="G1462">
        <v>1052.317</v>
      </c>
      <c r="H1462">
        <v>1075.1559999999999</v>
      </c>
      <c r="I1462">
        <v>1089.509</v>
      </c>
      <c r="J1462">
        <v>1098.549</v>
      </c>
      <c r="K1462">
        <v>1109.742</v>
      </c>
      <c r="L1462">
        <v>1118.6030000000001</v>
      </c>
      <c r="M1462">
        <v>1101.915</v>
      </c>
      <c r="N1462">
        <v>921.56899999999996</v>
      </c>
      <c r="O1462">
        <v>972.92700000000002</v>
      </c>
      <c r="P1462">
        <v>0</v>
      </c>
      <c r="Q1462">
        <v>0</v>
      </c>
      <c r="R1462">
        <v>1024.29</v>
      </c>
      <c r="S1462">
        <v>0</v>
      </c>
      <c r="T1462">
        <v>1059.1969999999999</v>
      </c>
      <c r="U1462">
        <v>1076.3119999999999</v>
      </c>
      <c r="V1462">
        <v>1087.7860000000001</v>
      </c>
      <c r="W1462">
        <v>1110.403</v>
      </c>
      <c r="X1462">
        <v>1131.2829999999999</v>
      </c>
      <c r="Y1462">
        <v>1143.771</v>
      </c>
    </row>
    <row r="1463" spans="1:25" x14ac:dyDescent="0.3">
      <c r="A1463">
        <v>39.150000001133108</v>
      </c>
      <c r="B1463">
        <v>929.09900000000005</v>
      </c>
      <c r="C1463">
        <v>967.90200000000004</v>
      </c>
      <c r="D1463">
        <v>952.13300000000004</v>
      </c>
      <c r="E1463">
        <v>996.74199999999996</v>
      </c>
      <c r="F1463">
        <v>1019.8339999999999</v>
      </c>
      <c r="G1463">
        <v>1050.2650000000001</v>
      </c>
      <c r="H1463">
        <v>1070.03</v>
      </c>
      <c r="I1463">
        <v>1088.5160000000001</v>
      </c>
      <c r="J1463">
        <v>1101.4449999999999</v>
      </c>
      <c r="K1463">
        <v>1112.2739999999999</v>
      </c>
      <c r="L1463">
        <v>1123.0450000000001</v>
      </c>
      <c r="M1463">
        <v>1106.9359999999999</v>
      </c>
      <c r="N1463">
        <v>923.96600000000001</v>
      </c>
      <c r="O1463">
        <v>970.95600000000002</v>
      </c>
      <c r="P1463">
        <v>0</v>
      </c>
      <c r="Q1463">
        <v>0</v>
      </c>
      <c r="R1463">
        <v>1018.752</v>
      </c>
      <c r="S1463">
        <v>0</v>
      </c>
      <c r="T1463">
        <v>1055.7639999999999</v>
      </c>
      <c r="U1463">
        <v>1074.7080000000001</v>
      </c>
      <c r="V1463">
        <v>1085.671</v>
      </c>
      <c r="W1463">
        <v>1108.346</v>
      </c>
      <c r="X1463">
        <v>1133.029</v>
      </c>
      <c r="Y1463">
        <v>1145.049</v>
      </c>
    </row>
    <row r="1464" spans="1:25" x14ac:dyDescent="0.3">
      <c r="A1464">
        <v>39.166666671695808</v>
      </c>
      <c r="B1464">
        <v>920.40700000000004</v>
      </c>
      <c r="C1464">
        <v>967.74</v>
      </c>
      <c r="D1464">
        <v>953.44799999999998</v>
      </c>
      <c r="E1464">
        <v>999.346</v>
      </c>
      <c r="F1464">
        <v>1020.183</v>
      </c>
      <c r="G1464">
        <v>1047.1600000000001</v>
      </c>
      <c r="H1464">
        <v>1072.6400000000001</v>
      </c>
      <c r="I1464">
        <v>1090.4079999999999</v>
      </c>
      <c r="J1464">
        <v>1104.492</v>
      </c>
      <c r="K1464">
        <v>1113.2380000000001</v>
      </c>
      <c r="L1464">
        <v>1122.5329999999999</v>
      </c>
      <c r="M1464">
        <v>1107.105</v>
      </c>
      <c r="N1464">
        <v>922.5</v>
      </c>
      <c r="O1464">
        <v>978.58600000000001</v>
      </c>
      <c r="P1464">
        <v>0</v>
      </c>
      <c r="Q1464">
        <v>0</v>
      </c>
      <c r="R1464">
        <v>1017.7430000000001</v>
      </c>
      <c r="S1464">
        <v>0</v>
      </c>
      <c r="T1464">
        <v>1055.931</v>
      </c>
      <c r="U1464">
        <v>1074.075</v>
      </c>
      <c r="V1464">
        <v>1084.7349999999999</v>
      </c>
      <c r="W1464">
        <v>1106.729</v>
      </c>
      <c r="X1464">
        <v>1129.29</v>
      </c>
      <c r="Y1464">
        <v>1146.232</v>
      </c>
    </row>
    <row r="1465" spans="1:25" x14ac:dyDescent="0.3">
      <c r="A1465">
        <v>39.200000002343828</v>
      </c>
      <c r="B1465">
        <v>927.36400000000003</v>
      </c>
      <c r="C1465">
        <v>970.01599999999996</v>
      </c>
      <c r="D1465">
        <v>961.59500000000003</v>
      </c>
      <c r="E1465">
        <v>1001.957</v>
      </c>
      <c r="F1465">
        <v>1019.21</v>
      </c>
      <c r="G1465">
        <v>1048.49</v>
      </c>
      <c r="H1465">
        <v>1069.3589999999999</v>
      </c>
      <c r="I1465">
        <v>1088.5540000000001</v>
      </c>
      <c r="J1465">
        <v>1102.6289999999999</v>
      </c>
      <c r="K1465">
        <v>1111.6690000000001</v>
      </c>
      <c r="L1465">
        <v>1118.7919999999999</v>
      </c>
      <c r="M1465">
        <v>1105.1300000000001</v>
      </c>
      <c r="N1465">
        <v>921.89099999999996</v>
      </c>
      <c r="O1465">
        <v>979.63699999999994</v>
      </c>
      <c r="P1465">
        <v>0</v>
      </c>
      <c r="Q1465">
        <v>0</v>
      </c>
      <c r="R1465">
        <v>1018.495</v>
      </c>
      <c r="S1465">
        <v>0</v>
      </c>
      <c r="T1465">
        <v>1053.4259999999999</v>
      </c>
      <c r="U1465">
        <v>1074.298</v>
      </c>
      <c r="V1465">
        <v>1084.529</v>
      </c>
      <c r="W1465">
        <v>1108.9680000000001</v>
      </c>
      <c r="X1465">
        <v>1137.761</v>
      </c>
      <c r="Y1465">
        <v>1151.673</v>
      </c>
    </row>
    <row r="1466" spans="1:25" x14ac:dyDescent="0.3">
      <c r="A1466">
        <v>39.233333332991847</v>
      </c>
      <c r="B1466">
        <v>934.90200000000004</v>
      </c>
      <c r="C1466">
        <v>968.40800000000002</v>
      </c>
      <c r="D1466">
        <v>958.90499999999997</v>
      </c>
      <c r="E1466">
        <v>1003.748</v>
      </c>
      <c r="F1466">
        <v>1020.476</v>
      </c>
      <c r="G1466">
        <v>1053.741</v>
      </c>
      <c r="H1466">
        <v>1071.652</v>
      </c>
      <c r="I1466">
        <v>1093.2539999999999</v>
      </c>
      <c r="J1466">
        <v>1106.9359999999999</v>
      </c>
      <c r="K1466">
        <v>1113.3320000000001</v>
      </c>
      <c r="L1466">
        <v>1117.942</v>
      </c>
      <c r="M1466">
        <v>1102.5920000000001</v>
      </c>
      <c r="N1466">
        <v>919.56600000000003</v>
      </c>
      <c r="O1466">
        <v>982.88400000000001</v>
      </c>
      <c r="P1466">
        <v>0</v>
      </c>
      <c r="Q1466">
        <v>0</v>
      </c>
      <c r="R1466">
        <v>1018.569</v>
      </c>
      <c r="S1466">
        <v>0</v>
      </c>
      <c r="T1466">
        <v>1053.8150000000001</v>
      </c>
      <c r="U1466">
        <v>1076.6659999999999</v>
      </c>
      <c r="V1466">
        <v>1088.816</v>
      </c>
      <c r="W1466">
        <v>1110.82</v>
      </c>
      <c r="X1466">
        <v>1139.6120000000001</v>
      </c>
      <c r="Y1466">
        <v>1148.0450000000001</v>
      </c>
    </row>
    <row r="1467" spans="1:25" x14ac:dyDescent="0.3">
      <c r="A1467">
        <v>39.250000003554547</v>
      </c>
      <c r="B1467">
        <v>937.25300000000004</v>
      </c>
      <c r="C1467">
        <v>969.90800000000002</v>
      </c>
      <c r="D1467">
        <v>960.62</v>
      </c>
      <c r="E1467">
        <v>1004.698</v>
      </c>
      <c r="F1467">
        <v>1022.42</v>
      </c>
      <c r="G1467">
        <v>1054.8920000000001</v>
      </c>
      <c r="H1467">
        <v>1077.1880000000001</v>
      </c>
      <c r="I1467">
        <v>1093.6469999999999</v>
      </c>
      <c r="J1467">
        <v>1104.3040000000001</v>
      </c>
      <c r="K1467">
        <v>1111.934</v>
      </c>
      <c r="L1467">
        <v>1116.941</v>
      </c>
      <c r="M1467">
        <v>1104.7919999999999</v>
      </c>
      <c r="N1467">
        <v>919.92399999999998</v>
      </c>
      <c r="O1467">
        <v>978.84</v>
      </c>
      <c r="P1467">
        <v>0</v>
      </c>
      <c r="Q1467">
        <v>0</v>
      </c>
      <c r="R1467">
        <v>1024.694</v>
      </c>
      <c r="S1467">
        <v>0</v>
      </c>
      <c r="T1467">
        <v>1057.49</v>
      </c>
      <c r="U1467">
        <v>1078.232</v>
      </c>
      <c r="V1467">
        <v>1089.172</v>
      </c>
      <c r="W1467">
        <v>1118.7360000000001</v>
      </c>
      <c r="X1467">
        <v>1141.635</v>
      </c>
      <c r="Y1467">
        <v>1151.712</v>
      </c>
    </row>
    <row r="1468" spans="1:25" x14ac:dyDescent="0.3">
      <c r="A1468">
        <v>39.283333334202567</v>
      </c>
      <c r="B1468">
        <v>930.56700000000001</v>
      </c>
      <c r="C1468">
        <v>967.25300000000004</v>
      </c>
      <c r="D1468">
        <v>958.18499999999995</v>
      </c>
      <c r="E1468">
        <v>1002.288</v>
      </c>
      <c r="F1468">
        <v>1024.0350000000001</v>
      </c>
      <c r="G1468">
        <v>1053.298</v>
      </c>
      <c r="H1468">
        <v>1072.828</v>
      </c>
      <c r="I1468">
        <v>1090.222</v>
      </c>
      <c r="J1468">
        <v>1100.2429999999999</v>
      </c>
      <c r="K1468">
        <v>1109.952</v>
      </c>
      <c r="L1468">
        <v>1116.413</v>
      </c>
      <c r="M1468">
        <v>1102.6880000000001</v>
      </c>
      <c r="N1468">
        <v>918.87199999999996</v>
      </c>
      <c r="O1468">
        <v>982.54</v>
      </c>
      <c r="P1468">
        <v>0</v>
      </c>
      <c r="Q1468">
        <v>0</v>
      </c>
      <c r="R1468">
        <v>1032.127</v>
      </c>
      <c r="S1468">
        <v>0</v>
      </c>
      <c r="T1468">
        <v>1057.51</v>
      </c>
      <c r="U1468">
        <v>1079.277</v>
      </c>
      <c r="V1468">
        <v>1090.0530000000001</v>
      </c>
      <c r="W1468">
        <v>1115.979</v>
      </c>
      <c r="X1468">
        <v>1136.011</v>
      </c>
      <c r="Y1468">
        <v>1151.1379999999999</v>
      </c>
    </row>
    <row r="1469" spans="1:25" x14ac:dyDescent="0.3">
      <c r="A1469">
        <v>39.300000004765266</v>
      </c>
      <c r="B1469">
        <v>910.76</v>
      </c>
      <c r="C1469">
        <v>963.96299999999997</v>
      </c>
      <c r="D1469">
        <v>961.27</v>
      </c>
      <c r="E1469">
        <v>1000.295</v>
      </c>
      <c r="F1469">
        <v>1020.9160000000001</v>
      </c>
      <c r="G1469">
        <v>1049.6369999999999</v>
      </c>
      <c r="H1469">
        <v>1070.124</v>
      </c>
      <c r="I1469">
        <v>1084.3610000000001</v>
      </c>
      <c r="J1469">
        <v>1094.133</v>
      </c>
      <c r="K1469">
        <v>1105.9770000000001</v>
      </c>
      <c r="L1469">
        <v>1113.7670000000001</v>
      </c>
      <c r="M1469">
        <v>1100.655</v>
      </c>
      <c r="N1469">
        <v>917.73</v>
      </c>
      <c r="O1469">
        <v>978.76700000000005</v>
      </c>
      <c r="P1469">
        <v>0</v>
      </c>
      <c r="Q1469">
        <v>0</v>
      </c>
      <c r="R1469">
        <v>1032.8989999999999</v>
      </c>
      <c r="S1469">
        <v>0</v>
      </c>
      <c r="T1469">
        <v>1055.2629999999999</v>
      </c>
      <c r="U1469">
        <v>1077.5419999999999</v>
      </c>
      <c r="V1469">
        <v>1097.5150000000001</v>
      </c>
      <c r="W1469">
        <v>1117.942</v>
      </c>
      <c r="X1469">
        <v>1134.1880000000001</v>
      </c>
      <c r="Y1469">
        <v>1145.298</v>
      </c>
    </row>
    <row r="1470" spans="1:25" x14ac:dyDescent="0.3">
      <c r="A1470">
        <v>39.333333335413286</v>
      </c>
      <c r="B1470">
        <v>911.88400000000001</v>
      </c>
      <c r="C1470">
        <v>964.09</v>
      </c>
      <c r="D1470">
        <v>962.24699999999996</v>
      </c>
      <c r="E1470">
        <v>1000.862</v>
      </c>
      <c r="F1470">
        <v>1020.917</v>
      </c>
      <c r="G1470">
        <v>1050.432</v>
      </c>
      <c r="H1470">
        <v>1063.4490000000001</v>
      </c>
      <c r="I1470">
        <v>1078.829</v>
      </c>
      <c r="J1470">
        <v>1090.259</v>
      </c>
      <c r="K1470">
        <v>1104.2850000000001</v>
      </c>
      <c r="L1470">
        <v>1112.9549999999999</v>
      </c>
      <c r="M1470">
        <v>1098.3050000000001</v>
      </c>
      <c r="N1470">
        <v>918.23</v>
      </c>
      <c r="O1470">
        <v>985.18799999999999</v>
      </c>
      <c r="P1470">
        <v>0</v>
      </c>
      <c r="Q1470">
        <v>0</v>
      </c>
      <c r="R1470">
        <v>1026.6949999999999</v>
      </c>
      <c r="S1470">
        <v>0</v>
      </c>
      <c r="T1470">
        <v>1053.9090000000001</v>
      </c>
      <c r="U1470">
        <v>1081.5150000000001</v>
      </c>
      <c r="V1470">
        <v>1095.56</v>
      </c>
      <c r="W1470">
        <v>1116.0540000000001</v>
      </c>
      <c r="X1470">
        <v>1131.93</v>
      </c>
      <c r="Y1470">
        <v>1147.835</v>
      </c>
    </row>
    <row r="1471" spans="1:25" x14ac:dyDescent="0.3">
      <c r="A1471">
        <v>39.366666666061306</v>
      </c>
      <c r="B1471">
        <v>921.57100000000003</v>
      </c>
      <c r="C1471">
        <v>966.63900000000001</v>
      </c>
      <c r="D1471">
        <v>966.11500000000001</v>
      </c>
      <c r="E1471">
        <v>1002.361</v>
      </c>
      <c r="F1471">
        <v>1023.962</v>
      </c>
      <c r="G1471">
        <v>1052.152</v>
      </c>
      <c r="H1471">
        <v>1064.99</v>
      </c>
      <c r="I1471">
        <v>1078.923</v>
      </c>
      <c r="J1471">
        <v>1093.367</v>
      </c>
      <c r="K1471">
        <v>1107.3320000000001</v>
      </c>
      <c r="L1471">
        <v>1114.9580000000001</v>
      </c>
      <c r="M1471">
        <v>1101.4090000000001</v>
      </c>
      <c r="N1471">
        <v>913.13199999999995</v>
      </c>
      <c r="O1471">
        <v>977.46199999999999</v>
      </c>
      <c r="P1471">
        <v>0</v>
      </c>
      <c r="Q1471">
        <v>0</v>
      </c>
      <c r="R1471">
        <v>1021.376</v>
      </c>
      <c r="S1471">
        <v>0</v>
      </c>
      <c r="T1471">
        <v>1057.213</v>
      </c>
      <c r="U1471">
        <v>1080.5630000000001</v>
      </c>
      <c r="V1471">
        <v>1094.3409999999999</v>
      </c>
      <c r="W1471">
        <v>1115.223</v>
      </c>
      <c r="X1471">
        <v>1135.0619999999999</v>
      </c>
      <c r="Y1471">
        <v>1144.5740000000001</v>
      </c>
    </row>
    <row r="1472" spans="1:25" x14ac:dyDescent="0.3">
      <c r="A1472">
        <v>39.383333336624005</v>
      </c>
      <c r="B1472">
        <v>931.78300000000002</v>
      </c>
      <c r="C1472">
        <v>967.92</v>
      </c>
      <c r="D1472">
        <v>963.89099999999996</v>
      </c>
      <c r="E1472">
        <v>1004.735</v>
      </c>
      <c r="F1472">
        <v>1029.2529999999999</v>
      </c>
      <c r="G1472">
        <v>1054.354</v>
      </c>
      <c r="H1472">
        <v>1069.415</v>
      </c>
      <c r="I1472">
        <v>1086.289</v>
      </c>
      <c r="J1472">
        <v>1095.8230000000001</v>
      </c>
      <c r="K1472">
        <v>1110.2909999999999</v>
      </c>
      <c r="L1472">
        <v>1117.527</v>
      </c>
      <c r="M1472">
        <v>1106.711</v>
      </c>
      <c r="N1472">
        <v>911.54399999999998</v>
      </c>
      <c r="O1472">
        <v>977.57</v>
      </c>
      <c r="P1472">
        <v>0</v>
      </c>
      <c r="Q1472">
        <v>0</v>
      </c>
      <c r="R1472">
        <v>1021.43</v>
      </c>
      <c r="S1472">
        <v>0</v>
      </c>
      <c r="T1472">
        <v>1053.797</v>
      </c>
      <c r="U1472">
        <v>1079.146</v>
      </c>
      <c r="V1472">
        <v>1090.9880000000001</v>
      </c>
      <c r="W1472">
        <v>1113.3140000000001</v>
      </c>
      <c r="X1472">
        <v>1134.7950000000001</v>
      </c>
      <c r="Y1472">
        <v>1152.5940000000001</v>
      </c>
    </row>
    <row r="1473" spans="1:25" x14ac:dyDescent="0.3">
      <c r="A1473">
        <v>39.416666667272025</v>
      </c>
      <c r="B1473">
        <v>939.38900000000001</v>
      </c>
      <c r="C1473">
        <v>969.92700000000002</v>
      </c>
      <c r="D1473">
        <v>962.048</v>
      </c>
      <c r="E1473">
        <v>1002.635</v>
      </c>
      <c r="F1473">
        <v>1027.3019999999999</v>
      </c>
      <c r="G1473">
        <v>1055.579</v>
      </c>
      <c r="H1473">
        <v>1069.248</v>
      </c>
      <c r="I1473">
        <v>1091.326</v>
      </c>
      <c r="J1473">
        <v>1102.2919999999999</v>
      </c>
      <c r="K1473">
        <v>1109.7059999999999</v>
      </c>
      <c r="L1473">
        <v>1118</v>
      </c>
      <c r="M1473">
        <v>1105.7329999999999</v>
      </c>
      <c r="N1473">
        <v>909.10299999999995</v>
      </c>
      <c r="O1473">
        <v>982.46699999999998</v>
      </c>
      <c r="P1473">
        <v>0</v>
      </c>
      <c r="Q1473">
        <v>0</v>
      </c>
      <c r="R1473">
        <v>1024.97</v>
      </c>
      <c r="S1473">
        <v>0</v>
      </c>
      <c r="T1473">
        <v>1055.895</v>
      </c>
      <c r="U1473">
        <v>1078.643</v>
      </c>
      <c r="V1473">
        <v>1088.854</v>
      </c>
      <c r="W1473">
        <v>1111.33</v>
      </c>
      <c r="X1473">
        <v>1136.79</v>
      </c>
      <c r="Y1473">
        <v>1151.1759999999999</v>
      </c>
    </row>
    <row r="1474" spans="1:25" x14ac:dyDescent="0.3">
      <c r="A1474">
        <v>39.433333337834725</v>
      </c>
      <c r="B1474">
        <v>936.05100000000004</v>
      </c>
      <c r="C1474">
        <v>972.36699999999996</v>
      </c>
      <c r="D1474">
        <v>961.68700000000001</v>
      </c>
      <c r="E1474">
        <v>998.327</v>
      </c>
      <c r="F1474">
        <v>1025.0429999999999</v>
      </c>
      <c r="G1474">
        <v>1056.0989999999999</v>
      </c>
      <c r="H1474">
        <v>1070.385</v>
      </c>
      <c r="I1474">
        <v>1088.8920000000001</v>
      </c>
      <c r="J1474">
        <v>1104.53</v>
      </c>
      <c r="K1474">
        <v>1111.1980000000001</v>
      </c>
      <c r="L1474">
        <v>1120.3040000000001</v>
      </c>
      <c r="M1474">
        <v>1106.617</v>
      </c>
      <c r="N1474">
        <v>909.01300000000003</v>
      </c>
      <c r="O1474">
        <v>988.68</v>
      </c>
      <c r="P1474">
        <v>0</v>
      </c>
      <c r="Q1474">
        <v>0</v>
      </c>
      <c r="R1474">
        <v>1028.3699999999999</v>
      </c>
      <c r="S1474">
        <v>0</v>
      </c>
      <c r="T1474">
        <v>1058.883</v>
      </c>
      <c r="U1474">
        <v>1079.5940000000001</v>
      </c>
      <c r="V1474">
        <v>1087.9559999999999</v>
      </c>
      <c r="W1474">
        <v>1111.633</v>
      </c>
      <c r="X1474">
        <v>1139.8040000000001</v>
      </c>
      <c r="Y1474">
        <v>1149.19</v>
      </c>
    </row>
    <row r="1475" spans="1:25" x14ac:dyDescent="0.3">
      <c r="A1475">
        <v>39.466666668482745</v>
      </c>
      <c r="B1475">
        <v>944.23400000000004</v>
      </c>
      <c r="C1475">
        <v>972.83699999999999</v>
      </c>
      <c r="D1475">
        <v>964.75800000000004</v>
      </c>
      <c r="E1475">
        <v>1003.2</v>
      </c>
      <c r="F1475">
        <v>1025.905</v>
      </c>
      <c r="G1475">
        <v>1059.4760000000001</v>
      </c>
      <c r="H1475">
        <v>1071.4469999999999</v>
      </c>
      <c r="I1475">
        <v>1091.662</v>
      </c>
      <c r="J1475">
        <v>1104.623</v>
      </c>
      <c r="K1475">
        <v>1113.4459999999999</v>
      </c>
      <c r="L1475">
        <v>1125.665</v>
      </c>
      <c r="M1475">
        <v>1108.9490000000001</v>
      </c>
      <c r="N1475">
        <v>911.40200000000004</v>
      </c>
      <c r="O1475">
        <v>977.00800000000004</v>
      </c>
      <c r="P1475">
        <v>0</v>
      </c>
      <c r="Q1475">
        <v>0</v>
      </c>
      <c r="R1475">
        <v>1028.001</v>
      </c>
      <c r="S1475">
        <v>0</v>
      </c>
      <c r="T1475">
        <v>1060.423</v>
      </c>
      <c r="U1475">
        <v>1083.3679999999999</v>
      </c>
      <c r="V1475">
        <v>1091.606</v>
      </c>
      <c r="W1475">
        <v>1110.8389999999999</v>
      </c>
      <c r="X1475">
        <v>1137.152</v>
      </c>
      <c r="Y1475">
        <v>1150.3910000000001</v>
      </c>
    </row>
    <row r="1476" spans="1:25" x14ac:dyDescent="0.3">
      <c r="A1476">
        <v>39.499999999130765</v>
      </c>
      <c r="B1476">
        <v>945.077</v>
      </c>
      <c r="C1476">
        <v>974.52300000000002</v>
      </c>
      <c r="D1476">
        <v>959.77099999999996</v>
      </c>
      <c r="E1476">
        <v>1003.365</v>
      </c>
      <c r="F1476">
        <v>1026.713</v>
      </c>
      <c r="G1476">
        <v>1062.52</v>
      </c>
      <c r="H1476">
        <v>1072.0429999999999</v>
      </c>
      <c r="I1476">
        <v>1093.066</v>
      </c>
      <c r="J1476">
        <v>1105.9960000000001</v>
      </c>
      <c r="K1476">
        <v>1113.3510000000001</v>
      </c>
      <c r="L1476">
        <v>1124.7349999999999</v>
      </c>
      <c r="M1476">
        <v>1106.5219999999999</v>
      </c>
      <c r="N1476">
        <v>910.26099999999997</v>
      </c>
      <c r="O1476">
        <v>980.56200000000001</v>
      </c>
      <c r="P1476">
        <v>0</v>
      </c>
      <c r="Q1476">
        <v>0</v>
      </c>
      <c r="R1476">
        <v>1029.2529999999999</v>
      </c>
      <c r="S1476">
        <v>0</v>
      </c>
      <c r="T1476">
        <v>1060.144</v>
      </c>
      <c r="U1476">
        <v>1087.6369999999999</v>
      </c>
      <c r="V1476">
        <v>1095.5409999999999</v>
      </c>
      <c r="W1476">
        <v>1113.521</v>
      </c>
      <c r="X1476">
        <v>1139.155</v>
      </c>
      <c r="Y1476">
        <v>1153.7639999999999</v>
      </c>
    </row>
    <row r="1477" spans="1:25" x14ac:dyDescent="0.3">
      <c r="A1477">
        <v>39.516666669693464</v>
      </c>
      <c r="B1477">
        <v>949.54100000000005</v>
      </c>
      <c r="C1477">
        <v>974.923</v>
      </c>
      <c r="D1477">
        <v>960.42200000000003</v>
      </c>
      <c r="E1477">
        <v>1003.348</v>
      </c>
      <c r="F1477">
        <v>1027.0820000000001</v>
      </c>
      <c r="G1477">
        <v>1061.259</v>
      </c>
      <c r="H1477">
        <v>1071.336</v>
      </c>
      <c r="I1477">
        <v>1090.7270000000001</v>
      </c>
      <c r="J1477">
        <v>1103.6469999999999</v>
      </c>
      <c r="K1477">
        <v>1110.3109999999999</v>
      </c>
      <c r="L1477">
        <v>1120.0409999999999</v>
      </c>
      <c r="M1477">
        <v>1102.537</v>
      </c>
      <c r="N1477">
        <v>913.399</v>
      </c>
      <c r="O1477">
        <v>986.66</v>
      </c>
      <c r="P1477">
        <v>0</v>
      </c>
      <c r="Q1477">
        <v>0</v>
      </c>
      <c r="R1477">
        <v>1031.6300000000001</v>
      </c>
      <c r="S1477">
        <v>0</v>
      </c>
      <c r="T1477">
        <v>1060.8320000000001</v>
      </c>
      <c r="U1477">
        <v>1083.444</v>
      </c>
      <c r="V1477">
        <v>1093.2360000000001</v>
      </c>
      <c r="W1477">
        <v>1115.412</v>
      </c>
      <c r="X1477">
        <v>1138.6410000000001</v>
      </c>
      <c r="Y1477">
        <v>1149.5340000000001</v>
      </c>
    </row>
    <row r="1478" spans="1:25" x14ac:dyDescent="0.3">
      <c r="A1478">
        <v>39.550000000341484</v>
      </c>
      <c r="B1478">
        <v>934.471</v>
      </c>
      <c r="C1478">
        <v>973.67100000000005</v>
      </c>
      <c r="D1478">
        <v>957.24800000000005</v>
      </c>
      <c r="E1478">
        <v>1001.099</v>
      </c>
      <c r="F1478">
        <v>1024.4739999999999</v>
      </c>
      <c r="G1478">
        <v>1062.223</v>
      </c>
      <c r="H1478">
        <v>1067.8869999999999</v>
      </c>
      <c r="I1478">
        <v>1087.5809999999999</v>
      </c>
      <c r="J1478">
        <v>1103.5509999999999</v>
      </c>
      <c r="K1478">
        <v>1114.4849999999999</v>
      </c>
      <c r="L1478">
        <v>1123.3109999999999</v>
      </c>
      <c r="M1478">
        <v>1107.7449999999999</v>
      </c>
      <c r="N1478">
        <v>917.10599999999999</v>
      </c>
      <c r="O1478">
        <v>978.11400000000003</v>
      </c>
      <c r="P1478">
        <v>0</v>
      </c>
      <c r="Q1478">
        <v>0</v>
      </c>
      <c r="R1478">
        <v>1033.028</v>
      </c>
      <c r="S1478">
        <v>0</v>
      </c>
      <c r="T1478">
        <v>1065.4159999999999</v>
      </c>
      <c r="U1478">
        <v>1084.0989999999999</v>
      </c>
      <c r="V1478">
        <v>1091.0260000000001</v>
      </c>
      <c r="W1478">
        <v>1114.4469999999999</v>
      </c>
      <c r="X1478">
        <v>1139.8409999999999</v>
      </c>
      <c r="Y1478">
        <v>1152.633</v>
      </c>
    </row>
    <row r="1479" spans="1:25" x14ac:dyDescent="0.3">
      <c r="A1479">
        <v>39.583333330989504</v>
      </c>
      <c r="B1479">
        <v>937.99</v>
      </c>
      <c r="C1479">
        <v>974.08900000000006</v>
      </c>
      <c r="D1479">
        <v>955.64599999999996</v>
      </c>
      <c r="E1479">
        <v>1000.114</v>
      </c>
      <c r="F1479">
        <v>1019.487</v>
      </c>
      <c r="G1479">
        <v>1056.712</v>
      </c>
      <c r="H1479">
        <v>1068.633</v>
      </c>
      <c r="I1479">
        <v>1089.585</v>
      </c>
      <c r="J1479">
        <v>1107.2380000000001</v>
      </c>
      <c r="K1479">
        <v>1119.4359999999999</v>
      </c>
      <c r="L1479">
        <v>1127.7919999999999</v>
      </c>
      <c r="M1479">
        <v>1111.595</v>
      </c>
      <c r="N1479">
        <v>911.97299999999996</v>
      </c>
      <c r="O1479">
        <v>977.35299999999995</v>
      </c>
      <c r="P1479">
        <v>0</v>
      </c>
      <c r="Q1479">
        <v>0</v>
      </c>
      <c r="R1479">
        <v>1032.55</v>
      </c>
      <c r="S1479">
        <v>0</v>
      </c>
      <c r="T1479">
        <v>1063.5609999999999</v>
      </c>
      <c r="U1479">
        <v>1083.7070000000001</v>
      </c>
      <c r="V1479">
        <v>1092.5989999999999</v>
      </c>
      <c r="W1479">
        <v>1114.0889999999999</v>
      </c>
      <c r="X1479">
        <v>1137.057</v>
      </c>
      <c r="Y1479">
        <v>1156.43</v>
      </c>
    </row>
    <row r="1480" spans="1:25" x14ac:dyDescent="0.3">
      <c r="A1480">
        <v>39.600000001552203</v>
      </c>
      <c r="B1480">
        <v>937.21699999999998</v>
      </c>
      <c r="C1480">
        <v>974.197</v>
      </c>
      <c r="D1480">
        <v>953.59299999999996</v>
      </c>
      <c r="E1480">
        <v>998.85500000000002</v>
      </c>
      <c r="F1480">
        <v>1020.66</v>
      </c>
      <c r="G1480">
        <v>1054.28</v>
      </c>
      <c r="H1480">
        <v>1066.7529999999999</v>
      </c>
      <c r="I1480">
        <v>1089.566</v>
      </c>
      <c r="J1480">
        <v>1104.624</v>
      </c>
      <c r="K1480">
        <v>1115.808</v>
      </c>
      <c r="L1480">
        <v>1125.115</v>
      </c>
      <c r="M1480">
        <v>1111.8779999999999</v>
      </c>
      <c r="N1480">
        <v>913.47</v>
      </c>
      <c r="O1480">
        <v>983.24699999999996</v>
      </c>
      <c r="P1480">
        <v>0</v>
      </c>
      <c r="Q1480">
        <v>0</v>
      </c>
      <c r="R1480">
        <v>1031.6469999999999</v>
      </c>
      <c r="S1480">
        <v>0</v>
      </c>
      <c r="T1480">
        <v>1064.2840000000001</v>
      </c>
      <c r="U1480">
        <v>1082.9939999999999</v>
      </c>
      <c r="V1480">
        <v>1090.4459999999999</v>
      </c>
      <c r="W1480">
        <v>1111.066</v>
      </c>
      <c r="X1480">
        <v>1136.2570000000001</v>
      </c>
      <c r="Y1480">
        <v>1156.8520000000001</v>
      </c>
    </row>
    <row r="1481" spans="1:25" x14ac:dyDescent="0.3">
      <c r="A1481">
        <v>39.633333332200223</v>
      </c>
      <c r="B1481">
        <v>938.74300000000005</v>
      </c>
      <c r="C1481">
        <v>970.577</v>
      </c>
      <c r="D1481">
        <v>954.601</v>
      </c>
      <c r="E1481">
        <v>998.70899999999995</v>
      </c>
      <c r="F1481">
        <v>1019.816</v>
      </c>
      <c r="G1481">
        <v>1050.857</v>
      </c>
      <c r="H1481">
        <v>1064.7670000000001</v>
      </c>
      <c r="I1481">
        <v>1086.5889999999999</v>
      </c>
      <c r="J1481">
        <v>1097.008</v>
      </c>
      <c r="K1481">
        <v>1111.425</v>
      </c>
      <c r="L1481">
        <v>1125.115</v>
      </c>
      <c r="M1481">
        <v>1110.7829999999999</v>
      </c>
      <c r="N1481">
        <v>910.81399999999996</v>
      </c>
      <c r="O1481">
        <v>977.20799999999997</v>
      </c>
      <c r="P1481">
        <v>0</v>
      </c>
      <c r="Q1481">
        <v>0</v>
      </c>
      <c r="R1481">
        <v>1035.6610000000001</v>
      </c>
      <c r="S1481">
        <v>0</v>
      </c>
      <c r="T1481">
        <v>1060.739</v>
      </c>
      <c r="U1481">
        <v>1080.8610000000001</v>
      </c>
      <c r="V1481">
        <v>1089.547</v>
      </c>
      <c r="W1481">
        <v>1108.1400000000001</v>
      </c>
      <c r="X1481">
        <v>1134.3969999999999</v>
      </c>
      <c r="Y1481">
        <v>1149.5139999999999</v>
      </c>
    </row>
    <row r="1482" spans="1:25" x14ac:dyDescent="0.3">
      <c r="A1482">
        <v>39.650000002762923</v>
      </c>
      <c r="B1482">
        <v>941.14800000000002</v>
      </c>
      <c r="C1482">
        <v>970.74099999999999</v>
      </c>
      <c r="D1482">
        <v>959.15800000000002</v>
      </c>
      <c r="E1482">
        <v>1001.722</v>
      </c>
      <c r="F1482">
        <v>1023.008</v>
      </c>
      <c r="G1482">
        <v>1053.5940000000001</v>
      </c>
      <c r="H1482">
        <v>1067.069</v>
      </c>
      <c r="I1482">
        <v>1085.597</v>
      </c>
      <c r="J1482">
        <v>1100.694</v>
      </c>
      <c r="K1482">
        <v>1115.6569999999999</v>
      </c>
      <c r="L1482">
        <v>1126.027</v>
      </c>
      <c r="M1482">
        <v>1111.9169999999999</v>
      </c>
      <c r="N1482">
        <v>911.13499999999999</v>
      </c>
      <c r="O1482">
        <v>980.87199999999996</v>
      </c>
      <c r="P1482">
        <v>0</v>
      </c>
      <c r="Q1482">
        <v>0</v>
      </c>
      <c r="R1482">
        <v>1030.1199999999999</v>
      </c>
      <c r="S1482">
        <v>0</v>
      </c>
      <c r="T1482">
        <v>1061.76</v>
      </c>
      <c r="U1482">
        <v>1081.5719999999999</v>
      </c>
      <c r="V1482">
        <v>1089.81</v>
      </c>
      <c r="W1482">
        <v>1115.204</v>
      </c>
      <c r="X1482">
        <v>1145.6420000000001</v>
      </c>
      <c r="Y1482">
        <v>1158.06</v>
      </c>
    </row>
    <row r="1483" spans="1:25" x14ac:dyDescent="0.3">
      <c r="A1483">
        <v>39.683333333410943</v>
      </c>
      <c r="B1483">
        <v>940.59199999999998</v>
      </c>
      <c r="C1483">
        <v>973.47299999999996</v>
      </c>
      <c r="D1483">
        <v>960.56700000000001</v>
      </c>
      <c r="E1483">
        <v>1002.837</v>
      </c>
      <c r="F1483">
        <v>1022.752</v>
      </c>
      <c r="G1483">
        <v>1053.6310000000001</v>
      </c>
      <c r="H1483">
        <v>1067.8320000000001</v>
      </c>
      <c r="I1483">
        <v>1082.0029999999999</v>
      </c>
      <c r="J1483">
        <v>1098.231</v>
      </c>
      <c r="K1483">
        <v>1115.0350000000001</v>
      </c>
      <c r="L1483">
        <v>1123.749</v>
      </c>
      <c r="M1483">
        <v>1108.2170000000001</v>
      </c>
      <c r="N1483">
        <v>910.35199999999998</v>
      </c>
      <c r="O1483">
        <v>977.89800000000002</v>
      </c>
      <c r="P1483">
        <v>0</v>
      </c>
      <c r="Q1483">
        <v>0</v>
      </c>
      <c r="R1483">
        <v>1030.5070000000001</v>
      </c>
      <c r="S1483">
        <v>0</v>
      </c>
      <c r="T1483">
        <v>1064.6559999999999</v>
      </c>
      <c r="U1483">
        <v>1085.2049999999999</v>
      </c>
      <c r="V1483">
        <v>1090.4469999999999</v>
      </c>
      <c r="W1483">
        <v>1114.713</v>
      </c>
      <c r="X1483">
        <v>1141.1600000000001</v>
      </c>
      <c r="Y1483">
        <v>1157.6579999999999</v>
      </c>
    </row>
    <row r="1484" spans="1:25" x14ac:dyDescent="0.3">
      <c r="A1484">
        <v>39.716666664058963</v>
      </c>
      <c r="B1484">
        <v>938.16899999999998</v>
      </c>
      <c r="C1484">
        <v>975.37699999999995</v>
      </c>
      <c r="D1484">
        <v>962.51800000000003</v>
      </c>
      <c r="E1484">
        <v>1003.75</v>
      </c>
      <c r="F1484">
        <v>1023.357</v>
      </c>
      <c r="G1484">
        <v>1055.394</v>
      </c>
      <c r="H1484">
        <v>1068.9880000000001</v>
      </c>
      <c r="I1484">
        <v>1080.731</v>
      </c>
      <c r="J1484">
        <v>1100.4870000000001</v>
      </c>
      <c r="K1484">
        <v>1117.0930000000001</v>
      </c>
      <c r="L1484">
        <v>1126.2349999999999</v>
      </c>
      <c r="M1484">
        <v>1109.857</v>
      </c>
      <c r="N1484">
        <v>914.89700000000005</v>
      </c>
      <c r="O1484">
        <v>978.73199999999997</v>
      </c>
      <c r="P1484">
        <v>0</v>
      </c>
      <c r="Q1484">
        <v>0</v>
      </c>
      <c r="R1484">
        <v>1035.827</v>
      </c>
      <c r="S1484">
        <v>0</v>
      </c>
      <c r="T1484">
        <v>1067.8879999999999</v>
      </c>
      <c r="U1484">
        <v>1091.8130000000001</v>
      </c>
      <c r="V1484">
        <v>1100.5250000000001</v>
      </c>
      <c r="W1484">
        <v>1124.6410000000001</v>
      </c>
      <c r="X1484">
        <v>1148.962</v>
      </c>
      <c r="Y1484">
        <v>1159.6320000000001</v>
      </c>
    </row>
    <row r="1485" spans="1:25" x14ac:dyDescent="0.3">
      <c r="A1485">
        <v>39.733333334621662</v>
      </c>
      <c r="B1485">
        <v>932.51700000000005</v>
      </c>
      <c r="C1485">
        <v>974.61500000000001</v>
      </c>
      <c r="D1485">
        <v>960.67499999999995</v>
      </c>
      <c r="E1485">
        <v>1000.625</v>
      </c>
      <c r="F1485">
        <v>1019.34</v>
      </c>
      <c r="G1485">
        <v>1056.1179999999999</v>
      </c>
      <c r="H1485">
        <v>1069.3050000000001</v>
      </c>
      <c r="I1485">
        <v>1083.2950000000001</v>
      </c>
      <c r="J1485">
        <v>1105.828</v>
      </c>
      <c r="K1485">
        <v>1119.4169999999999</v>
      </c>
      <c r="L1485">
        <v>1127.431</v>
      </c>
      <c r="M1485">
        <v>1108.894</v>
      </c>
      <c r="N1485">
        <v>913.43499999999995</v>
      </c>
      <c r="O1485">
        <v>977.68</v>
      </c>
      <c r="P1485">
        <v>0</v>
      </c>
      <c r="Q1485">
        <v>0</v>
      </c>
      <c r="R1485">
        <v>1033.3789999999999</v>
      </c>
      <c r="S1485">
        <v>0</v>
      </c>
      <c r="T1485">
        <v>1067.2170000000001</v>
      </c>
      <c r="U1485">
        <v>1087.9000000000001</v>
      </c>
      <c r="V1485">
        <v>1096.3130000000001</v>
      </c>
      <c r="W1485">
        <v>1120.173</v>
      </c>
      <c r="X1485">
        <v>1146.634</v>
      </c>
      <c r="Y1485">
        <v>1155.855</v>
      </c>
    </row>
    <row r="1486" spans="1:25" x14ac:dyDescent="0.3">
      <c r="A1486">
        <v>39.766666665269682</v>
      </c>
      <c r="B1486">
        <v>931.64099999999996</v>
      </c>
      <c r="C1486">
        <v>973.18299999999999</v>
      </c>
      <c r="D1486">
        <v>964.95899999999995</v>
      </c>
      <c r="E1486">
        <v>1004.116</v>
      </c>
      <c r="F1486">
        <v>1025.0630000000001</v>
      </c>
      <c r="G1486">
        <v>1058.2529999999999</v>
      </c>
      <c r="H1486">
        <v>1073.797</v>
      </c>
      <c r="I1486">
        <v>1091.758</v>
      </c>
      <c r="J1486">
        <v>1109.1020000000001</v>
      </c>
      <c r="K1486">
        <v>1121.1179999999999</v>
      </c>
      <c r="L1486">
        <v>1128.3240000000001</v>
      </c>
      <c r="M1486">
        <v>1110.954</v>
      </c>
      <c r="N1486">
        <v>910.45899999999995</v>
      </c>
      <c r="O1486">
        <v>976.03</v>
      </c>
      <c r="P1486">
        <v>0</v>
      </c>
      <c r="Q1486">
        <v>0</v>
      </c>
      <c r="R1486">
        <v>1038.5709999999999</v>
      </c>
      <c r="S1486">
        <v>0</v>
      </c>
      <c r="T1486">
        <v>1068.1120000000001</v>
      </c>
      <c r="U1486">
        <v>1090.0160000000001</v>
      </c>
      <c r="V1486">
        <v>1099.134</v>
      </c>
      <c r="W1486">
        <v>1118.9639999999999</v>
      </c>
      <c r="X1486">
        <v>1141.3309999999999</v>
      </c>
      <c r="Y1486">
        <v>1152.27</v>
      </c>
    </row>
    <row r="1487" spans="1:25" x14ac:dyDescent="0.3">
      <c r="A1487">
        <v>39.783333335832381</v>
      </c>
      <c r="B1487">
        <v>924.16399999999999</v>
      </c>
      <c r="C1487">
        <v>974.81399999999996</v>
      </c>
      <c r="D1487">
        <v>967.48800000000006</v>
      </c>
      <c r="E1487">
        <v>1004.225</v>
      </c>
      <c r="F1487">
        <v>1026.9159999999999</v>
      </c>
      <c r="G1487">
        <v>1060.2940000000001</v>
      </c>
      <c r="H1487">
        <v>1073.6289999999999</v>
      </c>
      <c r="I1487">
        <v>1094.2660000000001</v>
      </c>
      <c r="J1487">
        <v>1110.462</v>
      </c>
      <c r="K1487">
        <v>1122.0050000000001</v>
      </c>
      <c r="L1487">
        <v>1130.6579999999999</v>
      </c>
      <c r="M1487">
        <v>1109.952</v>
      </c>
      <c r="N1487">
        <v>911.1</v>
      </c>
      <c r="O1487">
        <v>978.98599999999999</v>
      </c>
      <c r="P1487">
        <v>0</v>
      </c>
      <c r="Q1487">
        <v>0</v>
      </c>
      <c r="R1487">
        <v>1034.299</v>
      </c>
      <c r="S1487">
        <v>0</v>
      </c>
      <c r="T1487">
        <v>1060.3309999999999</v>
      </c>
      <c r="U1487">
        <v>1083.6320000000001</v>
      </c>
      <c r="V1487">
        <v>1094.5840000000001</v>
      </c>
      <c r="W1487">
        <v>1115.1469999999999</v>
      </c>
      <c r="X1487">
        <v>1136.4290000000001</v>
      </c>
      <c r="Y1487">
        <v>1151.1379999999999</v>
      </c>
    </row>
    <row r="1488" spans="1:25" x14ac:dyDescent="0.3">
      <c r="A1488">
        <v>39.816666666480401</v>
      </c>
      <c r="B1488">
        <v>926.75800000000004</v>
      </c>
      <c r="C1488">
        <v>973.99800000000005</v>
      </c>
      <c r="D1488">
        <v>966.928</v>
      </c>
      <c r="E1488">
        <v>1009.103</v>
      </c>
      <c r="F1488">
        <v>1035.68</v>
      </c>
      <c r="G1488">
        <v>1061.0740000000001</v>
      </c>
      <c r="H1488">
        <v>1073.48</v>
      </c>
      <c r="I1488">
        <v>1097.5160000000001</v>
      </c>
      <c r="J1488">
        <v>1112.3130000000001</v>
      </c>
      <c r="K1488">
        <v>1122.7049999999999</v>
      </c>
      <c r="L1488">
        <v>1128.172</v>
      </c>
      <c r="M1488">
        <v>1110.1600000000001</v>
      </c>
      <c r="N1488">
        <v>913.702</v>
      </c>
      <c r="O1488">
        <v>975.44899999999996</v>
      </c>
      <c r="P1488">
        <v>0</v>
      </c>
      <c r="Q1488">
        <v>0</v>
      </c>
      <c r="R1488">
        <v>1031.74</v>
      </c>
      <c r="S1488">
        <v>0</v>
      </c>
      <c r="T1488">
        <v>1059.9970000000001</v>
      </c>
      <c r="U1488">
        <v>1086.9269999999999</v>
      </c>
      <c r="V1488">
        <v>1096.933</v>
      </c>
      <c r="W1488">
        <v>1117.528</v>
      </c>
      <c r="X1488">
        <v>1141.979</v>
      </c>
      <c r="Y1488">
        <v>1158.175</v>
      </c>
    </row>
    <row r="1489" spans="1:25" x14ac:dyDescent="0.3">
      <c r="A1489">
        <v>39.849999997128421</v>
      </c>
      <c r="B1489">
        <v>932.35699999999997</v>
      </c>
      <c r="C1489">
        <v>974.779</v>
      </c>
      <c r="D1489">
        <v>967.23599999999999</v>
      </c>
      <c r="E1489">
        <v>1007.021</v>
      </c>
      <c r="F1489">
        <v>1034.355</v>
      </c>
      <c r="G1489">
        <v>1058.884</v>
      </c>
      <c r="H1489">
        <v>1073.425</v>
      </c>
      <c r="I1489">
        <v>1098.0619999999999</v>
      </c>
      <c r="J1489">
        <v>1112.163</v>
      </c>
      <c r="K1489">
        <v>1120.4570000000001</v>
      </c>
      <c r="L1489">
        <v>1127.413</v>
      </c>
      <c r="M1489">
        <v>1107.615</v>
      </c>
      <c r="N1489">
        <v>911.154</v>
      </c>
      <c r="O1489">
        <v>977.33600000000001</v>
      </c>
      <c r="P1489">
        <v>0</v>
      </c>
      <c r="Q1489">
        <v>0</v>
      </c>
      <c r="R1489">
        <v>1038.903</v>
      </c>
      <c r="S1489">
        <v>0</v>
      </c>
      <c r="T1489">
        <v>1066.1780000000001</v>
      </c>
      <c r="U1489">
        <v>1090.7650000000001</v>
      </c>
      <c r="V1489">
        <v>1100.751</v>
      </c>
      <c r="W1489">
        <v>1124.395</v>
      </c>
      <c r="X1489">
        <v>1148.4469999999999</v>
      </c>
      <c r="Y1489">
        <v>1158.713</v>
      </c>
    </row>
    <row r="1490" spans="1:25" x14ac:dyDescent="0.3">
      <c r="A1490">
        <v>39.866666667691121</v>
      </c>
      <c r="B1490">
        <v>930.33699999999999</v>
      </c>
      <c r="C1490">
        <v>975.16099999999994</v>
      </c>
      <c r="D1490">
        <v>969.20699999999999</v>
      </c>
      <c r="E1490">
        <v>1007.333</v>
      </c>
      <c r="F1490">
        <v>1031.153</v>
      </c>
      <c r="G1490">
        <v>1057.271</v>
      </c>
      <c r="H1490">
        <v>1070.5</v>
      </c>
      <c r="I1490">
        <v>1090.1120000000001</v>
      </c>
      <c r="J1490">
        <v>1105.548</v>
      </c>
      <c r="K1490">
        <v>1116.3589999999999</v>
      </c>
      <c r="L1490">
        <v>1126.598</v>
      </c>
      <c r="M1490">
        <v>1108.3309999999999</v>
      </c>
      <c r="N1490">
        <v>913.56200000000001</v>
      </c>
      <c r="O1490">
        <v>980.72900000000004</v>
      </c>
      <c r="P1490">
        <v>0</v>
      </c>
      <c r="Q1490">
        <v>0</v>
      </c>
      <c r="R1490">
        <v>1041.4690000000001</v>
      </c>
      <c r="S1490">
        <v>0</v>
      </c>
      <c r="T1490">
        <v>1067.405</v>
      </c>
      <c r="U1490">
        <v>1091.2719999999999</v>
      </c>
      <c r="V1490">
        <v>1103.874</v>
      </c>
      <c r="W1490">
        <v>1123.3330000000001</v>
      </c>
      <c r="X1490">
        <v>1146.865</v>
      </c>
      <c r="Y1490">
        <v>1157.8900000000001</v>
      </c>
    </row>
    <row r="1491" spans="1:25" x14ac:dyDescent="0.3">
      <c r="A1491">
        <v>39.89999999833914</v>
      </c>
      <c r="B1491">
        <v>925.72</v>
      </c>
      <c r="C1491">
        <v>975.83</v>
      </c>
      <c r="D1491">
        <v>970.99400000000003</v>
      </c>
      <c r="E1491">
        <v>1008.189</v>
      </c>
      <c r="F1491">
        <v>1032.2</v>
      </c>
      <c r="G1491">
        <v>1056.434</v>
      </c>
      <c r="H1491">
        <v>1069.155</v>
      </c>
      <c r="I1491">
        <v>1090.0160000000001</v>
      </c>
      <c r="J1491">
        <v>1106.5419999999999</v>
      </c>
      <c r="K1491">
        <v>1120.9849999999999</v>
      </c>
      <c r="L1491">
        <v>1127.7539999999999</v>
      </c>
      <c r="M1491">
        <v>1108.5920000000001</v>
      </c>
      <c r="N1491">
        <v>912.57899999999995</v>
      </c>
      <c r="O1491">
        <v>980.03800000000001</v>
      </c>
      <c r="P1491">
        <v>0</v>
      </c>
      <c r="Q1491">
        <v>0</v>
      </c>
      <c r="R1491">
        <v>1036.1400000000001</v>
      </c>
      <c r="S1491">
        <v>0</v>
      </c>
      <c r="T1491">
        <v>1064.3399999999999</v>
      </c>
      <c r="U1491">
        <v>1090.7090000000001</v>
      </c>
      <c r="V1491">
        <v>1103.2329999999999</v>
      </c>
      <c r="W1491">
        <v>1119.058</v>
      </c>
      <c r="X1491">
        <v>1141.693</v>
      </c>
      <c r="Y1491">
        <v>1155.0309999999999</v>
      </c>
    </row>
    <row r="1492" spans="1:25" x14ac:dyDescent="0.3">
      <c r="A1492">
        <v>39.91666666890184</v>
      </c>
      <c r="B1492">
        <v>938.22400000000005</v>
      </c>
      <c r="C1492">
        <v>978.96799999999996</v>
      </c>
      <c r="D1492">
        <v>971.32</v>
      </c>
      <c r="E1492">
        <v>1008.774</v>
      </c>
      <c r="F1492">
        <v>1035.3309999999999</v>
      </c>
      <c r="G1492">
        <v>1063.5429999999999</v>
      </c>
      <c r="H1492">
        <v>1079.6510000000001</v>
      </c>
      <c r="I1492">
        <v>1099.6610000000001</v>
      </c>
      <c r="J1492">
        <v>1114.9970000000001</v>
      </c>
      <c r="K1492">
        <v>1125.5719999999999</v>
      </c>
      <c r="L1492">
        <v>1130.1079999999999</v>
      </c>
      <c r="M1492">
        <v>1110.992</v>
      </c>
      <c r="N1492">
        <v>913.07899999999995</v>
      </c>
      <c r="O1492">
        <v>986.80600000000004</v>
      </c>
      <c r="P1492">
        <v>0</v>
      </c>
      <c r="Q1492">
        <v>0</v>
      </c>
      <c r="R1492">
        <v>1035.404</v>
      </c>
      <c r="S1492">
        <v>0</v>
      </c>
      <c r="T1492">
        <v>1065.751</v>
      </c>
      <c r="U1492">
        <v>1089.567</v>
      </c>
      <c r="V1492">
        <v>1099.4159999999999</v>
      </c>
      <c r="W1492">
        <v>1118.095</v>
      </c>
      <c r="X1492">
        <v>1144.269</v>
      </c>
      <c r="Y1492">
        <v>1161.0519999999999</v>
      </c>
    </row>
    <row r="1493" spans="1:25" x14ac:dyDescent="0.3">
      <c r="A1493">
        <v>39.94999999954986</v>
      </c>
      <c r="B1493">
        <v>947.23599999999999</v>
      </c>
      <c r="C1493">
        <v>979.149</v>
      </c>
      <c r="D1493">
        <v>969.87300000000005</v>
      </c>
      <c r="E1493">
        <v>1008.427</v>
      </c>
      <c r="F1493">
        <v>1035.864</v>
      </c>
      <c r="G1493">
        <v>1066.9939999999999</v>
      </c>
      <c r="H1493">
        <v>1078.7550000000001</v>
      </c>
      <c r="I1493">
        <v>1099.923</v>
      </c>
      <c r="J1493">
        <v>1112.7860000000001</v>
      </c>
      <c r="K1493">
        <v>1121.269</v>
      </c>
      <c r="L1493">
        <v>1127.355</v>
      </c>
      <c r="M1493">
        <v>1107.915</v>
      </c>
      <c r="N1493">
        <v>911.92</v>
      </c>
      <c r="O1493">
        <v>985.42399999999998</v>
      </c>
      <c r="P1493">
        <v>0</v>
      </c>
      <c r="Q1493">
        <v>0</v>
      </c>
      <c r="R1493">
        <v>1039.7860000000001</v>
      </c>
      <c r="S1493">
        <v>0</v>
      </c>
      <c r="T1493">
        <v>1065.1199999999999</v>
      </c>
      <c r="U1493">
        <v>1090.652</v>
      </c>
      <c r="V1493">
        <v>1098.8330000000001</v>
      </c>
      <c r="W1493">
        <v>1117.6790000000001</v>
      </c>
      <c r="X1493">
        <v>1143.3530000000001</v>
      </c>
      <c r="Y1493">
        <v>1155.548</v>
      </c>
    </row>
    <row r="1494" spans="1:25" x14ac:dyDescent="0.3">
      <c r="A1494">
        <v>39.98333333019788</v>
      </c>
      <c r="B1494">
        <v>947.596</v>
      </c>
      <c r="C1494">
        <v>977.89800000000002</v>
      </c>
      <c r="D1494">
        <v>971.89700000000005</v>
      </c>
      <c r="E1494">
        <v>1008.573</v>
      </c>
      <c r="F1494">
        <v>1031.7950000000001</v>
      </c>
      <c r="G1494">
        <v>1062.7629999999999</v>
      </c>
      <c r="H1494">
        <v>1072.1010000000001</v>
      </c>
      <c r="I1494">
        <v>1092.9549999999999</v>
      </c>
      <c r="J1494">
        <v>1108.6300000000001</v>
      </c>
      <c r="K1494">
        <v>1121.4390000000001</v>
      </c>
      <c r="L1494">
        <v>1129.0640000000001</v>
      </c>
      <c r="M1494">
        <v>1111.577</v>
      </c>
      <c r="N1494">
        <v>913.702</v>
      </c>
      <c r="O1494">
        <v>988.68</v>
      </c>
      <c r="P1494">
        <v>0</v>
      </c>
      <c r="Q1494">
        <v>0</v>
      </c>
      <c r="R1494">
        <v>1035.827</v>
      </c>
      <c r="S1494">
        <v>0</v>
      </c>
      <c r="T1494">
        <v>1066.4190000000001</v>
      </c>
      <c r="U1494">
        <v>1089.829</v>
      </c>
      <c r="V1494">
        <v>1097.4970000000001</v>
      </c>
      <c r="W1494">
        <v>1121.306</v>
      </c>
      <c r="X1494">
        <v>1149.4380000000001</v>
      </c>
      <c r="Y1494">
        <v>1159.134</v>
      </c>
    </row>
    <row r="1495" spans="1:25" x14ac:dyDescent="0.3">
      <c r="A1495">
        <v>40.000000000760579</v>
      </c>
      <c r="B1495">
        <v>946.42499999999995</v>
      </c>
      <c r="C1495">
        <v>980.18200000000002</v>
      </c>
      <c r="D1495">
        <v>976.19200000000001</v>
      </c>
      <c r="E1495">
        <v>1009.8150000000001</v>
      </c>
      <c r="F1495">
        <v>1029.8430000000001</v>
      </c>
      <c r="G1495">
        <v>1061.797</v>
      </c>
      <c r="H1495">
        <v>1075.903</v>
      </c>
      <c r="I1495">
        <v>1096.989</v>
      </c>
      <c r="J1495">
        <v>1113.0309999999999</v>
      </c>
      <c r="K1495">
        <v>1123.1220000000001</v>
      </c>
      <c r="L1495">
        <v>1129.7660000000001</v>
      </c>
      <c r="M1495">
        <v>1111.4059999999999</v>
      </c>
      <c r="N1495">
        <v>912.50800000000004</v>
      </c>
      <c r="O1495">
        <v>984.66200000000003</v>
      </c>
      <c r="P1495">
        <v>0</v>
      </c>
      <c r="Q1495">
        <v>0</v>
      </c>
      <c r="R1495">
        <v>1038.9749999999999</v>
      </c>
      <c r="S1495">
        <v>0</v>
      </c>
      <c r="T1495">
        <v>1063.43</v>
      </c>
      <c r="U1495">
        <v>1091.27</v>
      </c>
      <c r="V1495">
        <v>1099.829</v>
      </c>
      <c r="W1495">
        <v>1125.229</v>
      </c>
      <c r="X1495">
        <v>1147.3779999999999</v>
      </c>
      <c r="Y1495">
        <v>1159.44</v>
      </c>
    </row>
    <row r="1496" spans="1:25" x14ac:dyDescent="0.3">
      <c r="A1496">
        <v>40.033333331408599</v>
      </c>
      <c r="B1496">
        <v>945.00699999999995</v>
      </c>
      <c r="C1496">
        <v>979.80200000000002</v>
      </c>
      <c r="D1496">
        <v>975.12300000000005</v>
      </c>
      <c r="E1496">
        <v>1007.9160000000001</v>
      </c>
      <c r="F1496">
        <v>1029.586</v>
      </c>
      <c r="G1496">
        <v>1062.336</v>
      </c>
      <c r="H1496">
        <v>1076.7429999999999</v>
      </c>
      <c r="I1496">
        <v>1098.57</v>
      </c>
      <c r="J1496">
        <v>1116.0930000000001</v>
      </c>
      <c r="K1496">
        <v>1122.952</v>
      </c>
      <c r="L1496">
        <v>1128.6659999999999</v>
      </c>
      <c r="M1496">
        <v>1110.7460000000001</v>
      </c>
      <c r="N1496">
        <v>912.11599999999999</v>
      </c>
      <c r="O1496">
        <v>985.73299999999995</v>
      </c>
      <c r="P1496">
        <v>0</v>
      </c>
      <c r="Q1496">
        <v>0</v>
      </c>
      <c r="R1496">
        <v>1045.5530000000001</v>
      </c>
      <c r="S1496">
        <v>0</v>
      </c>
      <c r="T1496">
        <v>1063.636</v>
      </c>
      <c r="U1496">
        <v>1088.856</v>
      </c>
      <c r="V1496">
        <v>1101.654</v>
      </c>
      <c r="W1496">
        <v>1123.749</v>
      </c>
      <c r="X1496">
        <v>1149.2860000000001</v>
      </c>
      <c r="Y1496">
        <v>1159.518</v>
      </c>
    </row>
    <row r="1497" spans="1:25" x14ac:dyDescent="0.3">
      <c r="A1497">
        <v>40.066666672533998</v>
      </c>
      <c r="B1497">
        <v>948.73099999999999</v>
      </c>
      <c r="C1497">
        <v>979.33</v>
      </c>
      <c r="D1497">
        <v>974.08900000000006</v>
      </c>
      <c r="E1497">
        <v>1007.349</v>
      </c>
      <c r="F1497">
        <v>1029.144</v>
      </c>
      <c r="G1497">
        <v>1060.5170000000001</v>
      </c>
      <c r="H1497">
        <v>1075.7360000000001</v>
      </c>
      <c r="I1497">
        <v>1097.2909999999999</v>
      </c>
      <c r="J1497">
        <v>1115.374</v>
      </c>
      <c r="K1497">
        <v>1126.2349999999999</v>
      </c>
      <c r="L1497">
        <v>1131.8920000000001</v>
      </c>
      <c r="M1497">
        <v>1113.8820000000001</v>
      </c>
      <c r="N1497">
        <v>913.72</v>
      </c>
      <c r="O1497">
        <v>980.76300000000003</v>
      </c>
      <c r="P1497">
        <v>0</v>
      </c>
      <c r="Q1497">
        <v>0</v>
      </c>
      <c r="R1497">
        <v>1040.4870000000001</v>
      </c>
      <c r="S1497">
        <v>0</v>
      </c>
      <c r="T1497">
        <v>1065.547</v>
      </c>
      <c r="U1497">
        <v>1091.2329999999999</v>
      </c>
      <c r="V1497">
        <v>1100.713</v>
      </c>
      <c r="W1497">
        <v>1123.2360000000001</v>
      </c>
      <c r="X1497">
        <v>1153.037</v>
      </c>
      <c r="Y1497">
        <v>1163.8699999999999</v>
      </c>
    </row>
    <row r="1498" spans="1:25" x14ac:dyDescent="0.3">
      <c r="A1498">
        <v>40.083333332619318</v>
      </c>
      <c r="B1498">
        <v>948.67700000000002</v>
      </c>
      <c r="C1498">
        <v>980.20100000000002</v>
      </c>
      <c r="D1498">
        <v>970.95799999999997</v>
      </c>
      <c r="E1498">
        <v>1005.577</v>
      </c>
      <c r="F1498">
        <v>1025.76</v>
      </c>
      <c r="G1498">
        <v>1059.7380000000001</v>
      </c>
      <c r="H1498">
        <v>1072.9770000000001</v>
      </c>
      <c r="I1498">
        <v>1094.3219999999999</v>
      </c>
      <c r="J1498">
        <v>1114.6569999999999</v>
      </c>
      <c r="K1498">
        <v>1125.97</v>
      </c>
      <c r="L1498">
        <v>1134.095</v>
      </c>
      <c r="M1498">
        <v>1117.396</v>
      </c>
      <c r="N1498">
        <v>917.03700000000003</v>
      </c>
      <c r="O1498">
        <v>979.40300000000002</v>
      </c>
      <c r="P1498">
        <v>0</v>
      </c>
      <c r="Q1498">
        <v>0</v>
      </c>
      <c r="R1498">
        <v>1046.145</v>
      </c>
      <c r="S1498">
        <v>0</v>
      </c>
      <c r="T1498">
        <v>1069.454</v>
      </c>
      <c r="U1498">
        <v>1092.4880000000001</v>
      </c>
      <c r="V1498">
        <v>1103.5160000000001</v>
      </c>
      <c r="W1498">
        <v>1123.9960000000001</v>
      </c>
      <c r="X1498">
        <v>1148.943</v>
      </c>
      <c r="Y1498">
        <v>1163.3140000000001</v>
      </c>
    </row>
    <row r="1499" spans="1:25" x14ac:dyDescent="0.3">
      <c r="A1499">
        <v>40.116666663267338</v>
      </c>
      <c r="B1499">
        <v>951.77499999999998</v>
      </c>
      <c r="C1499">
        <v>980.36500000000001</v>
      </c>
      <c r="D1499">
        <v>968.91600000000005</v>
      </c>
      <c r="E1499">
        <v>1005.3579999999999</v>
      </c>
      <c r="F1499">
        <v>1026.53</v>
      </c>
      <c r="G1499">
        <v>1057.548</v>
      </c>
      <c r="H1499">
        <v>1074.2080000000001</v>
      </c>
      <c r="I1499">
        <v>1093.0119999999999</v>
      </c>
      <c r="J1499">
        <v>1114.883</v>
      </c>
      <c r="K1499">
        <v>1127.925</v>
      </c>
      <c r="L1499">
        <v>1137.8589999999999</v>
      </c>
      <c r="M1499">
        <v>1118.7</v>
      </c>
      <c r="N1499">
        <v>917.5</v>
      </c>
      <c r="O1499">
        <v>981.41700000000003</v>
      </c>
      <c r="P1499">
        <v>0</v>
      </c>
      <c r="Q1499">
        <v>0</v>
      </c>
      <c r="R1499">
        <v>1042.2629999999999</v>
      </c>
      <c r="S1499">
        <v>0</v>
      </c>
      <c r="T1499">
        <v>1069.3050000000001</v>
      </c>
      <c r="U1499">
        <v>1091.308</v>
      </c>
      <c r="V1499">
        <v>1104.0419999999999</v>
      </c>
      <c r="W1499">
        <v>1124.7739999999999</v>
      </c>
      <c r="X1499">
        <v>1149.3820000000001</v>
      </c>
      <c r="Y1499">
        <v>1161.0899999999999</v>
      </c>
    </row>
    <row r="1500" spans="1:25" x14ac:dyDescent="0.3">
      <c r="A1500">
        <v>40.133333333830038</v>
      </c>
      <c r="B1500">
        <v>950.62400000000002</v>
      </c>
      <c r="C1500">
        <v>982.25199999999995</v>
      </c>
      <c r="D1500">
        <v>970.30899999999997</v>
      </c>
      <c r="E1500">
        <v>1008.045</v>
      </c>
      <c r="F1500">
        <v>1027.1759999999999</v>
      </c>
      <c r="G1500">
        <v>1062.2639999999999</v>
      </c>
      <c r="H1500">
        <v>1075.999</v>
      </c>
      <c r="I1500">
        <v>1097.7819999999999</v>
      </c>
      <c r="J1500">
        <v>1114.1289999999999</v>
      </c>
      <c r="K1500">
        <v>1124.1690000000001</v>
      </c>
      <c r="L1500">
        <v>1133.7929999999999</v>
      </c>
      <c r="M1500">
        <v>1114.7719999999999</v>
      </c>
      <c r="N1500">
        <v>914.68499999999995</v>
      </c>
      <c r="O1500">
        <v>985.39</v>
      </c>
      <c r="P1500">
        <v>0</v>
      </c>
      <c r="Q1500">
        <v>0</v>
      </c>
      <c r="R1500">
        <v>1038.1489999999999</v>
      </c>
      <c r="S1500">
        <v>0</v>
      </c>
      <c r="T1500">
        <v>1064.9359999999999</v>
      </c>
      <c r="U1500">
        <v>1093.0319999999999</v>
      </c>
      <c r="V1500">
        <v>1103.7049999999999</v>
      </c>
      <c r="W1500">
        <v>1122.537</v>
      </c>
      <c r="X1500">
        <v>1147.056</v>
      </c>
      <c r="Y1500">
        <v>1155.5309999999999</v>
      </c>
    </row>
    <row r="1501" spans="1:25" x14ac:dyDescent="0.3">
      <c r="A1501">
        <v>40.166666664478058</v>
      </c>
      <c r="B1501">
        <v>947.596</v>
      </c>
      <c r="C1501">
        <v>983.10299999999995</v>
      </c>
      <c r="D1501">
        <v>973.67200000000003</v>
      </c>
      <c r="E1501">
        <v>1010.035</v>
      </c>
      <c r="F1501">
        <v>1027.0450000000001</v>
      </c>
      <c r="G1501">
        <v>1064.155</v>
      </c>
      <c r="H1501">
        <v>1075.866</v>
      </c>
      <c r="I1501">
        <v>1095.9929999999999</v>
      </c>
      <c r="J1501">
        <v>1113.05</v>
      </c>
      <c r="K1501">
        <v>1125.4570000000001</v>
      </c>
      <c r="L1501">
        <v>1133.126</v>
      </c>
      <c r="M1501">
        <v>1113.56</v>
      </c>
      <c r="N1501">
        <v>916.44799999999998</v>
      </c>
      <c r="O1501">
        <v>987.44200000000001</v>
      </c>
      <c r="P1501">
        <v>0</v>
      </c>
      <c r="Q1501">
        <v>0</v>
      </c>
      <c r="R1501">
        <v>1035.3489999999999</v>
      </c>
      <c r="S1501">
        <v>0</v>
      </c>
      <c r="T1501">
        <v>1066.4749999999999</v>
      </c>
      <c r="U1501">
        <v>1096.2190000000001</v>
      </c>
      <c r="V1501">
        <v>1108.2909999999999</v>
      </c>
      <c r="W1501">
        <v>1130.5440000000001</v>
      </c>
      <c r="X1501">
        <v>1153.4390000000001</v>
      </c>
      <c r="Y1501">
        <v>1155.472</v>
      </c>
    </row>
    <row r="1502" spans="1:25" x14ac:dyDescent="0.3">
      <c r="A1502">
        <v>40.200000005603457</v>
      </c>
      <c r="B1502">
        <v>943.39200000000005</v>
      </c>
      <c r="C1502">
        <v>983.26599999999996</v>
      </c>
      <c r="D1502">
        <v>973.20100000000002</v>
      </c>
      <c r="E1502">
        <v>1008.628</v>
      </c>
      <c r="F1502">
        <v>1027.1379999999999</v>
      </c>
      <c r="G1502">
        <v>1063.2829999999999</v>
      </c>
      <c r="H1502">
        <v>1075.7729999999999</v>
      </c>
      <c r="I1502">
        <v>1098.231</v>
      </c>
      <c r="J1502">
        <v>1115.394</v>
      </c>
      <c r="K1502">
        <v>1127.0519999999999</v>
      </c>
      <c r="L1502">
        <v>1132.8230000000001</v>
      </c>
      <c r="M1502">
        <v>1111.7850000000001</v>
      </c>
      <c r="N1502">
        <v>920.03300000000002</v>
      </c>
      <c r="O1502">
        <v>984.06399999999996</v>
      </c>
      <c r="P1502">
        <v>0</v>
      </c>
      <c r="Q1502">
        <v>0</v>
      </c>
      <c r="R1502">
        <v>1032.7349999999999</v>
      </c>
      <c r="S1502">
        <v>0</v>
      </c>
      <c r="T1502">
        <v>1064.6010000000001</v>
      </c>
      <c r="U1502">
        <v>1092.5250000000001</v>
      </c>
      <c r="V1502">
        <v>1101.992</v>
      </c>
      <c r="W1502">
        <v>1122.895</v>
      </c>
      <c r="X1502">
        <v>1146.0619999999999</v>
      </c>
      <c r="Y1502">
        <v>1158.693</v>
      </c>
    </row>
    <row r="1503" spans="1:25" x14ac:dyDescent="0.3">
      <c r="A1503">
        <v>40.216666665688777</v>
      </c>
      <c r="B1503">
        <v>952.245</v>
      </c>
      <c r="C1503">
        <v>984.26599999999996</v>
      </c>
      <c r="D1503">
        <v>976.59400000000005</v>
      </c>
      <c r="E1503">
        <v>1009.324</v>
      </c>
      <c r="F1503">
        <v>1026.7339999999999</v>
      </c>
      <c r="G1503">
        <v>1062.319</v>
      </c>
      <c r="H1503">
        <v>1077.21</v>
      </c>
      <c r="I1503">
        <v>1097.3489999999999</v>
      </c>
      <c r="J1503">
        <v>1116.8499999999999</v>
      </c>
      <c r="K1503">
        <v>1128.117</v>
      </c>
      <c r="L1503">
        <v>1133.6980000000001</v>
      </c>
      <c r="M1503">
        <v>1112.297</v>
      </c>
      <c r="N1503">
        <v>923.93399999999997</v>
      </c>
      <c r="O1503">
        <v>982.67</v>
      </c>
      <c r="P1503">
        <v>0</v>
      </c>
      <c r="Q1503">
        <v>0</v>
      </c>
      <c r="R1503">
        <v>1037.0820000000001</v>
      </c>
      <c r="S1503">
        <v>0</v>
      </c>
      <c r="T1503">
        <v>1069.0640000000001</v>
      </c>
      <c r="U1503">
        <v>1094.4549999999999</v>
      </c>
      <c r="V1503">
        <v>1106.2249999999999</v>
      </c>
      <c r="W1503">
        <v>1122.1400000000001</v>
      </c>
      <c r="X1503">
        <v>1141.2950000000001</v>
      </c>
      <c r="Y1503">
        <v>1152.828</v>
      </c>
    </row>
    <row r="1504" spans="1:25" x14ac:dyDescent="0.3">
      <c r="A1504">
        <v>40.249999996336797</v>
      </c>
      <c r="B1504">
        <v>950.678</v>
      </c>
      <c r="C1504">
        <v>983.63099999999997</v>
      </c>
      <c r="D1504">
        <v>977.24699999999996</v>
      </c>
      <c r="E1504">
        <v>1009.836</v>
      </c>
      <c r="F1504">
        <v>1031.079</v>
      </c>
      <c r="G1504">
        <v>1065.549</v>
      </c>
      <c r="H1504">
        <v>1079.7080000000001</v>
      </c>
      <c r="I1504">
        <v>1100.076</v>
      </c>
      <c r="J1504">
        <v>1116.038</v>
      </c>
      <c r="K1504">
        <v>1126.693</v>
      </c>
      <c r="L1504">
        <v>1132.711</v>
      </c>
      <c r="M1504">
        <v>1111.8620000000001</v>
      </c>
      <c r="N1504">
        <v>926.25900000000001</v>
      </c>
      <c r="O1504">
        <v>987.02599999999995</v>
      </c>
      <c r="P1504">
        <v>0</v>
      </c>
      <c r="Q1504">
        <v>0</v>
      </c>
      <c r="R1504">
        <v>1036.05</v>
      </c>
      <c r="S1504">
        <v>0</v>
      </c>
      <c r="T1504">
        <v>1066.7370000000001</v>
      </c>
      <c r="U1504">
        <v>1091.9649999999999</v>
      </c>
      <c r="V1504">
        <v>1104.5509999999999</v>
      </c>
      <c r="W1504">
        <v>1123.751</v>
      </c>
      <c r="X1504">
        <v>1143.9079999999999</v>
      </c>
      <c r="Y1504">
        <v>1153.211</v>
      </c>
    </row>
    <row r="1505" spans="1:25" x14ac:dyDescent="0.3">
      <c r="A1505">
        <v>40.266666666899496</v>
      </c>
      <c r="B1505">
        <v>947.52599999999995</v>
      </c>
      <c r="C1505">
        <v>984.30200000000002</v>
      </c>
      <c r="D1505">
        <v>970.99599999999998</v>
      </c>
      <c r="E1505">
        <v>1011.425</v>
      </c>
      <c r="F1505">
        <v>1036.345</v>
      </c>
      <c r="G1505">
        <v>1069.4559999999999</v>
      </c>
      <c r="H1505">
        <v>1083.8209999999999</v>
      </c>
      <c r="I1505">
        <v>1105.454</v>
      </c>
      <c r="J1505">
        <v>1117.568</v>
      </c>
      <c r="K1505">
        <v>1129.5029999999999</v>
      </c>
      <c r="L1505">
        <v>1132.1980000000001</v>
      </c>
      <c r="M1505">
        <v>1113.77</v>
      </c>
      <c r="N1505">
        <v>920.83900000000006</v>
      </c>
      <c r="O1505">
        <v>981.346</v>
      </c>
      <c r="P1505">
        <v>0</v>
      </c>
      <c r="Q1505">
        <v>0</v>
      </c>
      <c r="R1505">
        <v>1031.816</v>
      </c>
      <c r="S1505">
        <v>0</v>
      </c>
      <c r="T1505">
        <v>1063.99</v>
      </c>
      <c r="U1505">
        <v>1092.9010000000001</v>
      </c>
      <c r="V1505">
        <v>1104.8520000000001</v>
      </c>
      <c r="W1505">
        <v>1123.5039999999999</v>
      </c>
      <c r="X1505">
        <v>1145.0530000000001</v>
      </c>
      <c r="Y1505">
        <v>1154.8599999999999</v>
      </c>
    </row>
    <row r="1506" spans="1:25" x14ac:dyDescent="0.3">
      <c r="A1506">
        <v>40.299999997547516</v>
      </c>
      <c r="B1506">
        <v>948.10299999999995</v>
      </c>
      <c r="C1506">
        <v>982.21600000000001</v>
      </c>
      <c r="D1506">
        <v>967.50800000000004</v>
      </c>
      <c r="E1506">
        <v>1012.558</v>
      </c>
      <c r="F1506">
        <v>1037.008</v>
      </c>
      <c r="G1506">
        <v>1066.2539999999999</v>
      </c>
      <c r="H1506">
        <v>1082.3610000000001</v>
      </c>
      <c r="I1506">
        <v>1102.0319999999999</v>
      </c>
      <c r="J1506">
        <v>1115.8489999999999</v>
      </c>
      <c r="K1506">
        <v>1126.56</v>
      </c>
      <c r="L1506">
        <v>1128.7809999999999</v>
      </c>
      <c r="M1506">
        <v>1111.5219999999999</v>
      </c>
      <c r="N1506">
        <v>922.28800000000001</v>
      </c>
      <c r="O1506">
        <v>980.43899999999996</v>
      </c>
      <c r="P1506">
        <v>0</v>
      </c>
      <c r="Q1506">
        <v>0</v>
      </c>
      <c r="R1506">
        <v>1031.6320000000001</v>
      </c>
      <c r="S1506">
        <v>0</v>
      </c>
      <c r="T1506">
        <v>1064.454</v>
      </c>
      <c r="U1506">
        <v>1091.403</v>
      </c>
      <c r="V1506">
        <v>1100.847</v>
      </c>
      <c r="W1506">
        <v>1120.6099999999999</v>
      </c>
      <c r="X1506">
        <v>1141.7719999999999</v>
      </c>
      <c r="Y1506">
        <v>1156.145</v>
      </c>
    </row>
    <row r="1507" spans="1:25" x14ac:dyDescent="0.3">
      <c r="A1507">
        <v>40.333333338672915</v>
      </c>
      <c r="B1507">
        <v>950.96600000000001</v>
      </c>
      <c r="C1507">
        <v>980.78300000000002</v>
      </c>
      <c r="D1507">
        <v>969.44200000000001</v>
      </c>
      <c r="E1507">
        <v>1012.1559999999999</v>
      </c>
      <c r="F1507">
        <v>1036.3630000000001</v>
      </c>
      <c r="G1507">
        <v>1066.2729999999999</v>
      </c>
      <c r="H1507">
        <v>1077.3969999999999</v>
      </c>
      <c r="I1507">
        <v>1096.992</v>
      </c>
      <c r="J1507">
        <v>1111.05</v>
      </c>
      <c r="K1507">
        <v>1124.662</v>
      </c>
      <c r="L1507">
        <v>1129.2370000000001</v>
      </c>
      <c r="M1507">
        <v>1111.787</v>
      </c>
      <c r="N1507">
        <v>916.64599999999996</v>
      </c>
      <c r="O1507">
        <v>982.10699999999997</v>
      </c>
      <c r="P1507">
        <v>0</v>
      </c>
      <c r="Q1507">
        <v>0</v>
      </c>
      <c r="R1507">
        <v>1040.5820000000001</v>
      </c>
      <c r="S1507">
        <v>0</v>
      </c>
      <c r="T1507">
        <v>1066.44</v>
      </c>
      <c r="U1507">
        <v>1089.4380000000001</v>
      </c>
      <c r="V1507">
        <v>1102.182</v>
      </c>
      <c r="W1507">
        <v>1123.5419999999999</v>
      </c>
      <c r="X1507">
        <v>1141.886</v>
      </c>
      <c r="Y1507">
        <v>1160.4970000000001</v>
      </c>
    </row>
    <row r="1508" spans="1:25" x14ac:dyDescent="0.3">
      <c r="A1508">
        <v>40.349999998758236</v>
      </c>
      <c r="B1508">
        <v>956.13300000000004</v>
      </c>
      <c r="C1508">
        <v>982.45</v>
      </c>
      <c r="D1508">
        <v>969.09699999999998</v>
      </c>
      <c r="E1508">
        <v>1010.1079999999999</v>
      </c>
      <c r="F1508">
        <v>1031.28</v>
      </c>
      <c r="G1508">
        <v>1061.4829999999999</v>
      </c>
      <c r="H1508">
        <v>1072.213</v>
      </c>
      <c r="I1508">
        <v>1088.3879999999999</v>
      </c>
      <c r="J1508">
        <v>1105.452</v>
      </c>
      <c r="K1508">
        <v>1122.7429999999999</v>
      </c>
      <c r="L1508">
        <v>1127.963</v>
      </c>
      <c r="M1508">
        <v>1110.8969999999999</v>
      </c>
      <c r="N1508">
        <v>916.34100000000001</v>
      </c>
      <c r="O1508">
        <v>986.71500000000003</v>
      </c>
      <c r="P1508">
        <v>0</v>
      </c>
      <c r="Q1508">
        <v>0</v>
      </c>
      <c r="R1508">
        <v>1043.3900000000001</v>
      </c>
      <c r="S1508">
        <v>0</v>
      </c>
      <c r="T1508">
        <v>1067.6089999999999</v>
      </c>
      <c r="U1508">
        <v>1098.9079999999999</v>
      </c>
      <c r="V1508">
        <v>1110.519</v>
      </c>
      <c r="W1508">
        <v>1128.875</v>
      </c>
      <c r="X1508">
        <v>1146.577</v>
      </c>
      <c r="Y1508">
        <v>1162.547</v>
      </c>
    </row>
    <row r="1509" spans="1:25" x14ac:dyDescent="0.3">
      <c r="A1509">
        <v>40.383333339883634</v>
      </c>
      <c r="B1509">
        <v>946.08399999999995</v>
      </c>
      <c r="C1509">
        <v>982.32299999999998</v>
      </c>
      <c r="D1509">
        <v>968.71699999999998</v>
      </c>
      <c r="E1509">
        <v>1009.4690000000001</v>
      </c>
      <c r="F1509">
        <v>1028.6110000000001</v>
      </c>
      <c r="G1509">
        <v>1059.2550000000001</v>
      </c>
      <c r="H1509">
        <v>1068.317</v>
      </c>
      <c r="I1509">
        <v>1086.8150000000001</v>
      </c>
      <c r="J1509">
        <v>1107.07</v>
      </c>
      <c r="K1509">
        <v>1126.502</v>
      </c>
      <c r="L1509">
        <v>1131.817</v>
      </c>
      <c r="M1509">
        <v>1115.45</v>
      </c>
      <c r="N1509">
        <v>917.94600000000003</v>
      </c>
      <c r="O1509">
        <v>981.90599999999995</v>
      </c>
      <c r="P1509">
        <v>0</v>
      </c>
      <c r="Q1509">
        <v>0</v>
      </c>
      <c r="R1509">
        <v>1046.7180000000001</v>
      </c>
      <c r="S1509">
        <v>0</v>
      </c>
      <c r="T1509">
        <v>1075.0840000000001</v>
      </c>
      <c r="U1509">
        <v>1099.98</v>
      </c>
      <c r="V1509">
        <v>1111.7470000000001</v>
      </c>
      <c r="W1509">
        <v>1135.0820000000001</v>
      </c>
      <c r="X1509">
        <v>1157.6010000000001</v>
      </c>
      <c r="Y1509">
        <v>1162.01</v>
      </c>
    </row>
    <row r="1510" spans="1:25" x14ac:dyDescent="0.3">
      <c r="A1510">
        <v>40.399999999968955</v>
      </c>
      <c r="B1510">
        <v>927.26099999999997</v>
      </c>
      <c r="C1510">
        <v>979.26</v>
      </c>
      <c r="D1510">
        <v>969.96600000000001</v>
      </c>
      <c r="E1510">
        <v>1008.74</v>
      </c>
      <c r="F1510">
        <v>1027.4159999999999</v>
      </c>
      <c r="G1510">
        <v>1060.779</v>
      </c>
      <c r="H1510">
        <v>1072.55</v>
      </c>
      <c r="I1510">
        <v>1085.8810000000001</v>
      </c>
      <c r="J1510">
        <v>1103.5170000000001</v>
      </c>
      <c r="K1510">
        <v>1121.0630000000001</v>
      </c>
      <c r="L1510">
        <v>1129.4079999999999</v>
      </c>
      <c r="M1510">
        <v>1114.1669999999999</v>
      </c>
      <c r="N1510">
        <v>919.80200000000002</v>
      </c>
      <c r="O1510">
        <v>992.39599999999996</v>
      </c>
      <c r="P1510">
        <v>0</v>
      </c>
      <c r="Q1510">
        <v>0</v>
      </c>
      <c r="R1510">
        <v>1048.2349999999999</v>
      </c>
      <c r="S1510">
        <v>0</v>
      </c>
      <c r="T1510">
        <v>1077.9749999999999</v>
      </c>
      <c r="U1510">
        <v>1100.3389999999999</v>
      </c>
      <c r="V1510">
        <v>1109.576</v>
      </c>
      <c r="W1510">
        <v>1132.0840000000001</v>
      </c>
      <c r="X1510">
        <v>1160.095</v>
      </c>
      <c r="Y1510">
        <v>1163.239</v>
      </c>
    </row>
    <row r="1511" spans="1:25" x14ac:dyDescent="0.3">
      <c r="A1511">
        <v>40.433333330616975</v>
      </c>
      <c r="B1511">
        <v>930.74699999999996</v>
      </c>
      <c r="C1511">
        <v>977.82600000000002</v>
      </c>
      <c r="D1511">
        <v>970.30799999999999</v>
      </c>
      <c r="E1511">
        <v>1008.373</v>
      </c>
      <c r="F1511">
        <v>1028.279</v>
      </c>
      <c r="G1511">
        <v>1063.3009999999999</v>
      </c>
      <c r="H1511">
        <v>1072.7349999999999</v>
      </c>
      <c r="I1511">
        <v>1089.567</v>
      </c>
      <c r="J1511">
        <v>1103.6279999999999</v>
      </c>
      <c r="K1511">
        <v>1122.1949999999999</v>
      </c>
      <c r="L1511">
        <v>1132.2719999999999</v>
      </c>
      <c r="M1511">
        <v>1115.412</v>
      </c>
      <c r="N1511">
        <v>919.92600000000004</v>
      </c>
      <c r="O1511">
        <v>986.97</v>
      </c>
      <c r="P1511">
        <v>0</v>
      </c>
      <c r="Q1511">
        <v>0</v>
      </c>
      <c r="R1511">
        <v>1038.5340000000001</v>
      </c>
      <c r="S1511">
        <v>0</v>
      </c>
      <c r="T1511">
        <v>1074.8969999999999</v>
      </c>
      <c r="U1511">
        <v>1098.3820000000001</v>
      </c>
      <c r="V1511">
        <v>1106.675</v>
      </c>
      <c r="W1511">
        <v>1128.6659999999999</v>
      </c>
      <c r="X1511">
        <v>1155.453</v>
      </c>
      <c r="Y1511">
        <v>1164.2149999999999</v>
      </c>
    </row>
    <row r="1512" spans="1:25" x14ac:dyDescent="0.3">
      <c r="A1512">
        <v>40.466666671742374</v>
      </c>
      <c r="B1512">
        <v>934.70799999999997</v>
      </c>
      <c r="C1512">
        <v>979.29700000000003</v>
      </c>
      <c r="D1512">
        <v>970.83399999999995</v>
      </c>
      <c r="E1512">
        <v>1011.828</v>
      </c>
      <c r="F1512">
        <v>1031.0619999999999</v>
      </c>
      <c r="G1512">
        <v>1062.9880000000001</v>
      </c>
      <c r="H1512">
        <v>1078.8699999999999</v>
      </c>
      <c r="I1512">
        <v>1090.393</v>
      </c>
      <c r="J1512">
        <v>1106.94</v>
      </c>
      <c r="K1512">
        <v>1129.5219999999999</v>
      </c>
      <c r="L1512">
        <v>1137.27</v>
      </c>
      <c r="M1512">
        <v>1116.3030000000001</v>
      </c>
      <c r="N1512">
        <v>918.64300000000003</v>
      </c>
      <c r="O1512">
        <v>988.90099999999995</v>
      </c>
      <c r="P1512">
        <v>0</v>
      </c>
      <c r="Q1512">
        <v>0</v>
      </c>
      <c r="R1512">
        <v>1039.2729999999999</v>
      </c>
      <c r="S1512">
        <v>0</v>
      </c>
      <c r="T1512">
        <v>1077.0250000000001</v>
      </c>
      <c r="U1512">
        <v>1098.6289999999999</v>
      </c>
      <c r="V1512">
        <v>1105.549</v>
      </c>
      <c r="W1512">
        <v>1126.6559999999999</v>
      </c>
      <c r="X1512">
        <v>1151.2180000000001</v>
      </c>
      <c r="Y1512">
        <v>1160.287</v>
      </c>
    </row>
    <row r="1513" spans="1:25" x14ac:dyDescent="0.3">
      <c r="A1513">
        <v>40.483333331827694</v>
      </c>
      <c r="B1513">
        <v>938.99699999999996</v>
      </c>
      <c r="C1513">
        <v>982.21600000000001</v>
      </c>
      <c r="D1513">
        <v>971.55600000000004</v>
      </c>
      <c r="E1513">
        <v>1013.657</v>
      </c>
      <c r="F1513">
        <v>1034.5039999999999</v>
      </c>
      <c r="G1513">
        <v>1064.1569999999999</v>
      </c>
      <c r="H1513">
        <v>1081.6679999999999</v>
      </c>
      <c r="I1513">
        <v>1090.598</v>
      </c>
      <c r="J1513">
        <v>1108.8209999999999</v>
      </c>
      <c r="K1513">
        <v>1128.269</v>
      </c>
      <c r="L1513">
        <v>1134.001</v>
      </c>
      <c r="M1513">
        <v>1117.568</v>
      </c>
      <c r="N1513">
        <v>922.34199999999998</v>
      </c>
      <c r="O1513">
        <v>995.38099999999997</v>
      </c>
      <c r="P1513">
        <v>0</v>
      </c>
      <c r="Q1513">
        <v>0</v>
      </c>
      <c r="R1513">
        <v>1041.248</v>
      </c>
      <c r="S1513">
        <v>0</v>
      </c>
      <c r="T1513">
        <v>1077.9000000000001</v>
      </c>
      <c r="U1513">
        <v>1098.0830000000001</v>
      </c>
      <c r="V1513">
        <v>1108.03</v>
      </c>
      <c r="W1513">
        <v>1130.395</v>
      </c>
      <c r="X1513">
        <v>1153.825</v>
      </c>
      <c r="Y1513">
        <v>1160.9770000000001</v>
      </c>
    </row>
    <row r="1514" spans="1:25" x14ac:dyDescent="0.3">
      <c r="A1514">
        <v>40.516666672953093</v>
      </c>
      <c r="B1514">
        <v>937.59500000000003</v>
      </c>
      <c r="C1514">
        <v>984.22799999999995</v>
      </c>
      <c r="D1514">
        <v>976.71900000000005</v>
      </c>
      <c r="E1514">
        <v>1016.443</v>
      </c>
      <c r="F1514">
        <v>1038.6079999999999</v>
      </c>
      <c r="G1514">
        <v>1070.386</v>
      </c>
      <c r="H1514">
        <v>1083.2950000000001</v>
      </c>
      <c r="I1514">
        <v>1098.9649999999999</v>
      </c>
      <c r="J1514">
        <v>1117.1510000000001</v>
      </c>
      <c r="K1514">
        <v>1132.614</v>
      </c>
      <c r="L1514">
        <v>1139.595</v>
      </c>
      <c r="M1514">
        <v>1119.04</v>
      </c>
      <c r="N1514">
        <v>925.327</v>
      </c>
      <c r="O1514">
        <v>991.99400000000003</v>
      </c>
      <c r="P1514">
        <v>0</v>
      </c>
      <c r="Q1514">
        <v>0</v>
      </c>
      <c r="R1514">
        <v>1041.9849999999999</v>
      </c>
      <c r="S1514">
        <v>0</v>
      </c>
      <c r="T1514">
        <v>1077.153</v>
      </c>
      <c r="U1514">
        <v>1098.9079999999999</v>
      </c>
      <c r="V1514">
        <v>1112.597</v>
      </c>
      <c r="W1514">
        <v>1132.576</v>
      </c>
      <c r="X1514">
        <v>1154.9739999999999</v>
      </c>
      <c r="Y1514">
        <v>1163.3140000000001</v>
      </c>
    </row>
    <row r="1515" spans="1:25" x14ac:dyDescent="0.3">
      <c r="A1515">
        <v>40.533333333038414</v>
      </c>
      <c r="B1515">
        <v>935.13800000000003</v>
      </c>
      <c r="C1515">
        <v>986.00699999999995</v>
      </c>
      <c r="D1515">
        <v>978.84299999999996</v>
      </c>
      <c r="E1515">
        <v>1015.069</v>
      </c>
      <c r="F1515">
        <v>1039.7139999999999</v>
      </c>
      <c r="G1515">
        <v>1069.53</v>
      </c>
      <c r="H1515">
        <v>1086.086</v>
      </c>
      <c r="I1515">
        <v>1105.2470000000001</v>
      </c>
      <c r="J1515">
        <v>1120.213</v>
      </c>
      <c r="K1515">
        <v>1131.325</v>
      </c>
      <c r="L1515">
        <v>1139.673</v>
      </c>
      <c r="M1515">
        <v>1119.325</v>
      </c>
      <c r="N1515">
        <v>923.50400000000002</v>
      </c>
      <c r="O1515">
        <v>986.93499999999995</v>
      </c>
      <c r="P1515">
        <v>0</v>
      </c>
      <c r="Q1515">
        <v>0</v>
      </c>
      <c r="R1515">
        <v>1051.711</v>
      </c>
      <c r="S1515">
        <v>0</v>
      </c>
      <c r="T1515">
        <v>1079.9880000000001</v>
      </c>
      <c r="U1515">
        <v>1100.866</v>
      </c>
      <c r="V1515">
        <v>1112.5239999999999</v>
      </c>
      <c r="W1515">
        <v>1141.4659999999999</v>
      </c>
      <c r="X1515">
        <v>1165.5820000000001</v>
      </c>
      <c r="Y1515">
        <v>1164.0250000000001</v>
      </c>
    </row>
    <row r="1516" spans="1:25" x14ac:dyDescent="0.3">
      <c r="A1516">
        <v>40.566666663686433</v>
      </c>
      <c r="B1516">
        <v>939.10500000000002</v>
      </c>
      <c r="C1516">
        <v>986.22500000000002</v>
      </c>
      <c r="D1516">
        <v>980.45699999999999</v>
      </c>
      <c r="E1516">
        <v>1016.078</v>
      </c>
      <c r="F1516">
        <v>1036.124</v>
      </c>
      <c r="G1516">
        <v>1066.9780000000001</v>
      </c>
      <c r="H1516">
        <v>1080.528</v>
      </c>
      <c r="I1516">
        <v>1099.982</v>
      </c>
      <c r="J1516">
        <v>1116.2829999999999</v>
      </c>
      <c r="K1516">
        <v>1128.364</v>
      </c>
      <c r="L1516">
        <v>1140.4359999999999</v>
      </c>
      <c r="M1516">
        <v>1119.5889999999999</v>
      </c>
      <c r="N1516">
        <v>925.70500000000004</v>
      </c>
      <c r="O1516">
        <v>984.06600000000003</v>
      </c>
      <c r="P1516">
        <v>0</v>
      </c>
      <c r="Q1516">
        <v>0</v>
      </c>
      <c r="R1516">
        <v>1048.808</v>
      </c>
      <c r="S1516">
        <v>0</v>
      </c>
      <c r="T1516">
        <v>1081.2370000000001</v>
      </c>
      <c r="U1516">
        <v>1102.615</v>
      </c>
      <c r="V1516">
        <v>1111.8240000000001</v>
      </c>
      <c r="W1516">
        <v>1136.9639999999999</v>
      </c>
      <c r="X1516">
        <v>1163.8910000000001</v>
      </c>
      <c r="Y1516">
        <v>1165.0619999999999</v>
      </c>
    </row>
    <row r="1517" spans="1:25" x14ac:dyDescent="0.3">
      <c r="A1517">
        <v>40.600000004811832</v>
      </c>
      <c r="B1517">
        <v>939.14</v>
      </c>
      <c r="C1517">
        <v>986.71600000000001</v>
      </c>
      <c r="D1517">
        <v>982.18</v>
      </c>
      <c r="E1517">
        <v>1016.133</v>
      </c>
      <c r="F1517">
        <v>1035.1669999999999</v>
      </c>
      <c r="G1517">
        <v>1065.6790000000001</v>
      </c>
      <c r="H1517">
        <v>1083.5219999999999</v>
      </c>
      <c r="I1517">
        <v>1097.556</v>
      </c>
      <c r="J1517">
        <v>1110.9179999999999</v>
      </c>
      <c r="K1517">
        <v>1125.4590000000001</v>
      </c>
      <c r="L1517">
        <v>1139.482</v>
      </c>
      <c r="M1517">
        <v>1116.8309999999999</v>
      </c>
      <c r="N1517">
        <v>922.82500000000005</v>
      </c>
      <c r="O1517">
        <v>988.33600000000001</v>
      </c>
      <c r="P1517">
        <v>0</v>
      </c>
      <c r="Q1517">
        <v>0</v>
      </c>
      <c r="R1517">
        <v>1044.982</v>
      </c>
      <c r="S1517">
        <v>0</v>
      </c>
      <c r="T1517">
        <v>1075.5139999999999</v>
      </c>
      <c r="U1517">
        <v>1100.3389999999999</v>
      </c>
      <c r="V1517">
        <v>1109.538</v>
      </c>
      <c r="W1517">
        <v>1130.1099999999999</v>
      </c>
      <c r="X1517">
        <v>1154.4190000000001</v>
      </c>
      <c r="Y1517">
        <v>1164.1980000000001</v>
      </c>
    </row>
    <row r="1518" spans="1:25" x14ac:dyDescent="0.3">
      <c r="A1518">
        <v>40.616666664897153</v>
      </c>
      <c r="B1518">
        <v>941.83199999999999</v>
      </c>
      <c r="C1518">
        <v>990.21100000000001</v>
      </c>
      <c r="D1518">
        <v>984.55600000000004</v>
      </c>
      <c r="E1518">
        <v>1019.452</v>
      </c>
      <c r="F1518">
        <v>1039.4380000000001</v>
      </c>
      <c r="G1518">
        <v>1068.99</v>
      </c>
      <c r="H1518">
        <v>1087.884</v>
      </c>
      <c r="I1518">
        <v>1101.4670000000001</v>
      </c>
      <c r="J1518">
        <v>1116.1890000000001</v>
      </c>
      <c r="K1518">
        <v>1128.838</v>
      </c>
      <c r="L1518">
        <v>1140.0930000000001</v>
      </c>
      <c r="M1518">
        <v>1120.4590000000001</v>
      </c>
      <c r="N1518">
        <v>926.22299999999996</v>
      </c>
      <c r="O1518">
        <v>991.75900000000001</v>
      </c>
      <c r="P1518">
        <v>0</v>
      </c>
      <c r="Q1518">
        <v>0</v>
      </c>
      <c r="R1518">
        <v>1046.479</v>
      </c>
      <c r="S1518">
        <v>0</v>
      </c>
      <c r="T1518">
        <v>1075.682</v>
      </c>
      <c r="U1518">
        <v>1099.8689999999999</v>
      </c>
      <c r="V1518">
        <v>1111.806</v>
      </c>
      <c r="W1518">
        <v>1131.268</v>
      </c>
      <c r="X1518">
        <v>1154.2470000000001</v>
      </c>
      <c r="Y1518">
        <v>1159.405</v>
      </c>
    </row>
    <row r="1519" spans="1:25" x14ac:dyDescent="0.3">
      <c r="A1519">
        <v>40.650000006022552</v>
      </c>
      <c r="B1519">
        <v>941.85</v>
      </c>
      <c r="C1519">
        <v>990.57500000000005</v>
      </c>
      <c r="D1519">
        <v>980.62</v>
      </c>
      <c r="E1519">
        <v>1016.353</v>
      </c>
      <c r="F1519">
        <v>1039.7139999999999</v>
      </c>
      <c r="G1519">
        <v>1068.971</v>
      </c>
      <c r="H1519">
        <v>1087.6400000000001</v>
      </c>
      <c r="I1519">
        <v>1104.796</v>
      </c>
      <c r="J1519">
        <v>1116.7180000000001</v>
      </c>
      <c r="K1519">
        <v>1127.7940000000001</v>
      </c>
      <c r="L1519">
        <v>1137.8230000000001</v>
      </c>
      <c r="M1519">
        <v>1117.096</v>
      </c>
      <c r="N1519">
        <v>926.06200000000001</v>
      </c>
      <c r="O1519">
        <v>989.31899999999996</v>
      </c>
      <c r="P1519">
        <v>0</v>
      </c>
      <c r="Q1519">
        <v>0</v>
      </c>
      <c r="R1519">
        <v>1044.076</v>
      </c>
      <c r="S1519">
        <v>0</v>
      </c>
      <c r="T1519">
        <v>1071.394</v>
      </c>
      <c r="U1519">
        <v>1098.0070000000001</v>
      </c>
      <c r="V1519">
        <v>1107.278</v>
      </c>
      <c r="W1519">
        <v>1130.8499999999999</v>
      </c>
      <c r="X1519">
        <v>1151.2370000000001</v>
      </c>
      <c r="Y1519">
        <v>1158.8869999999999</v>
      </c>
    </row>
    <row r="1520" spans="1:25" x14ac:dyDescent="0.3">
      <c r="A1520">
        <v>40.683333336670572</v>
      </c>
      <c r="B1520">
        <v>943.64499999999998</v>
      </c>
      <c r="C1520">
        <v>990.81299999999999</v>
      </c>
      <c r="D1520">
        <v>983.43200000000002</v>
      </c>
      <c r="E1520">
        <v>1019.508</v>
      </c>
      <c r="F1520">
        <v>1040.231</v>
      </c>
      <c r="G1520">
        <v>1069.1400000000001</v>
      </c>
      <c r="H1520">
        <v>1084.8699999999999</v>
      </c>
      <c r="I1520">
        <v>1105.3420000000001</v>
      </c>
      <c r="J1520">
        <v>1117.2850000000001</v>
      </c>
      <c r="K1520">
        <v>1128.364</v>
      </c>
      <c r="L1520">
        <v>1137.7090000000001</v>
      </c>
      <c r="M1520">
        <v>1115.925</v>
      </c>
      <c r="N1520">
        <v>927.74400000000003</v>
      </c>
      <c r="O1520">
        <v>988.51900000000001</v>
      </c>
      <c r="P1520">
        <v>0</v>
      </c>
      <c r="Q1520">
        <v>0</v>
      </c>
      <c r="R1520">
        <v>1044.9269999999999</v>
      </c>
      <c r="S1520">
        <v>0</v>
      </c>
      <c r="T1520">
        <v>1070.6120000000001</v>
      </c>
      <c r="U1520">
        <v>1095.1500000000001</v>
      </c>
      <c r="V1520">
        <v>1103.95</v>
      </c>
      <c r="W1520">
        <v>1128.174</v>
      </c>
      <c r="X1520">
        <v>1154.6880000000001</v>
      </c>
      <c r="Y1520">
        <v>1159.712</v>
      </c>
    </row>
    <row r="1521" spans="1:25" x14ac:dyDescent="0.3">
      <c r="A1521">
        <v>40.699999996755892</v>
      </c>
      <c r="B1521">
        <v>948.91399999999999</v>
      </c>
      <c r="C1521">
        <v>991.54100000000005</v>
      </c>
      <c r="D1521">
        <v>981.36500000000001</v>
      </c>
      <c r="E1521">
        <v>1019.178</v>
      </c>
      <c r="F1521">
        <v>1039.4580000000001</v>
      </c>
      <c r="G1521">
        <v>1069.942</v>
      </c>
      <c r="H1521">
        <v>1089.664</v>
      </c>
      <c r="I1521">
        <v>1108.8969999999999</v>
      </c>
      <c r="J1521">
        <v>1118.9480000000001</v>
      </c>
      <c r="K1521">
        <v>1130.7380000000001</v>
      </c>
      <c r="L1521">
        <v>1136.8510000000001</v>
      </c>
      <c r="M1521">
        <v>1116.454</v>
      </c>
      <c r="N1521">
        <v>925.95600000000002</v>
      </c>
      <c r="O1521">
        <v>993.78</v>
      </c>
      <c r="P1521">
        <v>0</v>
      </c>
      <c r="Q1521">
        <v>0</v>
      </c>
      <c r="R1521">
        <v>1046.998</v>
      </c>
      <c r="S1521">
        <v>0</v>
      </c>
      <c r="T1521">
        <v>1078.9639999999999</v>
      </c>
      <c r="U1521">
        <v>1099.231</v>
      </c>
      <c r="V1521">
        <v>1106.095</v>
      </c>
      <c r="W1521">
        <v>1127.3779999999999</v>
      </c>
      <c r="X1521">
        <v>1158.0250000000001</v>
      </c>
      <c r="Y1521">
        <v>1161.9369999999999</v>
      </c>
    </row>
    <row r="1522" spans="1:25" x14ac:dyDescent="0.3">
      <c r="A1522">
        <v>40.733333337881291</v>
      </c>
      <c r="B1522">
        <v>950.678</v>
      </c>
      <c r="C1522">
        <v>991.26700000000005</v>
      </c>
      <c r="D1522">
        <v>979.69500000000005</v>
      </c>
      <c r="E1522">
        <v>1018.7190000000001</v>
      </c>
      <c r="F1522">
        <v>1041.3209999999999</v>
      </c>
      <c r="G1522">
        <v>1065.7159999999999</v>
      </c>
      <c r="H1522">
        <v>1082.866</v>
      </c>
      <c r="I1522">
        <v>1102.05</v>
      </c>
      <c r="J1522">
        <v>1115.6790000000001</v>
      </c>
      <c r="K1522">
        <v>1130.2809999999999</v>
      </c>
      <c r="L1522">
        <v>1137.0409999999999</v>
      </c>
      <c r="M1522">
        <v>1117.7760000000001</v>
      </c>
      <c r="N1522">
        <v>923.57600000000002</v>
      </c>
      <c r="O1522">
        <v>998.94899999999996</v>
      </c>
      <c r="P1522">
        <v>0</v>
      </c>
      <c r="Q1522">
        <v>0</v>
      </c>
      <c r="R1522">
        <v>1052.2280000000001</v>
      </c>
      <c r="S1522">
        <v>0</v>
      </c>
      <c r="T1522">
        <v>1085.0940000000001</v>
      </c>
      <c r="U1522">
        <v>1103.7239999999999</v>
      </c>
      <c r="V1522">
        <v>1109.3679999999999</v>
      </c>
      <c r="W1522">
        <v>1130.1859999999999</v>
      </c>
      <c r="X1522">
        <v>1156.03</v>
      </c>
      <c r="Y1522">
        <v>1162.261</v>
      </c>
    </row>
    <row r="1523" spans="1:25" x14ac:dyDescent="0.3">
      <c r="A1523">
        <v>40.749999997966611</v>
      </c>
      <c r="B1523">
        <v>952.89400000000001</v>
      </c>
      <c r="C1523">
        <v>991.30499999999995</v>
      </c>
      <c r="D1523">
        <v>983.36</v>
      </c>
      <c r="E1523">
        <v>1019.802</v>
      </c>
      <c r="F1523">
        <v>1039.384</v>
      </c>
      <c r="G1523">
        <v>1067.873</v>
      </c>
      <c r="H1523">
        <v>1079.933</v>
      </c>
      <c r="I1523">
        <v>1104.44</v>
      </c>
      <c r="J1523">
        <v>1119.1179999999999</v>
      </c>
      <c r="K1523">
        <v>1129.4659999999999</v>
      </c>
      <c r="L1523">
        <v>1137.729</v>
      </c>
      <c r="M1523">
        <v>1119.194</v>
      </c>
      <c r="N1523">
        <v>920.01800000000003</v>
      </c>
      <c r="O1523">
        <v>988.48299999999995</v>
      </c>
      <c r="P1523">
        <v>0</v>
      </c>
      <c r="Q1523">
        <v>0</v>
      </c>
      <c r="R1523">
        <v>1055.1010000000001</v>
      </c>
      <c r="S1523">
        <v>0</v>
      </c>
      <c r="T1523">
        <v>1083.8040000000001</v>
      </c>
      <c r="U1523">
        <v>1101.6379999999999</v>
      </c>
      <c r="V1523">
        <v>1106.7339999999999</v>
      </c>
      <c r="W1523">
        <v>1133.0160000000001</v>
      </c>
      <c r="X1523">
        <v>1159.2719999999999</v>
      </c>
      <c r="Y1523">
        <v>1163.931</v>
      </c>
    </row>
    <row r="1524" spans="1:25" x14ac:dyDescent="0.3">
      <c r="A1524">
        <v>40.78333333909201</v>
      </c>
      <c r="B1524">
        <v>943.66300000000001</v>
      </c>
      <c r="C1524">
        <v>986.899</v>
      </c>
      <c r="D1524">
        <v>981.00199999999995</v>
      </c>
      <c r="E1524">
        <v>1016.665</v>
      </c>
      <c r="F1524">
        <v>1039.7149999999999</v>
      </c>
      <c r="G1524">
        <v>1069.848</v>
      </c>
      <c r="H1524">
        <v>1083.915</v>
      </c>
      <c r="I1524">
        <v>1107.711</v>
      </c>
      <c r="J1524">
        <v>1121.838</v>
      </c>
      <c r="K1524">
        <v>1133.5840000000001</v>
      </c>
      <c r="L1524">
        <v>1137.9760000000001</v>
      </c>
      <c r="M1524">
        <v>1118.154</v>
      </c>
      <c r="N1524">
        <v>922.45</v>
      </c>
      <c r="O1524">
        <v>988.22799999999995</v>
      </c>
      <c r="P1524">
        <v>0</v>
      </c>
      <c r="Q1524">
        <v>0</v>
      </c>
      <c r="R1524">
        <v>1055.0260000000001</v>
      </c>
      <c r="S1524">
        <v>0</v>
      </c>
      <c r="T1524">
        <v>1082.0989999999999</v>
      </c>
      <c r="U1524">
        <v>1099.9449999999999</v>
      </c>
      <c r="V1524">
        <v>1107.9179999999999</v>
      </c>
      <c r="W1524">
        <v>1132.009</v>
      </c>
      <c r="X1524">
        <v>1162.1849999999999</v>
      </c>
      <c r="Y1524">
        <v>1164.9849999999999</v>
      </c>
    </row>
    <row r="1525" spans="1:25" x14ac:dyDescent="0.3">
      <c r="A1525">
        <v>40.81666666974003</v>
      </c>
      <c r="B1525">
        <v>944.2</v>
      </c>
      <c r="C1525">
        <v>987.44299999999998</v>
      </c>
      <c r="D1525">
        <v>981.94200000000001</v>
      </c>
      <c r="E1525">
        <v>1016.7</v>
      </c>
      <c r="F1525">
        <v>1038</v>
      </c>
      <c r="G1525">
        <v>1069.6410000000001</v>
      </c>
      <c r="H1525">
        <v>1079.52</v>
      </c>
      <c r="I1525">
        <v>1101.4280000000001</v>
      </c>
      <c r="J1525">
        <v>1120.5889999999999</v>
      </c>
      <c r="K1525">
        <v>1133.0129999999999</v>
      </c>
      <c r="L1525">
        <v>1140.873</v>
      </c>
      <c r="M1525">
        <v>1119.248</v>
      </c>
      <c r="N1525">
        <v>919.28300000000002</v>
      </c>
      <c r="O1525">
        <v>985.95100000000002</v>
      </c>
      <c r="P1525">
        <v>0</v>
      </c>
      <c r="Q1525">
        <v>0</v>
      </c>
      <c r="R1525">
        <v>1052.337</v>
      </c>
      <c r="S1525">
        <v>0</v>
      </c>
      <c r="T1525">
        <v>1084.25</v>
      </c>
      <c r="U1525">
        <v>1102.049</v>
      </c>
      <c r="V1525">
        <v>1106.9570000000001</v>
      </c>
      <c r="W1525">
        <v>1132.576</v>
      </c>
      <c r="X1525">
        <v>1166.4290000000001</v>
      </c>
      <c r="Y1525">
        <v>1170.1289999999999</v>
      </c>
    </row>
    <row r="1526" spans="1:25" x14ac:dyDescent="0.3">
      <c r="A1526">
        <v>40.833333329825351</v>
      </c>
      <c r="B1526">
        <v>938.17200000000003</v>
      </c>
      <c r="C1526">
        <v>987.5</v>
      </c>
      <c r="D1526">
        <v>977.39200000000005</v>
      </c>
      <c r="E1526">
        <v>1017.912</v>
      </c>
      <c r="F1526">
        <v>1039.7329999999999</v>
      </c>
      <c r="G1526">
        <v>1071.6369999999999</v>
      </c>
      <c r="H1526">
        <v>1079.2239999999999</v>
      </c>
      <c r="I1526">
        <v>1100.96</v>
      </c>
      <c r="J1526">
        <v>1121.989</v>
      </c>
      <c r="K1526">
        <v>1131.155</v>
      </c>
      <c r="L1526">
        <v>1140.2650000000001</v>
      </c>
      <c r="M1526">
        <v>1115.925</v>
      </c>
      <c r="N1526">
        <v>920.822</v>
      </c>
      <c r="O1526">
        <v>996.16399999999999</v>
      </c>
      <c r="P1526">
        <v>0</v>
      </c>
      <c r="Q1526">
        <v>0</v>
      </c>
      <c r="R1526">
        <v>1051.434</v>
      </c>
      <c r="S1526">
        <v>0</v>
      </c>
      <c r="T1526">
        <v>1086.181</v>
      </c>
      <c r="U1526">
        <v>1104.646</v>
      </c>
      <c r="V1526">
        <v>1113.4690000000001</v>
      </c>
      <c r="W1526">
        <v>1138.1669999999999</v>
      </c>
      <c r="X1526">
        <v>1162.799</v>
      </c>
      <c r="Y1526">
        <v>1172.425</v>
      </c>
    </row>
    <row r="1527" spans="1:25" x14ac:dyDescent="0.3">
      <c r="A1527">
        <v>40.86666667095075</v>
      </c>
      <c r="B1527">
        <v>941.18700000000001</v>
      </c>
      <c r="C1527">
        <v>985.24599999999998</v>
      </c>
      <c r="D1527">
        <v>977.846</v>
      </c>
      <c r="E1527">
        <v>1019.197</v>
      </c>
      <c r="F1527">
        <v>1041.1010000000001</v>
      </c>
      <c r="G1527">
        <v>1074.8630000000001</v>
      </c>
      <c r="H1527">
        <v>1078.665</v>
      </c>
      <c r="I1527">
        <v>1098.8920000000001</v>
      </c>
      <c r="J1527">
        <v>1118.5139999999999</v>
      </c>
      <c r="K1527">
        <v>1129.808</v>
      </c>
      <c r="L1527">
        <v>1136.8699999999999</v>
      </c>
      <c r="M1527">
        <v>1116.53</v>
      </c>
      <c r="N1527">
        <v>927.78</v>
      </c>
      <c r="O1527">
        <v>999.80700000000002</v>
      </c>
      <c r="P1527">
        <v>0</v>
      </c>
      <c r="Q1527">
        <v>0</v>
      </c>
      <c r="R1527">
        <v>1052.192</v>
      </c>
      <c r="S1527">
        <v>0</v>
      </c>
      <c r="T1527">
        <v>1084.5519999999999</v>
      </c>
      <c r="U1527">
        <v>1104.308</v>
      </c>
      <c r="V1527">
        <v>1114.962</v>
      </c>
      <c r="W1527">
        <v>1135.635</v>
      </c>
      <c r="X1527">
        <v>1156.491</v>
      </c>
      <c r="Y1527">
        <v>1168.32</v>
      </c>
    </row>
    <row r="1528" spans="1:25" x14ac:dyDescent="0.3">
      <c r="A1528">
        <v>40.88333333103607</v>
      </c>
      <c r="B1528">
        <v>946.57299999999998</v>
      </c>
      <c r="C1528">
        <v>986.95399999999995</v>
      </c>
      <c r="D1528">
        <v>982.053</v>
      </c>
      <c r="E1528">
        <v>1020.04</v>
      </c>
      <c r="F1528">
        <v>1039.6600000000001</v>
      </c>
      <c r="G1528">
        <v>1074.489</v>
      </c>
      <c r="H1528">
        <v>1082.3430000000001</v>
      </c>
      <c r="I1528">
        <v>1103.104</v>
      </c>
      <c r="J1528">
        <v>1120.875</v>
      </c>
      <c r="K1528">
        <v>1133.414</v>
      </c>
      <c r="L1528">
        <v>1142.9929999999999</v>
      </c>
      <c r="M1528">
        <v>1125.5550000000001</v>
      </c>
      <c r="N1528">
        <v>927.08199999999999</v>
      </c>
      <c r="O1528">
        <v>999.20399999999995</v>
      </c>
      <c r="P1528">
        <v>0</v>
      </c>
      <c r="Q1528">
        <v>0</v>
      </c>
      <c r="R1528">
        <v>1051.1569999999999</v>
      </c>
      <c r="S1528">
        <v>0</v>
      </c>
      <c r="T1528">
        <v>1080.79</v>
      </c>
      <c r="U1528">
        <v>1103.2550000000001</v>
      </c>
      <c r="V1528">
        <v>1109.8599999999999</v>
      </c>
      <c r="W1528">
        <v>1133.546</v>
      </c>
      <c r="X1528">
        <v>1157.7180000000001</v>
      </c>
      <c r="Y1528">
        <v>1167.086</v>
      </c>
    </row>
    <row r="1529" spans="1:25" x14ac:dyDescent="0.3">
      <c r="A1529">
        <v>40.916666672161469</v>
      </c>
      <c r="B1529">
        <v>940.11</v>
      </c>
      <c r="C1529">
        <v>989.21100000000001</v>
      </c>
      <c r="D1529">
        <v>983.72199999999998</v>
      </c>
      <c r="E1529">
        <v>1019.49</v>
      </c>
      <c r="F1529">
        <v>1036.972</v>
      </c>
      <c r="G1529">
        <v>1070.183</v>
      </c>
      <c r="H1529">
        <v>1080.7529999999999</v>
      </c>
      <c r="I1529">
        <v>1096.3720000000001</v>
      </c>
      <c r="J1529">
        <v>1112.883</v>
      </c>
      <c r="K1529">
        <v>1128.4590000000001</v>
      </c>
      <c r="L1529">
        <v>1137.633</v>
      </c>
      <c r="M1529">
        <v>1123.4860000000001</v>
      </c>
      <c r="N1529">
        <v>930.82100000000003</v>
      </c>
      <c r="O1529">
        <v>999.13099999999997</v>
      </c>
      <c r="P1529">
        <v>0</v>
      </c>
      <c r="Q1529">
        <v>0</v>
      </c>
      <c r="R1529">
        <v>1057.5129999999999</v>
      </c>
      <c r="S1529">
        <v>0</v>
      </c>
      <c r="T1529">
        <v>1084.252</v>
      </c>
      <c r="U1529">
        <v>1107.73</v>
      </c>
      <c r="V1529">
        <v>1112.94</v>
      </c>
      <c r="W1529">
        <v>1135.521</v>
      </c>
      <c r="X1529">
        <v>1156.989</v>
      </c>
      <c r="Y1529">
        <v>1172.8879999999999</v>
      </c>
    </row>
    <row r="1530" spans="1:25" x14ac:dyDescent="0.3">
      <c r="A1530">
        <v>40.950000002809489</v>
      </c>
      <c r="B1530">
        <v>927.51199999999994</v>
      </c>
      <c r="C1530">
        <v>982.59799999999996</v>
      </c>
      <c r="D1530">
        <v>987.09900000000005</v>
      </c>
      <c r="E1530">
        <v>1023.249</v>
      </c>
      <c r="F1530">
        <v>1038.2239999999999</v>
      </c>
      <c r="G1530">
        <v>1070.5</v>
      </c>
      <c r="H1530">
        <v>1083.4290000000001</v>
      </c>
      <c r="I1530">
        <v>1105.191</v>
      </c>
      <c r="J1530">
        <v>1119.741</v>
      </c>
      <c r="K1530">
        <v>1129.75</v>
      </c>
      <c r="L1530">
        <v>1139.0060000000001</v>
      </c>
      <c r="M1530">
        <v>1124.1500000000001</v>
      </c>
      <c r="N1530">
        <v>935.71299999999997</v>
      </c>
      <c r="O1530">
        <v>992.178</v>
      </c>
      <c r="P1530">
        <v>0</v>
      </c>
      <c r="Q1530">
        <v>0</v>
      </c>
      <c r="R1530">
        <v>1056.6220000000001</v>
      </c>
      <c r="S1530">
        <v>0</v>
      </c>
      <c r="T1530">
        <v>1088.596</v>
      </c>
      <c r="U1530">
        <v>1109.4259999999999</v>
      </c>
      <c r="V1530">
        <v>1116.17</v>
      </c>
      <c r="W1530">
        <v>1135.3119999999999</v>
      </c>
      <c r="X1530">
        <v>1155.877</v>
      </c>
      <c r="Y1530">
        <v>1168.9559999999999</v>
      </c>
    </row>
    <row r="1531" spans="1:25" x14ac:dyDescent="0.3">
      <c r="A1531">
        <v>40.966666673372188</v>
      </c>
      <c r="B1531">
        <v>931.80399999999997</v>
      </c>
      <c r="C1531">
        <v>985.44500000000005</v>
      </c>
      <c r="D1531">
        <v>987.88199999999995</v>
      </c>
      <c r="E1531">
        <v>1026.367</v>
      </c>
      <c r="F1531">
        <v>1040.3240000000001</v>
      </c>
      <c r="G1531">
        <v>1071.5809999999999</v>
      </c>
      <c r="H1531">
        <v>1088.577</v>
      </c>
      <c r="I1531">
        <v>1111.3340000000001</v>
      </c>
      <c r="J1531">
        <v>1127.0360000000001</v>
      </c>
      <c r="K1531">
        <v>1134.818</v>
      </c>
      <c r="L1531">
        <v>1142.421</v>
      </c>
      <c r="M1531">
        <v>1125.9159999999999</v>
      </c>
      <c r="N1531">
        <v>936.16200000000003</v>
      </c>
      <c r="O1531">
        <v>989.68399999999997</v>
      </c>
      <c r="P1531">
        <v>0</v>
      </c>
      <c r="Q1531">
        <v>0</v>
      </c>
      <c r="R1531">
        <v>1056.826</v>
      </c>
      <c r="S1531">
        <v>0</v>
      </c>
      <c r="T1531">
        <v>1089.8689999999999</v>
      </c>
      <c r="U1531">
        <v>1107.8240000000001</v>
      </c>
      <c r="V1531">
        <v>1110.692</v>
      </c>
      <c r="W1531">
        <v>1132.3699999999999</v>
      </c>
      <c r="X1531">
        <v>1155.3019999999999</v>
      </c>
      <c r="Y1531">
        <v>1166.932</v>
      </c>
    </row>
    <row r="1532" spans="1:25" x14ac:dyDescent="0.3">
      <c r="A1532">
        <v>41.000000004020208</v>
      </c>
      <c r="B1532">
        <v>927.976</v>
      </c>
      <c r="C1532">
        <v>987.9</v>
      </c>
      <c r="D1532">
        <v>987.00800000000004</v>
      </c>
      <c r="E1532">
        <v>1025.1379999999999</v>
      </c>
      <c r="F1532">
        <v>1040.6559999999999</v>
      </c>
      <c r="G1532">
        <v>1073.7249999999999</v>
      </c>
      <c r="H1532">
        <v>1089.569</v>
      </c>
      <c r="I1532">
        <v>1111.4659999999999</v>
      </c>
      <c r="J1532">
        <v>1126.3140000000001</v>
      </c>
      <c r="K1532">
        <v>1133.223</v>
      </c>
      <c r="L1532">
        <v>1140.856</v>
      </c>
      <c r="M1532">
        <v>1124.681</v>
      </c>
      <c r="N1532">
        <v>932.197</v>
      </c>
      <c r="O1532">
        <v>991.95899999999995</v>
      </c>
      <c r="P1532">
        <v>0</v>
      </c>
      <c r="Q1532">
        <v>0</v>
      </c>
      <c r="R1532">
        <v>1057.9580000000001</v>
      </c>
      <c r="S1532">
        <v>0</v>
      </c>
      <c r="T1532">
        <v>1088.0150000000001</v>
      </c>
      <c r="U1532">
        <v>1110.067</v>
      </c>
      <c r="V1532">
        <v>1113.1089999999999</v>
      </c>
      <c r="W1532">
        <v>1129.9580000000001</v>
      </c>
      <c r="X1532">
        <v>1148.7539999999999</v>
      </c>
      <c r="Y1532">
        <v>1164.3130000000001</v>
      </c>
    </row>
    <row r="1533" spans="1:25" x14ac:dyDescent="0.3">
      <c r="A1533">
        <v>41.016666664105529</v>
      </c>
      <c r="B1533">
        <v>928.81700000000001</v>
      </c>
      <c r="C1533">
        <v>988.64599999999996</v>
      </c>
      <c r="D1533">
        <v>988.55499999999995</v>
      </c>
      <c r="E1533">
        <v>1027.453</v>
      </c>
      <c r="F1533">
        <v>1043.3920000000001</v>
      </c>
      <c r="G1533">
        <v>1074.8440000000001</v>
      </c>
      <c r="H1533">
        <v>1088.54</v>
      </c>
      <c r="I1533">
        <v>1109.7470000000001</v>
      </c>
      <c r="J1533">
        <v>1122.008</v>
      </c>
      <c r="K1533">
        <v>1132.2940000000001</v>
      </c>
      <c r="L1533">
        <v>1141.086</v>
      </c>
      <c r="M1533">
        <v>1121.0450000000001</v>
      </c>
      <c r="N1533">
        <v>933.84699999999998</v>
      </c>
      <c r="O1533">
        <v>998.476</v>
      </c>
      <c r="P1533">
        <v>0</v>
      </c>
      <c r="Q1533">
        <v>0</v>
      </c>
      <c r="R1533">
        <v>1063.693</v>
      </c>
      <c r="S1533">
        <v>0</v>
      </c>
      <c r="T1533">
        <v>1090.636</v>
      </c>
      <c r="U1533">
        <v>1107.617</v>
      </c>
      <c r="V1533">
        <v>1110.521</v>
      </c>
      <c r="W1533">
        <v>1129.807</v>
      </c>
      <c r="X1533">
        <v>1155.5129999999999</v>
      </c>
      <c r="Y1533">
        <v>1165.9100000000001</v>
      </c>
    </row>
    <row r="1534" spans="1:25" x14ac:dyDescent="0.3">
      <c r="A1534">
        <v>41.050000005230928</v>
      </c>
      <c r="B1534">
        <v>932.89599999999996</v>
      </c>
      <c r="C1534">
        <v>990.322</v>
      </c>
      <c r="D1534">
        <v>992.08699999999999</v>
      </c>
      <c r="E1534">
        <v>1027.472</v>
      </c>
      <c r="F1534">
        <v>1045.6300000000001</v>
      </c>
      <c r="G1534">
        <v>1072.8679999999999</v>
      </c>
      <c r="H1534">
        <v>1085.489</v>
      </c>
      <c r="I1534">
        <v>1111.164</v>
      </c>
      <c r="J1534">
        <v>1121.8009999999999</v>
      </c>
      <c r="K1534">
        <v>1131.82</v>
      </c>
      <c r="L1534">
        <v>1139.808</v>
      </c>
      <c r="M1534">
        <v>1121.6310000000001</v>
      </c>
      <c r="N1534">
        <v>929.35400000000004</v>
      </c>
      <c r="O1534">
        <v>996.41899999999998</v>
      </c>
      <c r="P1534">
        <v>0</v>
      </c>
      <c r="Q1534">
        <v>0</v>
      </c>
      <c r="R1534">
        <v>1057.829</v>
      </c>
      <c r="S1534">
        <v>0</v>
      </c>
      <c r="T1534">
        <v>1090.5999999999999</v>
      </c>
      <c r="U1534">
        <v>1107.317</v>
      </c>
      <c r="V1534">
        <v>1110.163</v>
      </c>
      <c r="W1534">
        <v>1128.0609999999999</v>
      </c>
      <c r="X1534">
        <v>1154.306</v>
      </c>
      <c r="Y1534">
        <v>1168.7829999999999</v>
      </c>
    </row>
    <row r="1535" spans="1:25" x14ac:dyDescent="0.3">
      <c r="A1535">
        <v>41.083333335878947</v>
      </c>
      <c r="B1535">
        <v>929.21100000000001</v>
      </c>
      <c r="C1535">
        <v>991.45</v>
      </c>
      <c r="D1535">
        <v>991.76</v>
      </c>
      <c r="E1535">
        <v>1025.7809999999999</v>
      </c>
      <c r="F1535">
        <v>1044.576</v>
      </c>
      <c r="G1535">
        <v>1070.874</v>
      </c>
      <c r="H1535">
        <v>1082.0809999999999</v>
      </c>
      <c r="I1535">
        <v>1102.296</v>
      </c>
      <c r="J1535">
        <v>1113.4690000000001</v>
      </c>
      <c r="K1535">
        <v>1122.6320000000001</v>
      </c>
      <c r="L1535">
        <v>1130.1300000000001</v>
      </c>
      <c r="M1535">
        <v>1117.135</v>
      </c>
      <c r="N1535">
        <v>928.04899999999998</v>
      </c>
      <c r="O1535">
        <v>998.33100000000002</v>
      </c>
      <c r="P1535">
        <v>0</v>
      </c>
      <c r="Q1535">
        <v>0</v>
      </c>
      <c r="R1535">
        <v>1055.23</v>
      </c>
      <c r="S1535">
        <v>0</v>
      </c>
      <c r="T1535">
        <v>1084.2529999999999</v>
      </c>
      <c r="U1535">
        <v>1103.518</v>
      </c>
      <c r="V1535">
        <v>1107.5989999999999</v>
      </c>
      <c r="W1535">
        <v>1131.0409999999999</v>
      </c>
      <c r="X1535">
        <v>1157.45</v>
      </c>
      <c r="Y1535">
        <v>1167.684</v>
      </c>
    </row>
    <row r="1536" spans="1:25" x14ac:dyDescent="0.3">
      <c r="A1536">
        <v>41.100000006441647</v>
      </c>
      <c r="B1536">
        <v>923.505</v>
      </c>
      <c r="C1536">
        <v>991.06700000000001</v>
      </c>
      <c r="D1536">
        <v>992.05</v>
      </c>
      <c r="E1536">
        <v>1026.864</v>
      </c>
      <c r="F1536">
        <v>1044.28</v>
      </c>
      <c r="G1536">
        <v>1072.346</v>
      </c>
      <c r="H1536">
        <v>1081.7619999999999</v>
      </c>
      <c r="I1536">
        <v>1098.046</v>
      </c>
      <c r="J1536">
        <v>1110.3699999999999</v>
      </c>
      <c r="K1536">
        <v>1120.0250000000001</v>
      </c>
      <c r="L1536">
        <v>1127.9659999999999</v>
      </c>
      <c r="M1536">
        <v>1114.961</v>
      </c>
      <c r="N1536">
        <v>925.93799999999999</v>
      </c>
      <c r="O1536">
        <v>995.38099999999997</v>
      </c>
      <c r="P1536">
        <v>0</v>
      </c>
      <c r="Q1536">
        <v>0</v>
      </c>
      <c r="R1536">
        <v>1050.3620000000001</v>
      </c>
      <c r="S1536">
        <v>0</v>
      </c>
      <c r="T1536">
        <v>1080.249</v>
      </c>
      <c r="U1536">
        <v>1099.193</v>
      </c>
      <c r="V1536">
        <v>1104.702</v>
      </c>
      <c r="W1536">
        <v>1129.067</v>
      </c>
      <c r="X1536">
        <v>1152.7329999999999</v>
      </c>
      <c r="Y1536">
        <v>1168.011</v>
      </c>
    </row>
    <row r="1537" spans="1:25" x14ac:dyDescent="0.3">
      <c r="A1537">
        <v>41.133333337089667</v>
      </c>
      <c r="B1537">
        <v>931.30600000000004</v>
      </c>
      <c r="C1537">
        <v>989.70399999999995</v>
      </c>
      <c r="D1537">
        <v>988.63</v>
      </c>
      <c r="E1537">
        <v>1022.83</v>
      </c>
      <c r="F1537">
        <v>1040.326</v>
      </c>
      <c r="G1537">
        <v>1070.614</v>
      </c>
      <c r="H1537">
        <v>1082.7570000000001</v>
      </c>
      <c r="I1537">
        <v>1100.605</v>
      </c>
      <c r="J1537">
        <v>1121.2170000000001</v>
      </c>
      <c r="K1537">
        <v>1128.7080000000001</v>
      </c>
      <c r="L1537">
        <v>1137.0239999999999</v>
      </c>
      <c r="M1537">
        <v>1120.329</v>
      </c>
      <c r="N1537">
        <v>937.69</v>
      </c>
      <c r="O1537">
        <v>988.92200000000003</v>
      </c>
      <c r="P1537">
        <v>0</v>
      </c>
      <c r="Q1537">
        <v>0</v>
      </c>
      <c r="R1537">
        <v>1048.46</v>
      </c>
      <c r="S1537">
        <v>0</v>
      </c>
      <c r="T1537">
        <v>1081.1469999999999</v>
      </c>
      <c r="U1537">
        <v>1100.7750000000001</v>
      </c>
      <c r="V1537">
        <v>1108.278</v>
      </c>
      <c r="W1537">
        <v>1129.809</v>
      </c>
      <c r="X1537">
        <v>1153.732</v>
      </c>
      <c r="Y1537">
        <v>1167.2429999999999</v>
      </c>
    </row>
    <row r="1538" spans="1:25" x14ac:dyDescent="0.3">
      <c r="A1538">
        <v>41.149999997174987</v>
      </c>
      <c r="B1538">
        <v>945.17100000000005</v>
      </c>
      <c r="C1538">
        <v>992.77800000000002</v>
      </c>
      <c r="D1538">
        <v>985.08199999999999</v>
      </c>
      <c r="E1538">
        <v>1023.9640000000001</v>
      </c>
      <c r="F1538">
        <v>1047.145</v>
      </c>
      <c r="G1538">
        <v>1080.454</v>
      </c>
      <c r="H1538">
        <v>1091.1610000000001</v>
      </c>
      <c r="I1538">
        <v>1111.5229999999999</v>
      </c>
      <c r="J1538">
        <v>1127.586</v>
      </c>
      <c r="K1538">
        <v>1132.9960000000001</v>
      </c>
      <c r="L1538">
        <v>1140.3610000000001</v>
      </c>
      <c r="M1538">
        <v>1122.2919999999999</v>
      </c>
      <c r="N1538">
        <v>941.07899999999995</v>
      </c>
      <c r="O1538">
        <v>991.94100000000003</v>
      </c>
      <c r="P1538">
        <v>0</v>
      </c>
      <c r="Q1538">
        <v>0</v>
      </c>
      <c r="R1538">
        <v>1055.0999999999999</v>
      </c>
      <c r="S1538">
        <v>0</v>
      </c>
      <c r="T1538">
        <v>1088.0150000000001</v>
      </c>
      <c r="U1538">
        <v>1109.482</v>
      </c>
      <c r="V1538">
        <v>1113.393</v>
      </c>
      <c r="W1538">
        <v>1136.318</v>
      </c>
      <c r="X1538">
        <v>1160.92</v>
      </c>
      <c r="Y1538">
        <v>1170.2470000000001</v>
      </c>
    </row>
    <row r="1539" spans="1:25" x14ac:dyDescent="0.3">
      <c r="A1539">
        <v>41.183333338300386</v>
      </c>
      <c r="B1539">
        <v>956.101</v>
      </c>
      <c r="C1539">
        <v>995.82</v>
      </c>
      <c r="D1539">
        <v>992.125</v>
      </c>
      <c r="E1539">
        <v>1028.357</v>
      </c>
      <c r="F1539">
        <v>1049.7719999999999</v>
      </c>
      <c r="G1539">
        <v>1084.5730000000001</v>
      </c>
      <c r="H1539">
        <v>1095.3209999999999</v>
      </c>
      <c r="I1539">
        <v>1115.3789999999999</v>
      </c>
      <c r="J1539">
        <v>1129.6569999999999</v>
      </c>
      <c r="K1539">
        <v>1135.6369999999999</v>
      </c>
      <c r="L1539">
        <v>1142.9000000000001</v>
      </c>
      <c r="M1539">
        <v>1124.134</v>
      </c>
      <c r="N1539">
        <v>940.346</v>
      </c>
      <c r="O1539">
        <v>992.16200000000003</v>
      </c>
      <c r="P1539">
        <v>0</v>
      </c>
      <c r="Q1539">
        <v>0</v>
      </c>
      <c r="R1539">
        <v>1060.076</v>
      </c>
      <c r="S1539">
        <v>0</v>
      </c>
      <c r="T1539">
        <v>1086.0519999999999</v>
      </c>
      <c r="U1539">
        <v>1109.258</v>
      </c>
      <c r="V1539">
        <v>1113.8679999999999</v>
      </c>
      <c r="W1539">
        <v>1140.172</v>
      </c>
      <c r="X1539">
        <v>1160.692</v>
      </c>
      <c r="Y1539">
        <v>1166.491</v>
      </c>
    </row>
    <row r="1540" spans="1:25" x14ac:dyDescent="0.3">
      <c r="A1540">
        <v>41.216666668948406</v>
      </c>
      <c r="B1540">
        <v>948.19399999999996</v>
      </c>
      <c r="C1540">
        <v>995.01800000000003</v>
      </c>
      <c r="D1540">
        <v>992.08699999999999</v>
      </c>
      <c r="E1540">
        <v>1024.7719999999999</v>
      </c>
      <c r="F1540">
        <v>1042.2280000000001</v>
      </c>
      <c r="G1540">
        <v>1078.684</v>
      </c>
      <c r="H1540">
        <v>1090.5429999999999</v>
      </c>
      <c r="I1540">
        <v>1108.633</v>
      </c>
      <c r="J1540">
        <v>1125.29</v>
      </c>
      <c r="K1540">
        <v>1132.9970000000001</v>
      </c>
      <c r="L1540">
        <v>1143.204</v>
      </c>
      <c r="M1540">
        <v>1123.6759999999999</v>
      </c>
      <c r="N1540">
        <v>938.92600000000004</v>
      </c>
      <c r="O1540">
        <v>993.21600000000001</v>
      </c>
      <c r="P1540">
        <v>0</v>
      </c>
      <c r="Q1540">
        <v>0</v>
      </c>
      <c r="R1540">
        <v>1060.817</v>
      </c>
      <c r="S1540">
        <v>0</v>
      </c>
      <c r="T1540">
        <v>1086.7619999999999</v>
      </c>
      <c r="U1540">
        <v>1106.5840000000001</v>
      </c>
      <c r="V1540">
        <v>1113.0730000000001</v>
      </c>
      <c r="W1540">
        <v>1136.489</v>
      </c>
      <c r="X1540">
        <v>1159.0989999999999</v>
      </c>
      <c r="Y1540">
        <v>1163.873</v>
      </c>
    </row>
    <row r="1541" spans="1:25" x14ac:dyDescent="0.3">
      <c r="A1541">
        <v>41.233333339511105</v>
      </c>
      <c r="B1541">
        <v>946.62699999999995</v>
      </c>
      <c r="C1541">
        <v>995.14499999999998</v>
      </c>
      <c r="D1541">
        <v>993.452</v>
      </c>
      <c r="E1541">
        <v>1026.0740000000001</v>
      </c>
      <c r="F1541">
        <v>1041.6369999999999</v>
      </c>
      <c r="G1541">
        <v>1075.105</v>
      </c>
      <c r="H1541">
        <v>1086.462</v>
      </c>
      <c r="I1541">
        <v>1101.5999999999999</v>
      </c>
      <c r="J1541">
        <v>1118.835</v>
      </c>
      <c r="K1541">
        <v>1134.0409999999999</v>
      </c>
      <c r="L1541">
        <v>1142.5170000000001</v>
      </c>
      <c r="M1541">
        <v>1123.942</v>
      </c>
      <c r="N1541">
        <v>940.43399999999997</v>
      </c>
      <c r="O1541">
        <v>998.34900000000005</v>
      </c>
      <c r="P1541">
        <v>0</v>
      </c>
      <c r="Q1541">
        <v>0</v>
      </c>
      <c r="R1541">
        <v>1057.2909999999999</v>
      </c>
      <c r="S1541">
        <v>0</v>
      </c>
      <c r="T1541">
        <v>1085.058</v>
      </c>
      <c r="U1541">
        <v>1107.674</v>
      </c>
      <c r="V1541">
        <v>1113.4880000000001</v>
      </c>
      <c r="W1541">
        <v>1136.5840000000001</v>
      </c>
      <c r="X1541">
        <v>1160.671</v>
      </c>
      <c r="Y1541">
        <v>1165.5830000000001</v>
      </c>
    </row>
    <row r="1542" spans="1:25" x14ac:dyDescent="0.3">
      <c r="A1542">
        <v>41.266666670159125</v>
      </c>
      <c r="B1542">
        <v>950.19200000000001</v>
      </c>
      <c r="C1542">
        <v>997.274</v>
      </c>
      <c r="D1542">
        <v>995.05399999999997</v>
      </c>
      <c r="E1542">
        <v>1028.4469999999999</v>
      </c>
      <c r="F1542">
        <v>1044.8340000000001</v>
      </c>
      <c r="G1542">
        <v>1078.6089999999999</v>
      </c>
      <c r="H1542">
        <v>1088.895</v>
      </c>
      <c r="I1542">
        <v>1101.75</v>
      </c>
      <c r="J1542">
        <v>1119.6089999999999</v>
      </c>
      <c r="K1542">
        <v>1134.913</v>
      </c>
      <c r="L1542">
        <v>1143.546</v>
      </c>
      <c r="M1542">
        <v>1123.5809999999999</v>
      </c>
      <c r="N1542">
        <v>937.65099999999995</v>
      </c>
      <c r="O1542">
        <v>1000.683</v>
      </c>
      <c r="P1542">
        <v>0</v>
      </c>
      <c r="Q1542">
        <v>0</v>
      </c>
      <c r="R1542">
        <v>1053.7080000000001</v>
      </c>
      <c r="S1542">
        <v>0</v>
      </c>
      <c r="T1542">
        <v>1085.357</v>
      </c>
      <c r="U1542">
        <v>1109.029</v>
      </c>
      <c r="V1542">
        <v>1114.2809999999999</v>
      </c>
      <c r="W1542">
        <v>1136.1279999999999</v>
      </c>
      <c r="X1542">
        <v>1159.827</v>
      </c>
      <c r="Y1542">
        <v>1164.8309999999999</v>
      </c>
    </row>
    <row r="1543" spans="1:25" x14ac:dyDescent="0.3">
      <c r="A1543">
        <v>41.283333330244446</v>
      </c>
      <c r="B1543">
        <v>949.16600000000005</v>
      </c>
      <c r="C1543">
        <v>999.15</v>
      </c>
      <c r="D1543">
        <v>997.09299999999996</v>
      </c>
      <c r="E1543">
        <v>1032.664</v>
      </c>
      <c r="F1543">
        <v>1047.0719999999999</v>
      </c>
      <c r="G1543">
        <v>1081.145</v>
      </c>
      <c r="H1543">
        <v>1091.461</v>
      </c>
      <c r="I1543">
        <v>1106.076</v>
      </c>
      <c r="J1543">
        <v>1126.5239999999999</v>
      </c>
      <c r="K1543">
        <v>1138.3389999999999</v>
      </c>
      <c r="L1543">
        <v>1143.0889999999999</v>
      </c>
      <c r="M1543">
        <v>1122.519</v>
      </c>
      <c r="N1543">
        <v>934.58299999999997</v>
      </c>
      <c r="O1543">
        <v>1005.2329999999999</v>
      </c>
      <c r="P1543">
        <v>0</v>
      </c>
      <c r="Q1543">
        <v>0</v>
      </c>
      <c r="R1543">
        <v>1054.451</v>
      </c>
      <c r="S1543">
        <v>0</v>
      </c>
      <c r="T1543">
        <v>1084.009</v>
      </c>
      <c r="U1543">
        <v>1107.317</v>
      </c>
      <c r="V1543">
        <v>1115.7550000000001</v>
      </c>
      <c r="W1543">
        <v>1137.0609999999999</v>
      </c>
      <c r="X1543">
        <v>1162.2239999999999</v>
      </c>
      <c r="Y1543">
        <v>1168.8599999999999</v>
      </c>
    </row>
    <row r="1544" spans="1:25" x14ac:dyDescent="0.3">
      <c r="A1544">
        <v>41.316666671369845</v>
      </c>
      <c r="B1544">
        <v>945.81799999999998</v>
      </c>
      <c r="C1544">
        <v>1001.853</v>
      </c>
      <c r="D1544">
        <v>996.60199999999998</v>
      </c>
      <c r="E1544">
        <v>1032.259</v>
      </c>
      <c r="F1544">
        <v>1051.1199999999999</v>
      </c>
      <c r="G1544">
        <v>1085.2829999999999</v>
      </c>
      <c r="H1544">
        <v>1097.05</v>
      </c>
      <c r="I1544">
        <v>1111.4480000000001</v>
      </c>
      <c r="J1544">
        <v>1131.155</v>
      </c>
      <c r="K1544">
        <v>1138.2629999999999</v>
      </c>
      <c r="L1544">
        <v>1147</v>
      </c>
      <c r="M1544">
        <v>1125.954</v>
      </c>
      <c r="N1544">
        <v>939.14200000000005</v>
      </c>
      <c r="O1544">
        <v>1003.004</v>
      </c>
      <c r="P1544">
        <v>0</v>
      </c>
      <c r="Q1544">
        <v>0</v>
      </c>
      <c r="R1544">
        <v>1061.7080000000001</v>
      </c>
      <c r="S1544">
        <v>0</v>
      </c>
      <c r="T1544">
        <v>1088.8209999999999</v>
      </c>
      <c r="U1544">
        <v>1110.654</v>
      </c>
      <c r="V1544">
        <v>1119.836</v>
      </c>
      <c r="W1544">
        <v>1144.348</v>
      </c>
      <c r="X1544">
        <v>1168.4549999999999</v>
      </c>
      <c r="Y1544">
        <v>1165.1590000000001</v>
      </c>
    </row>
    <row r="1545" spans="1:25" x14ac:dyDescent="0.3">
      <c r="A1545">
        <v>41.350000002017865</v>
      </c>
      <c r="B1545">
        <v>950.10400000000004</v>
      </c>
      <c r="C1545">
        <v>1004.01</v>
      </c>
      <c r="D1545">
        <v>999.26099999999997</v>
      </c>
      <c r="E1545">
        <v>1032.8130000000001</v>
      </c>
      <c r="F1545">
        <v>1051.3440000000001</v>
      </c>
      <c r="G1545">
        <v>1085.6959999999999</v>
      </c>
      <c r="H1545">
        <v>1095.2080000000001</v>
      </c>
      <c r="I1545">
        <v>1113.0740000000001</v>
      </c>
      <c r="J1545">
        <v>1132.201</v>
      </c>
      <c r="K1545">
        <v>1139.18</v>
      </c>
      <c r="L1545">
        <v>1148.9290000000001</v>
      </c>
      <c r="M1545">
        <v>1128.7460000000001</v>
      </c>
      <c r="N1545">
        <v>947.56500000000005</v>
      </c>
      <c r="O1545">
        <v>1007.226</v>
      </c>
      <c r="P1545">
        <v>0</v>
      </c>
      <c r="Q1545">
        <v>0</v>
      </c>
      <c r="R1545">
        <v>1063.9929999999999</v>
      </c>
      <c r="S1545">
        <v>0</v>
      </c>
      <c r="T1545">
        <v>1090.508</v>
      </c>
      <c r="U1545">
        <v>1112.6210000000001</v>
      </c>
      <c r="V1545">
        <v>1119.7619999999999</v>
      </c>
      <c r="W1545">
        <v>1143.1099999999999</v>
      </c>
      <c r="X1545">
        <v>1169.0740000000001</v>
      </c>
      <c r="Y1545">
        <v>1168.3219999999999</v>
      </c>
    </row>
    <row r="1546" spans="1:25" x14ac:dyDescent="0.3">
      <c r="A1546">
        <v>41.366666672580564</v>
      </c>
      <c r="B1546">
        <v>954.46199999999999</v>
      </c>
      <c r="C1546">
        <v>1004.6130000000001</v>
      </c>
      <c r="D1546">
        <v>999.49800000000005</v>
      </c>
      <c r="E1546">
        <v>1032.8309999999999</v>
      </c>
      <c r="F1546">
        <v>1053.433</v>
      </c>
      <c r="G1546">
        <v>1085.6769999999999</v>
      </c>
      <c r="H1546">
        <v>1099.0820000000001</v>
      </c>
      <c r="I1546">
        <v>1117.5709999999999</v>
      </c>
      <c r="J1546">
        <v>1133.0170000000001</v>
      </c>
      <c r="K1546">
        <v>1140.5920000000001</v>
      </c>
      <c r="L1546">
        <v>1149.615</v>
      </c>
      <c r="M1546">
        <v>1133.0170000000001</v>
      </c>
      <c r="N1546">
        <v>952.21100000000001</v>
      </c>
      <c r="O1546">
        <v>1004.138</v>
      </c>
      <c r="P1546">
        <v>0</v>
      </c>
      <c r="Q1546">
        <v>0</v>
      </c>
      <c r="R1546">
        <v>1058.3499999999999</v>
      </c>
      <c r="S1546">
        <v>0</v>
      </c>
      <c r="T1546">
        <v>1092.867</v>
      </c>
      <c r="U1546">
        <v>1111.903</v>
      </c>
      <c r="V1546">
        <v>1118.421</v>
      </c>
      <c r="W1546">
        <v>1141.5840000000001</v>
      </c>
      <c r="X1546">
        <v>1165.277</v>
      </c>
      <c r="Y1546">
        <v>1171.117</v>
      </c>
    </row>
    <row r="1547" spans="1:25" x14ac:dyDescent="0.3">
      <c r="A1547">
        <v>41.400000003228584</v>
      </c>
      <c r="B1547">
        <v>953.79700000000003</v>
      </c>
      <c r="C1547">
        <v>1004.5410000000001</v>
      </c>
      <c r="D1547">
        <v>1002.659</v>
      </c>
      <c r="E1547">
        <v>1032.4449999999999</v>
      </c>
      <c r="F1547">
        <v>1052.712</v>
      </c>
      <c r="G1547">
        <v>1086.221</v>
      </c>
      <c r="H1547">
        <v>1101.2080000000001</v>
      </c>
      <c r="I1547">
        <v>1116.5129999999999</v>
      </c>
      <c r="J1547">
        <v>1132.3720000000001</v>
      </c>
      <c r="K1547">
        <v>1138.4939999999999</v>
      </c>
      <c r="L1547">
        <v>1144.2929999999999</v>
      </c>
      <c r="M1547">
        <v>1129.07</v>
      </c>
      <c r="N1547">
        <v>949.15099999999995</v>
      </c>
      <c r="O1547">
        <v>1003.28</v>
      </c>
      <c r="P1547">
        <v>0</v>
      </c>
      <c r="Q1547">
        <v>0</v>
      </c>
      <c r="R1547">
        <v>1061.116</v>
      </c>
      <c r="S1547">
        <v>0</v>
      </c>
      <c r="T1547">
        <v>1093.7850000000001</v>
      </c>
      <c r="U1547">
        <v>1114.02</v>
      </c>
      <c r="V1547">
        <v>1122.7860000000001</v>
      </c>
      <c r="W1547">
        <v>1144.789</v>
      </c>
      <c r="X1547">
        <v>1165.759</v>
      </c>
      <c r="Y1547">
        <v>1170.25</v>
      </c>
    </row>
    <row r="1548" spans="1:25" x14ac:dyDescent="0.3">
      <c r="A1548">
        <v>41.433333333876604</v>
      </c>
      <c r="B1548">
        <v>947.27800000000002</v>
      </c>
      <c r="C1548">
        <v>1000.8869999999999</v>
      </c>
      <c r="D1548">
        <v>1000.521</v>
      </c>
      <c r="E1548">
        <v>1032.6289999999999</v>
      </c>
      <c r="F1548">
        <v>1048.7929999999999</v>
      </c>
      <c r="G1548">
        <v>1085.491</v>
      </c>
      <c r="H1548">
        <v>1096.826</v>
      </c>
      <c r="I1548">
        <v>1108.7670000000001</v>
      </c>
      <c r="J1548">
        <v>1126.6590000000001</v>
      </c>
      <c r="K1548">
        <v>1138.5319999999999</v>
      </c>
      <c r="L1548">
        <v>1142.7860000000001</v>
      </c>
      <c r="M1548">
        <v>1126.981</v>
      </c>
      <c r="N1548">
        <v>952.66200000000003</v>
      </c>
      <c r="O1548">
        <v>1004.998</v>
      </c>
      <c r="P1548">
        <v>0</v>
      </c>
      <c r="Q1548">
        <v>0</v>
      </c>
      <c r="R1548">
        <v>1061.5429999999999</v>
      </c>
      <c r="S1548">
        <v>0</v>
      </c>
      <c r="T1548">
        <v>1089.6469999999999</v>
      </c>
      <c r="U1548">
        <v>1112.47</v>
      </c>
      <c r="V1548">
        <v>1119.5360000000001</v>
      </c>
      <c r="W1548">
        <v>1142.462</v>
      </c>
      <c r="X1548">
        <v>1164.95</v>
      </c>
      <c r="Y1548">
        <v>1171.2139999999999</v>
      </c>
    </row>
    <row r="1549" spans="1:25" x14ac:dyDescent="0.3">
      <c r="A1549">
        <v>41.450000004439303</v>
      </c>
      <c r="B1549">
        <v>938.71100000000001</v>
      </c>
      <c r="C1549">
        <v>999.45899999999995</v>
      </c>
      <c r="D1549">
        <v>998.00300000000004</v>
      </c>
      <c r="E1549">
        <v>1030.2149999999999</v>
      </c>
      <c r="F1549">
        <v>1049.4190000000001</v>
      </c>
      <c r="G1549">
        <v>1084.9459999999999</v>
      </c>
      <c r="H1549">
        <v>1097.087</v>
      </c>
      <c r="I1549">
        <v>1111.731</v>
      </c>
      <c r="J1549">
        <v>1133.6420000000001</v>
      </c>
      <c r="K1549">
        <v>1144.444</v>
      </c>
      <c r="L1549">
        <v>1148.24</v>
      </c>
      <c r="M1549">
        <v>1127.53</v>
      </c>
      <c r="N1549">
        <v>947.726</v>
      </c>
      <c r="O1549">
        <v>1003.899</v>
      </c>
      <c r="P1549">
        <v>0</v>
      </c>
      <c r="Q1549">
        <v>0</v>
      </c>
      <c r="R1549">
        <v>1061.838</v>
      </c>
      <c r="S1549">
        <v>0</v>
      </c>
      <c r="T1549">
        <v>1090.394</v>
      </c>
      <c r="U1549">
        <v>1112.241</v>
      </c>
      <c r="V1549">
        <v>1119.817</v>
      </c>
      <c r="W1549">
        <v>1141.105</v>
      </c>
      <c r="X1549">
        <v>1163.451</v>
      </c>
      <c r="Y1549">
        <v>1168.4549999999999</v>
      </c>
    </row>
    <row r="1550" spans="1:25" x14ac:dyDescent="0.3">
      <c r="A1550">
        <v>41.483333335087323</v>
      </c>
      <c r="B1550">
        <v>925.38400000000001</v>
      </c>
      <c r="C1550">
        <v>1002.109</v>
      </c>
      <c r="D1550">
        <v>999.25900000000001</v>
      </c>
      <c r="E1550">
        <v>1031.7249999999999</v>
      </c>
      <c r="F1550">
        <v>1051.5450000000001</v>
      </c>
      <c r="G1550">
        <v>1084.758</v>
      </c>
      <c r="H1550">
        <v>1100.829</v>
      </c>
      <c r="I1550">
        <v>1117.9849999999999</v>
      </c>
      <c r="J1550">
        <v>1140.4949999999999</v>
      </c>
      <c r="K1550">
        <v>1147.4010000000001</v>
      </c>
      <c r="L1550">
        <v>1149.556</v>
      </c>
      <c r="M1550">
        <v>1128.7639999999999</v>
      </c>
      <c r="N1550">
        <v>948.75199999999995</v>
      </c>
      <c r="O1550">
        <v>1002.949</v>
      </c>
      <c r="P1550">
        <v>0</v>
      </c>
      <c r="Q1550">
        <v>0</v>
      </c>
      <c r="R1550">
        <v>1066.33</v>
      </c>
      <c r="S1550">
        <v>0</v>
      </c>
      <c r="T1550">
        <v>1091.9480000000001</v>
      </c>
      <c r="U1550">
        <v>1113.885</v>
      </c>
      <c r="V1550">
        <v>1124.2650000000001</v>
      </c>
      <c r="W1550">
        <v>1146.6949999999999</v>
      </c>
      <c r="X1550">
        <v>1168.3779999999999</v>
      </c>
      <c r="Y1550">
        <v>1168.9369999999999</v>
      </c>
    </row>
    <row r="1551" spans="1:25" x14ac:dyDescent="0.3">
      <c r="A1551">
        <v>41.500000005650023</v>
      </c>
      <c r="B1551">
        <v>933.85</v>
      </c>
      <c r="C1551">
        <v>1002.275</v>
      </c>
      <c r="D1551">
        <v>1001.837</v>
      </c>
      <c r="E1551">
        <v>1034.047</v>
      </c>
      <c r="F1551">
        <v>1053.971</v>
      </c>
      <c r="G1551">
        <v>1085.5840000000001</v>
      </c>
      <c r="H1551">
        <v>1100.644</v>
      </c>
      <c r="I1551">
        <v>1117.5150000000001</v>
      </c>
      <c r="J1551">
        <v>1138.6659999999999</v>
      </c>
      <c r="K1551">
        <v>1149.1199999999999</v>
      </c>
      <c r="L1551">
        <v>1152.2370000000001</v>
      </c>
      <c r="M1551">
        <v>1131.0630000000001</v>
      </c>
      <c r="N1551">
        <v>950.28499999999997</v>
      </c>
      <c r="O1551">
        <v>1009.1079999999999</v>
      </c>
      <c r="P1551">
        <v>0</v>
      </c>
      <c r="Q1551">
        <v>0</v>
      </c>
      <c r="R1551">
        <v>1066.165</v>
      </c>
      <c r="S1551">
        <v>0</v>
      </c>
      <c r="T1551">
        <v>1091.22</v>
      </c>
      <c r="U1551">
        <v>1110.77</v>
      </c>
      <c r="V1551">
        <v>1118.422</v>
      </c>
      <c r="W1551">
        <v>1139.6189999999999</v>
      </c>
      <c r="X1551">
        <v>1161.402</v>
      </c>
      <c r="Y1551">
        <v>1172.8330000000001</v>
      </c>
    </row>
    <row r="1552" spans="1:25" x14ac:dyDescent="0.3">
      <c r="A1552">
        <v>41.533333336298043</v>
      </c>
      <c r="B1552">
        <v>951.904</v>
      </c>
      <c r="C1552">
        <v>1001.1950000000001</v>
      </c>
      <c r="D1552">
        <v>997.07500000000005</v>
      </c>
      <c r="E1552">
        <v>1035.739</v>
      </c>
      <c r="F1552">
        <v>1057.9590000000001</v>
      </c>
      <c r="G1552">
        <v>1087.136</v>
      </c>
      <c r="H1552">
        <v>1099.0619999999999</v>
      </c>
      <c r="I1552">
        <v>1126.5050000000001</v>
      </c>
      <c r="J1552">
        <v>1143.356</v>
      </c>
      <c r="K1552">
        <v>1149.213</v>
      </c>
      <c r="L1552">
        <v>1154.076</v>
      </c>
      <c r="M1552">
        <v>1131.0029999999999</v>
      </c>
      <c r="N1552">
        <v>954.49699999999996</v>
      </c>
      <c r="O1552">
        <v>1012.559</v>
      </c>
      <c r="P1552">
        <v>0</v>
      </c>
      <c r="Q1552">
        <v>0</v>
      </c>
      <c r="R1552">
        <v>1064.307</v>
      </c>
      <c r="S1552">
        <v>0</v>
      </c>
      <c r="T1552">
        <v>1085.732</v>
      </c>
      <c r="U1552">
        <v>1106.452</v>
      </c>
      <c r="V1552">
        <v>1115.472</v>
      </c>
      <c r="W1552">
        <v>1135.4639999999999</v>
      </c>
      <c r="X1552">
        <v>1157.8340000000001</v>
      </c>
      <c r="Y1552">
        <v>1169.7270000000001</v>
      </c>
    </row>
    <row r="1553" spans="1:25" x14ac:dyDescent="0.3">
      <c r="A1553">
        <v>41.566666666946062</v>
      </c>
      <c r="B1553">
        <v>966.80600000000004</v>
      </c>
      <c r="C1553">
        <v>1002.823</v>
      </c>
      <c r="D1553">
        <v>996.09299999999996</v>
      </c>
      <c r="E1553">
        <v>1033.8620000000001</v>
      </c>
      <c r="F1553">
        <v>1057.682</v>
      </c>
      <c r="G1553">
        <v>1088.972</v>
      </c>
      <c r="H1553">
        <v>1103.2380000000001</v>
      </c>
      <c r="I1553">
        <v>1127.2280000000001</v>
      </c>
      <c r="J1553">
        <v>1135.77</v>
      </c>
      <c r="K1553">
        <v>1142.1369999999999</v>
      </c>
      <c r="L1553">
        <v>1148.1079999999999</v>
      </c>
      <c r="M1553">
        <v>1128.367</v>
      </c>
      <c r="N1553">
        <v>953.38199999999995</v>
      </c>
      <c r="O1553">
        <v>1011.793</v>
      </c>
      <c r="P1553">
        <v>0</v>
      </c>
      <c r="Q1553">
        <v>0</v>
      </c>
      <c r="R1553">
        <v>1066.0160000000001</v>
      </c>
      <c r="S1553">
        <v>0</v>
      </c>
      <c r="T1553">
        <v>1088.7850000000001</v>
      </c>
      <c r="U1553">
        <v>1108.691</v>
      </c>
      <c r="V1553">
        <v>1121.7650000000001</v>
      </c>
      <c r="W1553">
        <v>1143.8920000000001</v>
      </c>
      <c r="X1553">
        <v>1160.385</v>
      </c>
      <c r="Y1553">
        <v>1172.4079999999999</v>
      </c>
    </row>
    <row r="1554" spans="1:25" x14ac:dyDescent="0.3">
      <c r="A1554">
        <v>41.583333337508762</v>
      </c>
      <c r="B1554">
        <v>966.24599999999998</v>
      </c>
      <c r="C1554">
        <v>1003.5170000000001</v>
      </c>
      <c r="D1554">
        <v>997.76800000000003</v>
      </c>
      <c r="E1554">
        <v>1036.845</v>
      </c>
      <c r="F1554">
        <v>1056.1600000000001</v>
      </c>
      <c r="G1554">
        <v>1088.4110000000001</v>
      </c>
      <c r="H1554">
        <v>1094.8699999999999</v>
      </c>
      <c r="I1554">
        <v>1112.1859999999999</v>
      </c>
      <c r="J1554">
        <v>1122.2940000000001</v>
      </c>
      <c r="K1554">
        <v>1133.777</v>
      </c>
      <c r="L1554">
        <v>1141.6220000000001</v>
      </c>
      <c r="M1554">
        <v>1124.5319999999999</v>
      </c>
      <c r="N1554">
        <v>949.20399999999995</v>
      </c>
      <c r="O1554">
        <v>1008.724</v>
      </c>
      <c r="P1554">
        <v>0</v>
      </c>
      <c r="Q1554">
        <v>0</v>
      </c>
      <c r="R1554">
        <v>1069.1420000000001</v>
      </c>
      <c r="S1554">
        <v>0</v>
      </c>
      <c r="T1554">
        <v>1090.6389999999999</v>
      </c>
      <c r="U1554">
        <v>1110.0139999999999</v>
      </c>
      <c r="V1554">
        <v>1125.5</v>
      </c>
      <c r="W1554">
        <v>1146.22</v>
      </c>
      <c r="X1554">
        <v>1166.587</v>
      </c>
      <c r="Y1554">
        <v>1171.7139999999999</v>
      </c>
    </row>
    <row r="1555" spans="1:25" x14ac:dyDescent="0.3">
      <c r="A1555">
        <v>41.616666668156782</v>
      </c>
      <c r="B1555">
        <v>957.70399999999995</v>
      </c>
      <c r="C1555">
        <v>1003.28</v>
      </c>
      <c r="D1555">
        <v>1000.338</v>
      </c>
      <c r="E1555">
        <v>1035.98</v>
      </c>
      <c r="F1555">
        <v>1051.529</v>
      </c>
      <c r="G1555">
        <v>1085.3399999999999</v>
      </c>
      <c r="H1555">
        <v>1093.0540000000001</v>
      </c>
      <c r="I1555">
        <v>1105.3630000000001</v>
      </c>
      <c r="J1555">
        <v>1118.78</v>
      </c>
      <c r="K1555">
        <v>1134.8589999999999</v>
      </c>
      <c r="L1555">
        <v>1143.2629999999999</v>
      </c>
      <c r="M1555">
        <v>1127.19</v>
      </c>
      <c r="N1555">
        <v>964.99900000000002</v>
      </c>
      <c r="O1555">
        <v>998.351</v>
      </c>
      <c r="P1555">
        <v>0</v>
      </c>
      <c r="Q1555">
        <v>0</v>
      </c>
      <c r="R1555">
        <v>1064.9760000000001</v>
      </c>
      <c r="S1555">
        <v>0</v>
      </c>
      <c r="T1555">
        <v>1093.5409999999999</v>
      </c>
      <c r="U1555">
        <v>1116.3810000000001</v>
      </c>
      <c r="V1555">
        <v>1126.829</v>
      </c>
      <c r="W1555">
        <v>1152.6579999999999</v>
      </c>
      <c r="X1555">
        <v>1171.9839999999999</v>
      </c>
      <c r="Y1555">
        <v>1172.0999999999999</v>
      </c>
    </row>
    <row r="1556" spans="1:25" x14ac:dyDescent="0.3">
      <c r="A1556">
        <v>41.633333338719481</v>
      </c>
      <c r="B1556">
        <v>951.23900000000003</v>
      </c>
      <c r="C1556">
        <v>1003.353</v>
      </c>
      <c r="D1556">
        <v>1000.1</v>
      </c>
      <c r="E1556">
        <v>1038.502</v>
      </c>
      <c r="F1556">
        <v>1055.232</v>
      </c>
      <c r="G1556">
        <v>1088.0740000000001</v>
      </c>
      <c r="H1556">
        <v>1101.1320000000001</v>
      </c>
      <c r="I1556">
        <v>1114.3019999999999</v>
      </c>
      <c r="J1556">
        <v>1127.9680000000001</v>
      </c>
      <c r="K1556">
        <v>1144.999</v>
      </c>
      <c r="L1556">
        <v>1153.3869999999999</v>
      </c>
      <c r="M1556">
        <v>1135.846</v>
      </c>
      <c r="N1556">
        <v>964.38499999999999</v>
      </c>
      <c r="O1556">
        <v>993.76400000000001</v>
      </c>
      <c r="P1556">
        <v>0</v>
      </c>
      <c r="Q1556">
        <v>0</v>
      </c>
      <c r="R1556">
        <v>1062.972</v>
      </c>
      <c r="S1556">
        <v>0</v>
      </c>
      <c r="T1556">
        <v>1098.7809999999999</v>
      </c>
      <c r="U1556">
        <v>1121.8409999999999</v>
      </c>
      <c r="V1556">
        <v>1137.33</v>
      </c>
      <c r="W1556">
        <v>1161.4590000000001</v>
      </c>
      <c r="X1556">
        <v>1179.4449999999999</v>
      </c>
      <c r="Y1556">
        <v>1170.307</v>
      </c>
    </row>
    <row r="1557" spans="1:25" x14ac:dyDescent="0.3">
      <c r="A1557">
        <v>41.666666669367501</v>
      </c>
      <c r="B1557">
        <v>955.00300000000004</v>
      </c>
      <c r="C1557">
        <v>1004.3390000000001</v>
      </c>
      <c r="D1557">
        <v>1003.444</v>
      </c>
      <c r="E1557">
        <v>1040.8620000000001</v>
      </c>
      <c r="F1557">
        <v>1060.7070000000001</v>
      </c>
      <c r="G1557">
        <v>1095.171</v>
      </c>
      <c r="H1557">
        <v>1106.2470000000001</v>
      </c>
      <c r="I1557">
        <v>1126.4680000000001</v>
      </c>
      <c r="J1557">
        <v>1136.8910000000001</v>
      </c>
      <c r="K1557">
        <v>1150.2070000000001</v>
      </c>
      <c r="L1557">
        <v>1157.164</v>
      </c>
      <c r="M1557">
        <v>1139.2950000000001</v>
      </c>
      <c r="N1557">
        <v>958.56799999999998</v>
      </c>
      <c r="O1557">
        <v>992.21600000000001</v>
      </c>
      <c r="P1557">
        <v>0</v>
      </c>
      <c r="Q1557">
        <v>0</v>
      </c>
      <c r="R1557">
        <v>1066.721</v>
      </c>
      <c r="S1557">
        <v>0</v>
      </c>
      <c r="T1557">
        <v>1103.2570000000001</v>
      </c>
      <c r="U1557">
        <v>1126.6769999999999</v>
      </c>
      <c r="V1557">
        <v>1138.1310000000001</v>
      </c>
      <c r="W1557">
        <v>1160.174</v>
      </c>
      <c r="X1557">
        <v>1179.6199999999999</v>
      </c>
      <c r="Y1557">
        <v>1175.6849999999999</v>
      </c>
    </row>
    <row r="1558" spans="1:25" x14ac:dyDescent="0.3">
      <c r="A1558">
        <v>41.700000000015521</v>
      </c>
      <c r="B1558">
        <v>957.23599999999999</v>
      </c>
      <c r="C1558">
        <v>1008.0119999999999</v>
      </c>
      <c r="D1558">
        <v>1005.856</v>
      </c>
      <c r="E1558">
        <v>1040.6959999999999</v>
      </c>
      <c r="F1558">
        <v>1061.598</v>
      </c>
      <c r="G1558">
        <v>1097.9349999999999</v>
      </c>
      <c r="H1558">
        <v>1108.635</v>
      </c>
      <c r="I1558">
        <v>1131.8019999999999</v>
      </c>
      <c r="J1558">
        <v>1138.2260000000001</v>
      </c>
      <c r="K1558">
        <v>1147.345</v>
      </c>
      <c r="L1558">
        <v>1152.4469999999999</v>
      </c>
      <c r="M1558">
        <v>1134.7639999999999</v>
      </c>
      <c r="N1558">
        <v>960.30100000000004</v>
      </c>
      <c r="O1558">
        <v>1001.16</v>
      </c>
      <c r="P1558">
        <v>0</v>
      </c>
      <c r="Q1558">
        <v>0</v>
      </c>
      <c r="R1558">
        <v>1065.2360000000001</v>
      </c>
      <c r="S1558">
        <v>0</v>
      </c>
      <c r="T1558">
        <v>1098.819</v>
      </c>
      <c r="U1558">
        <v>1119.347</v>
      </c>
      <c r="V1558">
        <v>1127.8920000000001</v>
      </c>
      <c r="W1558">
        <v>1155.17</v>
      </c>
      <c r="X1558">
        <v>1173.7190000000001</v>
      </c>
      <c r="Y1558">
        <v>1173.6220000000001</v>
      </c>
    </row>
    <row r="1559" spans="1:25" x14ac:dyDescent="0.3">
      <c r="A1559">
        <v>41.716666670578221</v>
      </c>
      <c r="B1559">
        <v>960.24599999999998</v>
      </c>
      <c r="C1559">
        <v>1008.103</v>
      </c>
      <c r="D1559">
        <v>1002.658</v>
      </c>
      <c r="E1559">
        <v>1038.9069999999999</v>
      </c>
      <c r="F1559">
        <v>1063.232</v>
      </c>
      <c r="G1559">
        <v>1098.029</v>
      </c>
      <c r="H1559">
        <v>1112.432</v>
      </c>
      <c r="I1559">
        <v>1132.049</v>
      </c>
      <c r="J1559">
        <v>1136.0730000000001</v>
      </c>
      <c r="K1559">
        <v>1146.277</v>
      </c>
      <c r="L1559">
        <v>1152.9269999999999</v>
      </c>
      <c r="M1559">
        <v>1136.1300000000001</v>
      </c>
      <c r="N1559">
        <v>959.68600000000004</v>
      </c>
      <c r="O1559">
        <v>1005.582</v>
      </c>
      <c r="P1559">
        <v>0</v>
      </c>
      <c r="Q1559">
        <v>0</v>
      </c>
      <c r="R1559">
        <v>1071.5650000000001</v>
      </c>
      <c r="S1559">
        <v>0</v>
      </c>
      <c r="T1559">
        <v>1098.067</v>
      </c>
      <c r="U1559">
        <v>1116.21</v>
      </c>
      <c r="V1559">
        <v>1122.4259999999999</v>
      </c>
      <c r="W1559">
        <v>1151.374</v>
      </c>
      <c r="X1559">
        <v>1177.0719999999999</v>
      </c>
      <c r="Y1559">
        <v>1176.1089999999999</v>
      </c>
    </row>
    <row r="1560" spans="1:25" x14ac:dyDescent="0.3">
      <c r="A1560">
        <v>41.75000000122624</v>
      </c>
      <c r="B1560">
        <v>963.21100000000001</v>
      </c>
      <c r="C1560">
        <v>1008.013</v>
      </c>
      <c r="D1560">
        <v>1001.088</v>
      </c>
      <c r="E1560">
        <v>1037.5830000000001</v>
      </c>
      <c r="F1560">
        <v>1059.818</v>
      </c>
      <c r="G1560">
        <v>1092.98</v>
      </c>
      <c r="H1560">
        <v>1106.7929999999999</v>
      </c>
      <c r="I1560">
        <v>1128.8420000000001</v>
      </c>
      <c r="J1560">
        <v>1136.2829999999999</v>
      </c>
      <c r="K1560">
        <v>1146.183</v>
      </c>
      <c r="L1560">
        <v>1154.519</v>
      </c>
      <c r="M1560">
        <v>1132.7719999999999</v>
      </c>
      <c r="N1560">
        <v>954.86</v>
      </c>
      <c r="O1560">
        <v>1003.701</v>
      </c>
      <c r="P1560">
        <v>0</v>
      </c>
      <c r="Q1560">
        <v>0</v>
      </c>
      <c r="R1560">
        <v>1067.7449999999999</v>
      </c>
      <c r="S1560">
        <v>0</v>
      </c>
      <c r="T1560">
        <v>1097.4469999999999</v>
      </c>
      <c r="U1560">
        <v>1113.9259999999999</v>
      </c>
      <c r="V1560">
        <v>1118.271</v>
      </c>
      <c r="W1560">
        <v>1148.338</v>
      </c>
      <c r="X1560">
        <v>1171.7729999999999</v>
      </c>
      <c r="Y1560">
        <v>1175.8019999999999</v>
      </c>
    </row>
    <row r="1561" spans="1:25" x14ac:dyDescent="0.3">
      <c r="A1561">
        <v>41.76666667178894</v>
      </c>
      <c r="B1561">
        <v>969.04700000000003</v>
      </c>
      <c r="C1561">
        <v>1008.176</v>
      </c>
      <c r="D1561">
        <v>1002.768</v>
      </c>
      <c r="E1561">
        <v>1040.3440000000001</v>
      </c>
      <c r="F1561">
        <v>1059.742</v>
      </c>
      <c r="G1561">
        <v>1092.193</v>
      </c>
      <c r="H1561">
        <v>1105.1559999999999</v>
      </c>
      <c r="I1561">
        <v>1120.2909999999999</v>
      </c>
      <c r="J1561">
        <v>1132.6379999999999</v>
      </c>
      <c r="K1561">
        <v>1143.9490000000001</v>
      </c>
      <c r="L1561">
        <v>1154.25</v>
      </c>
      <c r="M1561">
        <v>1130.2460000000001</v>
      </c>
      <c r="N1561">
        <v>957.27200000000005</v>
      </c>
      <c r="O1561">
        <v>1001.215</v>
      </c>
      <c r="P1561">
        <v>0</v>
      </c>
      <c r="Q1561">
        <v>0</v>
      </c>
      <c r="R1561">
        <v>1066.703</v>
      </c>
      <c r="S1561">
        <v>0</v>
      </c>
      <c r="T1561">
        <v>1095.7159999999999</v>
      </c>
      <c r="U1561">
        <v>1112.0540000000001</v>
      </c>
      <c r="V1561">
        <v>1118.837</v>
      </c>
      <c r="W1561">
        <v>1145.0940000000001</v>
      </c>
      <c r="X1561">
        <v>1172.6969999999999</v>
      </c>
      <c r="Y1561">
        <v>1172.5619999999999</v>
      </c>
    </row>
    <row r="1562" spans="1:25" x14ac:dyDescent="0.3">
      <c r="A1562">
        <v>41.80000000243696</v>
      </c>
      <c r="B1562">
        <v>961.51300000000003</v>
      </c>
      <c r="C1562">
        <v>1010.169</v>
      </c>
      <c r="D1562">
        <v>1003.409</v>
      </c>
      <c r="E1562">
        <v>1041.9169999999999</v>
      </c>
      <c r="F1562">
        <v>1059.6690000000001</v>
      </c>
      <c r="G1562">
        <v>1092.55</v>
      </c>
      <c r="H1562">
        <v>1103.8030000000001</v>
      </c>
      <c r="I1562">
        <v>1119.952</v>
      </c>
      <c r="J1562">
        <v>1133.018</v>
      </c>
      <c r="K1562">
        <v>1146.316</v>
      </c>
      <c r="L1562">
        <v>1160.502</v>
      </c>
      <c r="M1562">
        <v>1135.3530000000001</v>
      </c>
      <c r="N1562">
        <v>958.31700000000001</v>
      </c>
      <c r="O1562">
        <v>998.44299999999998</v>
      </c>
      <c r="P1562">
        <v>0</v>
      </c>
      <c r="Q1562">
        <v>0</v>
      </c>
      <c r="R1562">
        <v>1069.684</v>
      </c>
      <c r="S1562">
        <v>0</v>
      </c>
      <c r="T1562">
        <v>1094.796</v>
      </c>
      <c r="U1562">
        <v>1113.9449999999999</v>
      </c>
      <c r="V1562">
        <v>1120.1600000000001</v>
      </c>
      <c r="W1562">
        <v>1146.412</v>
      </c>
      <c r="X1562">
        <v>1171.0409999999999</v>
      </c>
      <c r="Y1562">
        <v>1177.17</v>
      </c>
    </row>
    <row r="1563" spans="1:25" x14ac:dyDescent="0.3">
      <c r="A1563">
        <v>41.83333333308498</v>
      </c>
      <c r="B1563">
        <v>965.702</v>
      </c>
      <c r="C1563">
        <v>1009.837</v>
      </c>
      <c r="D1563">
        <v>1003.972</v>
      </c>
      <c r="E1563">
        <v>1040.0840000000001</v>
      </c>
      <c r="F1563">
        <v>1057.0309999999999</v>
      </c>
      <c r="G1563">
        <v>1091.9290000000001</v>
      </c>
      <c r="H1563">
        <v>1107.9000000000001</v>
      </c>
      <c r="I1563">
        <v>1119.402</v>
      </c>
      <c r="J1563">
        <v>1131.345</v>
      </c>
      <c r="K1563">
        <v>1145.646</v>
      </c>
      <c r="L1563">
        <v>1158.9069999999999</v>
      </c>
      <c r="M1563">
        <v>1137.1369999999999</v>
      </c>
      <c r="N1563">
        <v>955.86599999999999</v>
      </c>
      <c r="O1563">
        <v>1002.876</v>
      </c>
      <c r="P1563">
        <v>0</v>
      </c>
      <c r="Q1563">
        <v>0</v>
      </c>
      <c r="R1563">
        <v>1069.886</v>
      </c>
      <c r="S1563">
        <v>0</v>
      </c>
      <c r="T1563">
        <v>1099.08</v>
      </c>
      <c r="U1563">
        <v>1116.2650000000001</v>
      </c>
      <c r="V1563">
        <v>1123.6759999999999</v>
      </c>
      <c r="W1563">
        <v>1147.4010000000001</v>
      </c>
      <c r="X1563">
        <v>1174.527</v>
      </c>
      <c r="Y1563">
        <v>1180.451</v>
      </c>
    </row>
    <row r="1564" spans="1:25" x14ac:dyDescent="0.3">
      <c r="A1564">
        <v>41.850000003647679</v>
      </c>
      <c r="B1564">
        <v>962.36099999999999</v>
      </c>
      <c r="C1564">
        <v>1011.283</v>
      </c>
      <c r="D1564">
        <v>1003.9930000000001</v>
      </c>
      <c r="E1564">
        <v>1036.22</v>
      </c>
      <c r="F1564">
        <v>1056.7180000000001</v>
      </c>
      <c r="G1564">
        <v>1093.242</v>
      </c>
      <c r="H1564">
        <v>1107.6389999999999</v>
      </c>
      <c r="I1564">
        <v>1120.2159999999999</v>
      </c>
      <c r="J1564">
        <v>1134.404</v>
      </c>
      <c r="K1564">
        <v>1150.953</v>
      </c>
      <c r="L1564">
        <v>1162.6099999999999</v>
      </c>
      <c r="M1564">
        <v>1139.982</v>
      </c>
      <c r="N1564">
        <v>956.53399999999999</v>
      </c>
      <c r="O1564">
        <v>1002.951</v>
      </c>
      <c r="P1564">
        <v>0</v>
      </c>
      <c r="Q1564">
        <v>0</v>
      </c>
      <c r="R1564">
        <v>1073.635</v>
      </c>
      <c r="S1564">
        <v>0</v>
      </c>
      <c r="T1564">
        <v>1099.1579999999999</v>
      </c>
      <c r="U1564">
        <v>1120.1600000000001</v>
      </c>
      <c r="V1564">
        <v>1129.1079999999999</v>
      </c>
      <c r="W1564">
        <v>1147.8989999999999</v>
      </c>
      <c r="X1564">
        <v>1173.0250000000001</v>
      </c>
      <c r="Y1564">
        <v>1178.538</v>
      </c>
    </row>
    <row r="1565" spans="1:25" x14ac:dyDescent="0.3">
      <c r="A1565">
        <v>41.883333334295699</v>
      </c>
      <c r="B1565">
        <v>973.62199999999996</v>
      </c>
      <c r="C1565">
        <v>1013.788</v>
      </c>
      <c r="D1565">
        <v>1008.706</v>
      </c>
      <c r="E1565">
        <v>1037.729</v>
      </c>
      <c r="F1565">
        <v>1057.2739999999999</v>
      </c>
      <c r="G1565">
        <v>1096.6189999999999</v>
      </c>
      <c r="H1565">
        <v>1111.808</v>
      </c>
      <c r="I1565">
        <v>1129.4110000000001</v>
      </c>
      <c r="J1565">
        <v>1142.9570000000001</v>
      </c>
      <c r="K1565">
        <v>1153.0419999999999</v>
      </c>
      <c r="L1565">
        <v>1159.7529999999999</v>
      </c>
      <c r="M1565">
        <v>1141.145</v>
      </c>
      <c r="N1565">
        <v>957.09199999999998</v>
      </c>
      <c r="O1565">
        <v>1003.8819999999999</v>
      </c>
      <c r="P1565">
        <v>0</v>
      </c>
      <c r="Q1565">
        <v>0</v>
      </c>
      <c r="R1565">
        <v>1076.412</v>
      </c>
      <c r="S1565">
        <v>0</v>
      </c>
      <c r="T1565">
        <v>1101.3389999999999</v>
      </c>
      <c r="U1565">
        <v>1120.329</v>
      </c>
      <c r="V1565">
        <v>1126.81</v>
      </c>
      <c r="W1565">
        <v>1149.1769999999999</v>
      </c>
      <c r="X1565">
        <v>1175.511</v>
      </c>
      <c r="Y1565">
        <v>1177.7660000000001</v>
      </c>
    </row>
    <row r="1566" spans="1:25" x14ac:dyDescent="0.3">
      <c r="A1566">
        <v>41.916666664943719</v>
      </c>
      <c r="B1566">
        <v>978.35699999999997</v>
      </c>
      <c r="C1566">
        <v>1017.329</v>
      </c>
      <c r="D1566">
        <v>1013.276</v>
      </c>
      <c r="E1566">
        <v>1039.3320000000001</v>
      </c>
      <c r="F1566">
        <v>1056.9590000000001</v>
      </c>
      <c r="G1566">
        <v>1098.2</v>
      </c>
      <c r="H1566">
        <v>1115.664</v>
      </c>
      <c r="I1566">
        <v>1130.3420000000001</v>
      </c>
      <c r="J1566">
        <v>1141.9860000000001</v>
      </c>
      <c r="K1566">
        <v>1152.6020000000001</v>
      </c>
      <c r="L1566">
        <v>1158.7950000000001</v>
      </c>
      <c r="M1566">
        <v>1140.173</v>
      </c>
      <c r="N1566">
        <v>961.16899999999998</v>
      </c>
      <c r="O1566">
        <v>1003.573</v>
      </c>
      <c r="P1566">
        <v>0</v>
      </c>
      <c r="Q1566">
        <v>0</v>
      </c>
      <c r="R1566">
        <v>1076.692</v>
      </c>
      <c r="S1566">
        <v>0</v>
      </c>
      <c r="T1566">
        <v>1106.9059999999999</v>
      </c>
      <c r="U1566">
        <v>1124.211</v>
      </c>
      <c r="V1566">
        <v>1129.7719999999999</v>
      </c>
      <c r="W1566">
        <v>1149.769</v>
      </c>
      <c r="X1566">
        <v>1177.71</v>
      </c>
      <c r="Y1566">
        <v>1175.6469999999999</v>
      </c>
    </row>
    <row r="1567" spans="1:25" x14ac:dyDescent="0.3">
      <c r="A1567">
        <v>41.933333335506418</v>
      </c>
      <c r="B1567">
        <v>975.23699999999997</v>
      </c>
      <c r="C1567">
        <v>1018.759</v>
      </c>
      <c r="D1567">
        <v>1010.9349999999999</v>
      </c>
      <c r="E1567">
        <v>1037.6559999999999</v>
      </c>
      <c r="F1567">
        <v>1053.896</v>
      </c>
      <c r="G1567">
        <v>1098.819</v>
      </c>
      <c r="H1567">
        <v>1112.6210000000001</v>
      </c>
      <c r="I1567">
        <v>1121.9169999999999</v>
      </c>
      <c r="J1567">
        <v>1134.461</v>
      </c>
      <c r="K1567">
        <v>1147.9749999999999</v>
      </c>
      <c r="L1567">
        <v>1157.682</v>
      </c>
      <c r="M1567">
        <v>1140.7070000000001</v>
      </c>
      <c r="N1567">
        <v>959.14499999999998</v>
      </c>
      <c r="O1567">
        <v>1006.9160000000001</v>
      </c>
      <c r="P1567">
        <v>0</v>
      </c>
      <c r="Q1567">
        <v>0</v>
      </c>
      <c r="R1567">
        <v>1074.79</v>
      </c>
      <c r="S1567">
        <v>0</v>
      </c>
      <c r="T1567">
        <v>1109.4100000000001</v>
      </c>
      <c r="U1567">
        <v>1127.703</v>
      </c>
      <c r="V1567">
        <v>1131.5940000000001</v>
      </c>
      <c r="W1567">
        <v>1150.5129999999999</v>
      </c>
      <c r="X1567">
        <v>1176.6099999999999</v>
      </c>
      <c r="Y1567">
        <v>1173.3720000000001</v>
      </c>
    </row>
    <row r="1568" spans="1:25" x14ac:dyDescent="0.3">
      <c r="A1568">
        <v>41.966666666154438</v>
      </c>
      <c r="B1568">
        <v>968.86599999999999</v>
      </c>
      <c r="C1568">
        <v>1017.823</v>
      </c>
      <c r="D1568">
        <v>1010.058</v>
      </c>
      <c r="E1568">
        <v>1040.3810000000001</v>
      </c>
      <c r="F1568">
        <v>1056.1420000000001</v>
      </c>
      <c r="G1568">
        <v>1100.511</v>
      </c>
      <c r="H1568">
        <v>1115.8889999999999</v>
      </c>
      <c r="I1568">
        <v>1129.43</v>
      </c>
      <c r="J1568">
        <v>1140</v>
      </c>
      <c r="K1568">
        <v>1147.7080000000001</v>
      </c>
      <c r="L1568">
        <v>1156.646</v>
      </c>
      <c r="M1568">
        <v>1140.5540000000001</v>
      </c>
      <c r="N1568">
        <v>961.096</v>
      </c>
      <c r="O1568">
        <v>1005.874</v>
      </c>
      <c r="P1568">
        <v>0</v>
      </c>
      <c r="Q1568">
        <v>0</v>
      </c>
      <c r="R1568">
        <v>1078.481</v>
      </c>
      <c r="S1568">
        <v>0</v>
      </c>
      <c r="T1568">
        <v>1109.0309999999999</v>
      </c>
      <c r="U1568">
        <v>1126.203</v>
      </c>
      <c r="V1568">
        <v>1132.5619999999999</v>
      </c>
      <c r="W1568">
        <v>1153.0419999999999</v>
      </c>
      <c r="X1568">
        <v>1180.7049999999999</v>
      </c>
      <c r="Y1568">
        <v>1171.9839999999999</v>
      </c>
    </row>
    <row r="1569" spans="1:25" x14ac:dyDescent="0.3">
      <c r="A1569">
        <v>41.983333336717138</v>
      </c>
      <c r="B1569">
        <v>965.03599999999994</v>
      </c>
      <c r="C1569">
        <v>1018.686</v>
      </c>
      <c r="D1569">
        <v>1010.461</v>
      </c>
      <c r="E1569">
        <v>1043.5070000000001</v>
      </c>
      <c r="F1569">
        <v>1058.816</v>
      </c>
      <c r="G1569">
        <v>1098.3879999999999</v>
      </c>
      <c r="H1569">
        <v>1113.9449999999999</v>
      </c>
      <c r="I1569">
        <v>1131.481</v>
      </c>
      <c r="J1569">
        <v>1139.9059999999999</v>
      </c>
      <c r="K1569">
        <v>1151.03</v>
      </c>
      <c r="L1569">
        <v>1159.3699999999999</v>
      </c>
      <c r="M1569">
        <v>1141.471</v>
      </c>
      <c r="N1569">
        <v>964.67499999999995</v>
      </c>
      <c r="O1569">
        <v>1009.694</v>
      </c>
      <c r="P1569">
        <v>0</v>
      </c>
      <c r="Q1569">
        <v>0</v>
      </c>
      <c r="R1569">
        <v>1076.32</v>
      </c>
      <c r="S1569">
        <v>0</v>
      </c>
      <c r="T1569">
        <v>1107.865</v>
      </c>
      <c r="U1569">
        <v>1126.6400000000001</v>
      </c>
      <c r="V1569">
        <v>1132.5060000000001</v>
      </c>
      <c r="W1569">
        <v>1154.059</v>
      </c>
      <c r="X1569">
        <v>1176.6880000000001</v>
      </c>
      <c r="Y1569">
        <v>1172.4480000000001</v>
      </c>
    </row>
    <row r="1570" spans="1:25" x14ac:dyDescent="0.3">
      <c r="A1570">
        <v>42.016666667365158</v>
      </c>
      <c r="B1570">
        <v>956.26499999999999</v>
      </c>
      <c r="C1570">
        <v>1018.063</v>
      </c>
      <c r="D1570">
        <v>1008.434</v>
      </c>
      <c r="E1570">
        <v>1041.7329999999999</v>
      </c>
      <c r="F1570">
        <v>1060.7460000000001</v>
      </c>
      <c r="G1570">
        <v>1094.422</v>
      </c>
      <c r="H1570">
        <v>1110.809</v>
      </c>
      <c r="I1570">
        <v>1127.5519999999999</v>
      </c>
      <c r="J1570">
        <v>1140.7840000000001</v>
      </c>
      <c r="K1570">
        <v>1155.21</v>
      </c>
      <c r="L1570">
        <v>1161.499</v>
      </c>
      <c r="M1570">
        <v>1139.4110000000001</v>
      </c>
      <c r="N1570">
        <v>960.30200000000002</v>
      </c>
      <c r="O1570">
        <v>1011.357</v>
      </c>
      <c r="P1570">
        <v>0</v>
      </c>
      <c r="Q1570">
        <v>0</v>
      </c>
      <c r="R1570">
        <v>1074.587</v>
      </c>
      <c r="S1570">
        <v>0</v>
      </c>
      <c r="T1570">
        <v>1109.6379999999999</v>
      </c>
      <c r="U1570">
        <v>1127.6469999999999</v>
      </c>
      <c r="V1570">
        <v>1136.1510000000001</v>
      </c>
      <c r="W1570">
        <v>1160.809</v>
      </c>
      <c r="X1570">
        <v>1181.9469999999999</v>
      </c>
      <c r="Y1570">
        <v>1181.21</v>
      </c>
    </row>
    <row r="1571" spans="1:25" x14ac:dyDescent="0.3">
      <c r="A1571">
        <v>42.049999998013178</v>
      </c>
      <c r="B1571">
        <v>957.84900000000005</v>
      </c>
      <c r="C1571">
        <v>1017.145</v>
      </c>
      <c r="D1571">
        <v>1010.881</v>
      </c>
      <c r="E1571">
        <v>1041.3800000000001</v>
      </c>
      <c r="F1571">
        <v>1061.3019999999999</v>
      </c>
      <c r="G1571">
        <v>1093.5219999999999</v>
      </c>
      <c r="H1571">
        <v>1108.0899999999999</v>
      </c>
      <c r="I1571">
        <v>1128.8230000000001</v>
      </c>
      <c r="J1571">
        <v>1141.6420000000001</v>
      </c>
      <c r="K1571">
        <v>1154.519</v>
      </c>
      <c r="L1571">
        <v>1160.98</v>
      </c>
      <c r="M1571">
        <v>1141.604</v>
      </c>
      <c r="N1571">
        <v>958.76700000000005</v>
      </c>
      <c r="O1571">
        <v>1013.385</v>
      </c>
      <c r="P1571">
        <v>0</v>
      </c>
      <c r="Q1571">
        <v>0</v>
      </c>
      <c r="R1571">
        <v>1073.7650000000001</v>
      </c>
      <c r="S1571">
        <v>0</v>
      </c>
      <c r="T1571">
        <v>1105.175</v>
      </c>
      <c r="U1571">
        <v>1123.7539999999999</v>
      </c>
      <c r="V1571">
        <v>1131.8030000000001</v>
      </c>
      <c r="W1571">
        <v>1155.7460000000001</v>
      </c>
      <c r="X1571">
        <v>1176.0319999999999</v>
      </c>
      <c r="Y1571">
        <v>1179.8330000000001</v>
      </c>
    </row>
    <row r="1572" spans="1:25" x14ac:dyDescent="0.3">
      <c r="A1572">
        <v>42.066666668575877</v>
      </c>
      <c r="B1572">
        <v>959.84900000000005</v>
      </c>
      <c r="C1572">
        <v>1017.053</v>
      </c>
      <c r="D1572">
        <v>1011.684</v>
      </c>
      <c r="E1572">
        <v>1041.251</v>
      </c>
      <c r="F1572">
        <v>1061.5619999999999</v>
      </c>
      <c r="G1572">
        <v>1094.683</v>
      </c>
      <c r="H1572">
        <v>1111.0530000000001</v>
      </c>
      <c r="I1572">
        <v>1126.7159999999999</v>
      </c>
      <c r="J1572">
        <v>1136.587</v>
      </c>
      <c r="K1572">
        <v>1148.376</v>
      </c>
      <c r="L1572">
        <v>1155.0940000000001</v>
      </c>
      <c r="M1572">
        <v>1137.731</v>
      </c>
      <c r="N1572">
        <v>964.49400000000003</v>
      </c>
      <c r="O1572">
        <v>1021.785</v>
      </c>
      <c r="P1572">
        <v>0</v>
      </c>
      <c r="Q1572">
        <v>0</v>
      </c>
      <c r="R1572">
        <v>1075.797</v>
      </c>
      <c r="S1572">
        <v>0</v>
      </c>
      <c r="T1572">
        <v>1105.9280000000001</v>
      </c>
      <c r="U1572">
        <v>1124.21</v>
      </c>
      <c r="V1572">
        <v>1130.8920000000001</v>
      </c>
      <c r="W1572">
        <v>1156.6849999999999</v>
      </c>
      <c r="X1572">
        <v>1181.674</v>
      </c>
      <c r="Y1572">
        <v>1178.075</v>
      </c>
    </row>
    <row r="1573" spans="1:25" x14ac:dyDescent="0.3">
      <c r="A1573">
        <v>42.099999999223897</v>
      </c>
      <c r="B1573">
        <v>959.21799999999996</v>
      </c>
      <c r="C1573">
        <v>1017.9160000000001</v>
      </c>
      <c r="D1573">
        <v>1012.452</v>
      </c>
      <c r="E1573">
        <v>1041.6210000000001</v>
      </c>
      <c r="F1573">
        <v>1057.7760000000001</v>
      </c>
      <c r="G1573">
        <v>1093.673</v>
      </c>
      <c r="H1573">
        <v>1110.6759999999999</v>
      </c>
      <c r="I1573">
        <v>1123.8309999999999</v>
      </c>
      <c r="J1573">
        <v>1139.6389999999999</v>
      </c>
      <c r="K1573">
        <v>1152.8710000000001</v>
      </c>
      <c r="L1573">
        <v>1162.3040000000001</v>
      </c>
      <c r="M1573">
        <v>1138.3420000000001</v>
      </c>
      <c r="N1573">
        <v>963.12099999999998</v>
      </c>
      <c r="O1573">
        <v>1019.896</v>
      </c>
      <c r="P1573">
        <v>0</v>
      </c>
      <c r="Q1573">
        <v>0</v>
      </c>
      <c r="R1573">
        <v>1077.885</v>
      </c>
      <c r="S1573">
        <v>0</v>
      </c>
      <c r="T1573">
        <v>1114.19</v>
      </c>
      <c r="U1573">
        <v>1128.0070000000001</v>
      </c>
      <c r="V1573">
        <v>1130.6079999999999</v>
      </c>
      <c r="W1573">
        <v>1157.1849999999999</v>
      </c>
      <c r="X1573">
        <v>1182.586</v>
      </c>
      <c r="Y1573">
        <v>1179.098</v>
      </c>
    </row>
    <row r="1574" spans="1:25" x14ac:dyDescent="0.3">
      <c r="A1574">
        <v>42.116666669786596</v>
      </c>
      <c r="B1574">
        <v>960.88199999999995</v>
      </c>
      <c r="C1574">
        <v>1016.066</v>
      </c>
      <c r="D1574">
        <v>1011.651</v>
      </c>
      <c r="E1574">
        <v>1042.566</v>
      </c>
      <c r="F1574">
        <v>1057.24</v>
      </c>
      <c r="G1574">
        <v>1095.306</v>
      </c>
      <c r="H1574">
        <v>1114.325</v>
      </c>
      <c r="I1574">
        <v>1127.364</v>
      </c>
      <c r="J1574">
        <v>1152.01</v>
      </c>
      <c r="K1574">
        <v>1161.482</v>
      </c>
      <c r="L1574">
        <v>1167.4780000000001</v>
      </c>
      <c r="M1574">
        <v>1141.854</v>
      </c>
      <c r="N1574">
        <v>965.21900000000005</v>
      </c>
      <c r="O1574">
        <v>1011.888</v>
      </c>
      <c r="P1574">
        <v>0</v>
      </c>
      <c r="Q1574">
        <v>0</v>
      </c>
      <c r="R1574">
        <v>1081.9549999999999</v>
      </c>
      <c r="S1574">
        <v>0</v>
      </c>
      <c r="T1574">
        <v>1115.5909999999999</v>
      </c>
      <c r="U1574">
        <v>1131.4449999999999</v>
      </c>
      <c r="V1574">
        <v>1133.6469999999999</v>
      </c>
      <c r="W1574">
        <v>1158.452</v>
      </c>
      <c r="X1574">
        <v>1185.068</v>
      </c>
      <c r="Y1574">
        <v>1180.049</v>
      </c>
    </row>
    <row r="1575" spans="1:25" x14ac:dyDescent="0.3">
      <c r="A1575">
        <v>42.150000000434616</v>
      </c>
      <c r="B1575">
        <v>947.89</v>
      </c>
      <c r="C1575">
        <v>1016.191</v>
      </c>
      <c r="D1575">
        <v>1013.4589999999999</v>
      </c>
      <c r="E1575">
        <v>1045.299</v>
      </c>
      <c r="F1575">
        <v>1060.337</v>
      </c>
      <c r="G1575">
        <v>1093.8779999999999</v>
      </c>
      <c r="H1575">
        <v>1116.4570000000001</v>
      </c>
      <c r="I1575">
        <v>1130.3599999999999</v>
      </c>
      <c r="J1575">
        <v>1149.482</v>
      </c>
      <c r="K1575">
        <v>1153.7139999999999</v>
      </c>
      <c r="L1575">
        <v>1162.9549999999999</v>
      </c>
      <c r="M1575">
        <v>1140.9359999999999</v>
      </c>
      <c r="N1575">
        <v>959.976</v>
      </c>
      <c r="O1575">
        <v>1011.155</v>
      </c>
      <c r="P1575">
        <v>0</v>
      </c>
      <c r="Q1575">
        <v>0</v>
      </c>
      <c r="R1575">
        <v>1081.1659999999999</v>
      </c>
      <c r="S1575">
        <v>0</v>
      </c>
      <c r="T1575">
        <v>1109.3340000000001</v>
      </c>
      <c r="U1575">
        <v>1124.4949999999999</v>
      </c>
      <c r="V1575">
        <v>1131.8030000000001</v>
      </c>
      <c r="W1575">
        <v>1152.7739999999999</v>
      </c>
      <c r="X1575">
        <v>1182.721</v>
      </c>
      <c r="Y1575">
        <v>1180.5119999999999</v>
      </c>
    </row>
    <row r="1576" spans="1:25" x14ac:dyDescent="0.3">
      <c r="A1576">
        <v>42.183333331082636</v>
      </c>
      <c r="B1576">
        <v>957.70699999999999</v>
      </c>
      <c r="C1576">
        <v>1012.692</v>
      </c>
      <c r="D1576">
        <v>1013.205</v>
      </c>
      <c r="E1576">
        <v>1042.049</v>
      </c>
      <c r="F1576">
        <v>1056.72</v>
      </c>
      <c r="G1576">
        <v>1090.511</v>
      </c>
      <c r="H1576">
        <v>1112.2280000000001</v>
      </c>
      <c r="I1576">
        <v>1128.9970000000001</v>
      </c>
      <c r="J1576">
        <v>1138.5540000000001</v>
      </c>
      <c r="K1576">
        <v>1149.3140000000001</v>
      </c>
      <c r="L1576">
        <v>1159.277</v>
      </c>
      <c r="M1576">
        <v>1142.1410000000001</v>
      </c>
      <c r="N1576">
        <v>957.58100000000002</v>
      </c>
      <c r="O1576">
        <v>1012.985</v>
      </c>
      <c r="P1576">
        <v>0</v>
      </c>
      <c r="Q1576">
        <v>0</v>
      </c>
      <c r="R1576">
        <v>1073.8050000000001</v>
      </c>
      <c r="S1576">
        <v>0</v>
      </c>
      <c r="T1576">
        <v>1102.414</v>
      </c>
      <c r="U1576">
        <v>1116.1569999999999</v>
      </c>
      <c r="V1576">
        <v>1122.26</v>
      </c>
      <c r="W1576">
        <v>1147.0820000000001</v>
      </c>
      <c r="X1576">
        <v>1172.604</v>
      </c>
      <c r="Y1576">
        <v>1180.8630000000001</v>
      </c>
    </row>
    <row r="1577" spans="1:25" x14ac:dyDescent="0.3">
      <c r="A1577">
        <v>42.200000001645336</v>
      </c>
      <c r="B1577">
        <v>953.096</v>
      </c>
      <c r="C1577">
        <v>1013.57</v>
      </c>
      <c r="D1577">
        <v>1012.654</v>
      </c>
      <c r="E1577">
        <v>1043.212</v>
      </c>
      <c r="F1577">
        <v>1056.2729999999999</v>
      </c>
      <c r="G1577">
        <v>1088.675</v>
      </c>
      <c r="H1577">
        <v>1109.6189999999999</v>
      </c>
      <c r="I1577">
        <v>1122.3900000000001</v>
      </c>
      <c r="J1577">
        <v>1130.836</v>
      </c>
      <c r="K1577">
        <v>1144.752</v>
      </c>
      <c r="L1577">
        <v>1158.144</v>
      </c>
      <c r="M1577">
        <v>1137.0450000000001</v>
      </c>
      <c r="N1577">
        <v>955.779</v>
      </c>
      <c r="O1577">
        <v>1012.033</v>
      </c>
      <c r="P1577">
        <v>0</v>
      </c>
      <c r="Q1577">
        <v>0</v>
      </c>
      <c r="R1577">
        <v>1065.5909999999999</v>
      </c>
      <c r="S1577">
        <v>0</v>
      </c>
      <c r="T1577">
        <v>1101.829</v>
      </c>
      <c r="U1577">
        <v>1118.309</v>
      </c>
      <c r="V1577">
        <v>1123.7370000000001</v>
      </c>
      <c r="W1577">
        <v>1146.6980000000001</v>
      </c>
      <c r="X1577">
        <v>1168.3620000000001</v>
      </c>
      <c r="Y1577">
        <v>1181.269</v>
      </c>
    </row>
    <row r="1578" spans="1:25" x14ac:dyDescent="0.3">
      <c r="A1578">
        <v>42.233333332293356</v>
      </c>
      <c r="B1578">
        <v>946.44899999999996</v>
      </c>
      <c r="C1578">
        <v>1015.439</v>
      </c>
      <c r="D1578">
        <v>1011.831</v>
      </c>
      <c r="E1578">
        <v>1044.43</v>
      </c>
      <c r="F1578">
        <v>1057.4970000000001</v>
      </c>
      <c r="G1578">
        <v>1086.3330000000001</v>
      </c>
      <c r="H1578">
        <v>1107.5640000000001</v>
      </c>
      <c r="I1578">
        <v>1121.9359999999999</v>
      </c>
      <c r="J1578">
        <v>1133.8910000000001</v>
      </c>
      <c r="K1578">
        <v>1153.4449999999999</v>
      </c>
      <c r="L1578">
        <v>1164.796</v>
      </c>
      <c r="M1578">
        <v>1140.173</v>
      </c>
      <c r="N1578">
        <v>958.60500000000002</v>
      </c>
      <c r="O1578">
        <v>1010.6609999999999</v>
      </c>
      <c r="P1578">
        <v>0</v>
      </c>
      <c r="Q1578">
        <v>0</v>
      </c>
      <c r="R1578">
        <v>1068.9000000000001</v>
      </c>
      <c r="S1578">
        <v>0</v>
      </c>
      <c r="T1578">
        <v>1102.43</v>
      </c>
      <c r="U1578">
        <v>1123.0709999999999</v>
      </c>
      <c r="V1578">
        <v>1130.588</v>
      </c>
      <c r="W1578">
        <v>1156.2829999999999</v>
      </c>
      <c r="X1578">
        <v>1177.7090000000001</v>
      </c>
      <c r="Y1578">
        <v>1178.326</v>
      </c>
    </row>
    <row r="1579" spans="1:25" x14ac:dyDescent="0.3">
      <c r="A1579">
        <v>42.250000002856055</v>
      </c>
      <c r="B1579">
        <v>958.55200000000002</v>
      </c>
      <c r="C1579">
        <v>1016.155</v>
      </c>
      <c r="D1579">
        <v>1011.74</v>
      </c>
      <c r="E1579">
        <v>1045.6510000000001</v>
      </c>
      <c r="F1579">
        <v>1061.8040000000001</v>
      </c>
      <c r="G1579">
        <v>1091.2950000000001</v>
      </c>
      <c r="H1579">
        <v>1112.3579999999999</v>
      </c>
      <c r="I1579">
        <v>1130.4369999999999</v>
      </c>
      <c r="J1579">
        <v>1142.405</v>
      </c>
      <c r="K1579">
        <v>1156.6289999999999</v>
      </c>
      <c r="L1579">
        <v>1166.8009999999999</v>
      </c>
      <c r="M1579">
        <v>1144.4090000000001</v>
      </c>
      <c r="N1579">
        <v>960.26599999999996</v>
      </c>
      <c r="O1579">
        <v>1008.013</v>
      </c>
      <c r="P1579">
        <v>0</v>
      </c>
      <c r="Q1579">
        <v>0</v>
      </c>
      <c r="R1579">
        <v>1072.07</v>
      </c>
      <c r="S1579">
        <v>0</v>
      </c>
      <c r="T1579">
        <v>1100.4559999999999</v>
      </c>
      <c r="U1579">
        <v>1120.8779999999999</v>
      </c>
      <c r="V1579">
        <v>1130.152</v>
      </c>
      <c r="W1579">
        <v>1154.309</v>
      </c>
      <c r="X1579">
        <v>1173.0840000000001</v>
      </c>
      <c r="Y1579">
        <v>1179.6790000000001</v>
      </c>
    </row>
    <row r="1580" spans="1:25" x14ac:dyDescent="0.3">
      <c r="A1580">
        <v>42.283333333504075</v>
      </c>
      <c r="B1580">
        <v>962.83199999999999</v>
      </c>
      <c r="C1580">
        <v>1016.908</v>
      </c>
      <c r="D1580">
        <v>1017.953</v>
      </c>
      <c r="E1580">
        <v>1050.07</v>
      </c>
      <c r="F1580">
        <v>1071.306</v>
      </c>
      <c r="G1580">
        <v>1100.0429999999999</v>
      </c>
      <c r="H1580">
        <v>1112.6600000000001</v>
      </c>
      <c r="I1580">
        <v>1132.4880000000001</v>
      </c>
      <c r="J1580">
        <v>1141.8720000000001</v>
      </c>
      <c r="K1580">
        <v>1152.43</v>
      </c>
      <c r="L1580">
        <v>1158.8530000000001</v>
      </c>
      <c r="M1580">
        <v>1138.819</v>
      </c>
      <c r="N1580">
        <v>958.94799999999998</v>
      </c>
      <c r="O1580">
        <v>1009.694</v>
      </c>
      <c r="P1580">
        <v>0</v>
      </c>
      <c r="Q1580">
        <v>0</v>
      </c>
      <c r="R1580">
        <v>1075.519</v>
      </c>
      <c r="S1580">
        <v>0</v>
      </c>
      <c r="T1580">
        <v>1104.105</v>
      </c>
      <c r="U1580">
        <v>1124.249</v>
      </c>
      <c r="V1580">
        <v>1133.9490000000001</v>
      </c>
      <c r="W1580">
        <v>1153.9639999999999</v>
      </c>
      <c r="X1580">
        <v>1173.489</v>
      </c>
      <c r="Y1580">
        <v>1179.4469999999999</v>
      </c>
    </row>
    <row r="1581" spans="1:25" x14ac:dyDescent="0.3">
      <c r="A1581">
        <v>42.316666664152095</v>
      </c>
      <c r="B1581">
        <v>958.85799999999995</v>
      </c>
      <c r="C1581">
        <v>1018.265</v>
      </c>
      <c r="D1581">
        <v>1014.89</v>
      </c>
      <c r="E1581">
        <v>1043.7660000000001</v>
      </c>
      <c r="F1581">
        <v>1060.4680000000001</v>
      </c>
      <c r="G1581">
        <v>1095.06</v>
      </c>
      <c r="H1581">
        <v>1110.771</v>
      </c>
      <c r="I1581">
        <v>1123.9649999999999</v>
      </c>
      <c r="J1581">
        <v>1139.239</v>
      </c>
      <c r="K1581">
        <v>1151.989</v>
      </c>
      <c r="L1581">
        <v>1160.08</v>
      </c>
      <c r="M1581">
        <v>1138.6289999999999</v>
      </c>
      <c r="N1581">
        <v>956.82299999999998</v>
      </c>
      <c r="O1581">
        <v>1009.676</v>
      </c>
      <c r="P1581">
        <v>0</v>
      </c>
      <c r="Q1581">
        <v>0</v>
      </c>
      <c r="R1581">
        <v>1075.0530000000001</v>
      </c>
      <c r="S1581">
        <v>0</v>
      </c>
      <c r="T1581">
        <v>1104.067</v>
      </c>
      <c r="U1581">
        <v>1120.8219999999999</v>
      </c>
      <c r="V1581">
        <v>1129.6590000000001</v>
      </c>
      <c r="W1581">
        <v>1150.19</v>
      </c>
      <c r="X1581">
        <v>1169.268</v>
      </c>
      <c r="Y1581">
        <v>1181.7529999999999</v>
      </c>
    </row>
    <row r="1582" spans="1:25" x14ac:dyDescent="0.3">
      <c r="A1582">
        <v>42.333333334714794</v>
      </c>
      <c r="B1582">
        <v>966.34</v>
      </c>
      <c r="C1582">
        <v>1019.239</v>
      </c>
      <c r="D1582">
        <v>1013.792</v>
      </c>
      <c r="E1582">
        <v>1044.1379999999999</v>
      </c>
      <c r="F1582">
        <v>1059.7270000000001</v>
      </c>
      <c r="G1582">
        <v>1091.4100000000001</v>
      </c>
      <c r="H1582">
        <v>1112.9079999999999</v>
      </c>
      <c r="I1582">
        <v>1125.9780000000001</v>
      </c>
      <c r="J1582">
        <v>1135.261</v>
      </c>
      <c r="K1582">
        <v>1146.586</v>
      </c>
      <c r="L1582">
        <v>1157.2059999999999</v>
      </c>
      <c r="M1582">
        <v>1135.83</v>
      </c>
      <c r="N1582">
        <v>958.01300000000003</v>
      </c>
      <c r="O1582">
        <v>1012.985</v>
      </c>
      <c r="P1582">
        <v>0</v>
      </c>
      <c r="Q1582">
        <v>0</v>
      </c>
      <c r="R1582">
        <v>1078.7639999999999</v>
      </c>
      <c r="S1582">
        <v>0</v>
      </c>
      <c r="T1582">
        <v>1101.7750000000001</v>
      </c>
      <c r="U1582">
        <v>1120.673</v>
      </c>
      <c r="V1582">
        <v>1129.0719999999999</v>
      </c>
      <c r="W1582">
        <v>1151.3009999999999</v>
      </c>
      <c r="X1582">
        <v>1173.992</v>
      </c>
      <c r="Y1582">
        <v>1180.4559999999999</v>
      </c>
    </row>
    <row r="1583" spans="1:25" x14ac:dyDescent="0.3">
      <c r="A1583">
        <v>42.366666665362814</v>
      </c>
      <c r="B1583">
        <v>969.22900000000004</v>
      </c>
      <c r="C1583">
        <v>1018.851</v>
      </c>
      <c r="D1583">
        <v>1011.009</v>
      </c>
      <c r="E1583">
        <v>1043.1559999999999</v>
      </c>
      <c r="F1583">
        <v>1058.9449999999999</v>
      </c>
      <c r="G1583">
        <v>1086.8579999999999</v>
      </c>
      <c r="H1583">
        <v>1114.096</v>
      </c>
      <c r="I1583">
        <v>1127.6089999999999</v>
      </c>
      <c r="J1583">
        <v>1139.9059999999999</v>
      </c>
      <c r="K1583">
        <v>1150.0170000000001</v>
      </c>
      <c r="L1583">
        <v>1155.4590000000001</v>
      </c>
      <c r="M1583">
        <v>1134.67</v>
      </c>
      <c r="N1583">
        <v>952.93299999999999</v>
      </c>
      <c r="O1583">
        <v>1009.0359999999999</v>
      </c>
      <c r="P1583">
        <v>0</v>
      </c>
      <c r="Q1583">
        <v>0</v>
      </c>
      <c r="R1583">
        <v>1077.55</v>
      </c>
      <c r="S1583">
        <v>0</v>
      </c>
      <c r="T1583">
        <v>1100.4749999999999</v>
      </c>
      <c r="U1583">
        <v>1118.365</v>
      </c>
      <c r="V1583">
        <v>1125.1790000000001</v>
      </c>
      <c r="W1583">
        <v>1148.0139999999999</v>
      </c>
      <c r="X1583">
        <v>1166.9549999999999</v>
      </c>
      <c r="Y1583">
        <v>1176.0709999999999</v>
      </c>
    </row>
    <row r="1584" spans="1:25" x14ac:dyDescent="0.3">
      <c r="A1584">
        <v>42.383333335925514</v>
      </c>
      <c r="B1584">
        <v>971.65</v>
      </c>
      <c r="C1584">
        <v>1018.723</v>
      </c>
      <c r="D1584">
        <v>1008.871</v>
      </c>
      <c r="E1584">
        <v>1042.0830000000001</v>
      </c>
      <c r="F1584">
        <v>1056.31</v>
      </c>
      <c r="G1584">
        <v>1086.0340000000001</v>
      </c>
      <c r="H1584">
        <v>1105.8910000000001</v>
      </c>
      <c r="I1584">
        <v>1118.6300000000001</v>
      </c>
      <c r="J1584">
        <v>1132.24</v>
      </c>
      <c r="K1584">
        <v>1144.7139999999999</v>
      </c>
      <c r="L1584">
        <v>1152.1420000000001</v>
      </c>
      <c r="M1584">
        <v>1134.0999999999999</v>
      </c>
      <c r="N1584">
        <v>954.21100000000001</v>
      </c>
      <c r="O1584">
        <v>1014.761</v>
      </c>
      <c r="P1584">
        <v>0</v>
      </c>
      <c r="Q1584">
        <v>0</v>
      </c>
      <c r="R1584">
        <v>1078.8920000000001</v>
      </c>
      <c r="S1584">
        <v>0</v>
      </c>
      <c r="T1584">
        <v>1097.4849999999999</v>
      </c>
      <c r="U1584">
        <v>1116.5329999999999</v>
      </c>
      <c r="V1584">
        <v>1124.021</v>
      </c>
      <c r="W1584">
        <v>1152.0650000000001</v>
      </c>
      <c r="X1584">
        <v>1169.0170000000001</v>
      </c>
      <c r="Y1584">
        <v>1175.9939999999999</v>
      </c>
    </row>
    <row r="1585" spans="1:25" x14ac:dyDescent="0.3">
      <c r="A1585">
        <v>42.416666666573533</v>
      </c>
      <c r="B1585">
        <v>973.279</v>
      </c>
      <c r="C1585">
        <v>1017.347</v>
      </c>
      <c r="D1585">
        <v>1008.67</v>
      </c>
      <c r="E1585">
        <v>1040.2349999999999</v>
      </c>
      <c r="F1585">
        <v>1057.5160000000001</v>
      </c>
      <c r="G1585">
        <v>1091.183</v>
      </c>
      <c r="H1585">
        <v>1102.5619999999999</v>
      </c>
      <c r="I1585">
        <v>1116.287</v>
      </c>
      <c r="J1585">
        <v>1131.614</v>
      </c>
      <c r="K1585">
        <v>1147.365</v>
      </c>
      <c r="L1585">
        <v>1157.53</v>
      </c>
      <c r="M1585">
        <v>1136.797</v>
      </c>
      <c r="N1585">
        <v>958.84</v>
      </c>
      <c r="O1585">
        <v>1015.037</v>
      </c>
      <c r="P1585">
        <v>0</v>
      </c>
      <c r="Q1585">
        <v>0</v>
      </c>
      <c r="R1585">
        <v>1084.9860000000001</v>
      </c>
      <c r="S1585">
        <v>0</v>
      </c>
      <c r="T1585">
        <v>1103.1079999999999</v>
      </c>
      <c r="U1585">
        <v>1118.309</v>
      </c>
      <c r="V1585">
        <v>1124.192</v>
      </c>
      <c r="W1585">
        <v>1153.7139999999999</v>
      </c>
      <c r="X1585">
        <v>1175.011</v>
      </c>
      <c r="Y1585">
        <v>1177.729</v>
      </c>
    </row>
    <row r="1586" spans="1:25" x14ac:dyDescent="0.3">
      <c r="A1586">
        <v>42.449999997221553</v>
      </c>
      <c r="B1586">
        <v>975.13199999999995</v>
      </c>
      <c r="C1586">
        <v>1018.836</v>
      </c>
      <c r="D1586">
        <v>1012.053</v>
      </c>
      <c r="E1586">
        <v>1041.384</v>
      </c>
      <c r="F1586">
        <v>1060.173</v>
      </c>
      <c r="G1586">
        <v>1093.432</v>
      </c>
      <c r="H1586">
        <v>1107.135</v>
      </c>
      <c r="I1586">
        <v>1117.5940000000001</v>
      </c>
      <c r="J1586">
        <v>1134.027</v>
      </c>
      <c r="K1586">
        <v>1148.4369999999999</v>
      </c>
      <c r="L1586">
        <v>1157.82</v>
      </c>
      <c r="M1586">
        <v>1137.029</v>
      </c>
      <c r="N1586">
        <v>966.61099999999999</v>
      </c>
      <c r="O1586">
        <v>1017.112</v>
      </c>
      <c r="P1586">
        <v>0</v>
      </c>
      <c r="Q1586">
        <v>0</v>
      </c>
      <c r="R1586">
        <v>1085.944</v>
      </c>
      <c r="S1586">
        <v>0</v>
      </c>
      <c r="T1586">
        <v>1102.979</v>
      </c>
      <c r="U1586">
        <v>1119.691</v>
      </c>
      <c r="V1586">
        <v>1126.491</v>
      </c>
      <c r="W1586">
        <v>1156.8040000000001</v>
      </c>
      <c r="X1586">
        <v>1181.174</v>
      </c>
      <c r="Y1586">
        <v>1179.721</v>
      </c>
    </row>
    <row r="1587" spans="1:25" x14ac:dyDescent="0.3">
      <c r="A1587">
        <v>42.466666667784253</v>
      </c>
      <c r="B1587">
        <v>970.96400000000006</v>
      </c>
      <c r="C1587">
        <v>1017.7329999999999</v>
      </c>
      <c r="D1587">
        <v>1010.151</v>
      </c>
      <c r="E1587">
        <v>1041.4739999999999</v>
      </c>
      <c r="F1587">
        <v>1060.152</v>
      </c>
      <c r="G1587">
        <v>1095.6990000000001</v>
      </c>
      <c r="H1587">
        <v>1106.192</v>
      </c>
      <c r="I1587">
        <v>1121.162</v>
      </c>
      <c r="J1587">
        <v>1140.6130000000001</v>
      </c>
      <c r="K1587">
        <v>1153.5039999999999</v>
      </c>
      <c r="L1587">
        <v>1157.684</v>
      </c>
      <c r="M1587">
        <v>1138.3810000000001</v>
      </c>
      <c r="N1587">
        <v>962.14599999999996</v>
      </c>
      <c r="O1587">
        <v>1012.325</v>
      </c>
      <c r="P1587">
        <v>0</v>
      </c>
      <c r="Q1587">
        <v>0</v>
      </c>
      <c r="R1587">
        <v>1087.7950000000001</v>
      </c>
      <c r="S1587">
        <v>0</v>
      </c>
      <c r="T1587">
        <v>1105.6469999999999</v>
      </c>
      <c r="U1587">
        <v>1121.9559999999999</v>
      </c>
      <c r="V1587">
        <v>1129.6020000000001</v>
      </c>
      <c r="W1587">
        <v>1154.252</v>
      </c>
      <c r="X1587">
        <v>1177.845</v>
      </c>
      <c r="Y1587">
        <v>1181.385</v>
      </c>
    </row>
    <row r="1588" spans="1:25" x14ac:dyDescent="0.3">
      <c r="A1588">
        <v>42.499999998432273</v>
      </c>
      <c r="B1588">
        <v>964.58699999999999</v>
      </c>
      <c r="C1588">
        <v>1019.679</v>
      </c>
      <c r="D1588">
        <v>1012.6559999999999</v>
      </c>
      <c r="E1588">
        <v>1042.6590000000001</v>
      </c>
      <c r="F1588">
        <v>1060.5619999999999</v>
      </c>
      <c r="G1588">
        <v>1095.8699999999999</v>
      </c>
      <c r="H1588">
        <v>1107.548</v>
      </c>
      <c r="I1588">
        <v>1119.8599999999999</v>
      </c>
      <c r="J1588">
        <v>1138.44</v>
      </c>
      <c r="K1588">
        <v>1149.123</v>
      </c>
      <c r="L1588">
        <v>1160.1590000000001</v>
      </c>
      <c r="M1588">
        <v>1139.6610000000001</v>
      </c>
      <c r="N1588">
        <v>964.22500000000002</v>
      </c>
      <c r="O1588">
        <v>1017.881</v>
      </c>
      <c r="P1588">
        <v>0</v>
      </c>
      <c r="Q1588">
        <v>0</v>
      </c>
      <c r="R1588">
        <v>1080.982</v>
      </c>
      <c r="S1588">
        <v>0</v>
      </c>
      <c r="T1588">
        <v>1109.0350000000001</v>
      </c>
      <c r="U1588">
        <v>1129.471</v>
      </c>
      <c r="V1588">
        <v>1133.4949999999999</v>
      </c>
      <c r="W1588">
        <v>1152.9690000000001</v>
      </c>
      <c r="X1588">
        <v>1174.7819999999999</v>
      </c>
      <c r="Y1588">
        <v>1179.778</v>
      </c>
    </row>
    <row r="1589" spans="1:25" x14ac:dyDescent="0.3">
      <c r="A1589">
        <v>42.516666668994972</v>
      </c>
      <c r="B1589">
        <v>962.74400000000003</v>
      </c>
      <c r="C1589">
        <v>1020.211</v>
      </c>
      <c r="D1589">
        <v>1018.487</v>
      </c>
      <c r="E1589">
        <v>1050.0170000000001</v>
      </c>
      <c r="F1589">
        <v>1063.2539999999999</v>
      </c>
      <c r="G1589">
        <v>1095.307</v>
      </c>
      <c r="H1589">
        <v>1110.415</v>
      </c>
      <c r="I1589">
        <v>1125.3530000000001</v>
      </c>
      <c r="J1589">
        <v>1136.952</v>
      </c>
      <c r="K1589">
        <v>1147.54</v>
      </c>
      <c r="L1589">
        <v>1158.549</v>
      </c>
      <c r="M1589">
        <v>1136.761</v>
      </c>
      <c r="N1589">
        <v>963.23199999999997</v>
      </c>
      <c r="O1589">
        <v>1020.615</v>
      </c>
      <c r="P1589">
        <v>0</v>
      </c>
      <c r="Q1589">
        <v>0</v>
      </c>
      <c r="R1589">
        <v>1077.124</v>
      </c>
      <c r="S1589">
        <v>0</v>
      </c>
      <c r="T1589">
        <v>1108.771</v>
      </c>
      <c r="U1589">
        <v>1129.3579999999999</v>
      </c>
      <c r="V1589">
        <v>1136.248</v>
      </c>
      <c r="W1589">
        <v>1158.28</v>
      </c>
      <c r="X1589">
        <v>1178.5219999999999</v>
      </c>
      <c r="Y1589">
        <v>1178.9269999999999</v>
      </c>
    </row>
    <row r="1590" spans="1:25" x14ac:dyDescent="0.3">
      <c r="A1590">
        <v>42.549999999642992</v>
      </c>
      <c r="B1590">
        <v>967.298</v>
      </c>
      <c r="C1590">
        <v>1023.054</v>
      </c>
      <c r="D1590">
        <v>1018.597</v>
      </c>
      <c r="E1590">
        <v>1048.704</v>
      </c>
      <c r="F1590">
        <v>1064.461</v>
      </c>
      <c r="G1590">
        <v>1093.6199999999999</v>
      </c>
      <c r="H1590">
        <v>1115.232</v>
      </c>
      <c r="I1590">
        <v>1125.5419999999999</v>
      </c>
      <c r="J1590">
        <v>1137.277</v>
      </c>
      <c r="K1590">
        <v>1147.922</v>
      </c>
      <c r="L1590">
        <v>1162.307</v>
      </c>
      <c r="M1590">
        <v>1141.989</v>
      </c>
      <c r="N1590">
        <v>966.19600000000003</v>
      </c>
      <c r="O1590">
        <v>1022.1369999999999</v>
      </c>
      <c r="P1590">
        <v>0</v>
      </c>
      <c r="Q1590">
        <v>0</v>
      </c>
      <c r="R1590">
        <v>1083.7159999999999</v>
      </c>
      <c r="S1590">
        <v>0</v>
      </c>
      <c r="T1590">
        <v>1109.904</v>
      </c>
      <c r="U1590">
        <v>1127.7249999999999</v>
      </c>
      <c r="V1590">
        <v>1136.4760000000001</v>
      </c>
      <c r="W1590">
        <v>1158.28</v>
      </c>
      <c r="X1590">
        <v>1180.845</v>
      </c>
      <c r="Y1590">
        <v>1179.4110000000001</v>
      </c>
    </row>
    <row r="1591" spans="1:25" x14ac:dyDescent="0.3">
      <c r="A1591">
        <v>42.583333330291012</v>
      </c>
      <c r="B1591">
        <v>982.31299999999999</v>
      </c>
      <c r="C1591">
        <v>1025.492</v>
      </c>
      <c r="D1591">
        <v>1021.384</v>
      </c>
      <c r="E1591">
        <v>1050.922</v>
      </c>
      <c r="F1591">
        <v>1066.595</v>
      </c>
      <c r="G1591">
        <v>1096.472</v>
      </c>
      <c r="H1591">
        <v>1119.2180000000001</v>
      </c>
      <c r="I1591">
        <v>1126.7570000000001</v>
      </c>
      <c r="J1591">
        <v>1141.9880000000001</v>
      </c>
      <c r="K1591">
        <v>1153.6210000000001</v>
      </c>
      <c r="L1591">
        <v>1160.7529999999999</v>
      </c>
      <c r="M1591">
        <v>1140.1379999999999</v>
      </c>
      <c r="N1591">
        <v>966.93600000000004</v>
      </c>
      <c r="O1591">
        <v>1023.567</v>
      </c>
      <c r="P1591">
        <v>0</v>
      </c>
      <c r="Q1591">
        <v>0</v>
      </c>
      <c r="R1591">
        <v>1089.481</v>
      </c>
      <c r="S1591">
        <v>0</v>
      </c>
      <c r="T1591">
        <v>1117.404</v>
      </c>
      <c r="U1591">
        <v>1130.6859999999999</v>
      </c>
      <c r="V1591">
        <v>1136.627</v>
      </c>
      <c r="W1591">
        <v>1159.3340000000001</v>
      </c>
      <c r="X1591">
        <v>1181.8710000000001</v>
      </c>
      <c r="Y1591">
        <v>1180.5530000000001</v>
      </c>
    </row>
    <row r="1592" spans="1:25" x14ac:dyDescent="0.3">
      <c r="A1592">
        <v>42.600000000853711</v>
      </c>
      <c r="B1592">
        <v>986.19299999999998</v>
      </c>
      <c r="C1592">
        <v>1026.3340000000001</v>
      </c>
      <c r="D1592">
        <v>1024.5</v>
      </c>
      <c r="E1592">
        <v>1054.1020000000001</v>
      </c>
      <c r="F1592">
        <v>1070.1130000000001</v>
      </c>
      <c r="G1592">
        <v>1099.893</v>
      </c>
      <c r="H1592">
        <v>1123.623</v>
      </c>
      <c r="I1592">
        <v>1130.4000000000001</v>
      </c>
      <c r="J1592">
        <v>1140.6130000000001</v>
      </c>
      <c r="K1592">
        <v>1149.713</v>
      </c>
      <c r="L1592">
        <v>1160.4259999999999</v>
      </c>
      <c r="M1592">
        <v>1139.43</v>
      </c>
      <c r="N1592">
        <v>967.98299999999995</v>
      </c>
      <c r="O1592">
        <v>1021.0890000000001</v>
      </c>
      <c r="P1592">
        <v>0</v>
      </c>
      <c r="Q1592">
        <v>0</v>
      </c>
      <c r="R1592">
        <v>1087.2139999999999</v>
      </c>
      <c r="S1592">
        <v>0</v>
      </c>
      <c r="T1592">
        <v>1114.4359999999999</v>
      </c>
      <c r="U1592">
        <v>1128.8050000000001</v>
      </c>
      <c r="V1592">
        <v>1134.8030000000001</v>
      </c>
      <c r="W1592">
        <v>1164.184</v>
      </c>
      <c r="X1592">
        <v>1189.2329999999999</v>
      </c>
      <c r="Y1592">
        <v>1182.703</v>
      </c>
    </row>
    <row r="1593" spans="1:25" x14ac:dyDescent="0.3">
      <c r="A1593">
        <v>42.633333331501731</v>
      </c>
      <c r="B1593">
        <v>983.69</v>
      </c>
      <c r="C1593">
        <v>1029.8689999999999</v>
      </c>
      <c r="D1593">
        <v>1026.463</v>
      </c>
      <c r="E1593">
        <v>1056.348</v>
      </c>
      <c r="F1593">
        <v>1070.635</v>
      </c>
      <c r="G1593">
        <v>1102.732</v>
      </c>
      <c r="H1593">
        <v>1125.0840000000001</v>
      </c>
      <c r="I1593">
        <v>1131.2159999999999</v>
      </c>
      <c r="J1593">
        <v>1142.425</v>
      </c>
      <c r="K1593">
        <v>1149.98</v>
      </c>
      <c r="L1593">
        <v>1156.9929999999999</v>
      </c>
      <c r="M1593">
        <v>1135.0309999999999</v>
      </c>
      <c r="N1593">
        <v>968.86800000000005</v>
      </c>
      <c r="O1593">
        <v>1020.557</v>
      </c>
      <c r="P1593">
        <v>0</v>
      </c>
      <c r="Q1593">
        <v>0</v>
      </c>
      <c r="R1593">
        <v>1087.645</v>
      </c>
      <c r="S1593">
        <v>0</v>
      </c>
      <c r="T1593">
        <v>1111.81</v>
      </c>
      <c r="U1593">
        <v>1129.0519999999999</v>
      </c>
      <c r="V1593">
        <v>1135.7529999999999</v>
      </c>
      <c r="W1593">
        <v>1165.105</v>
      </c>
      <c r="X1593">
        <v>1188.07</v>
      </c>
      <c r="Y1593">
        <v>1183.846</v>
      </c>
    </row>
    <row r="1594" spans="1:25" x14ac:dyDescent="0.3">
      <c r="A1594">
        <v>42.66666667262713</v>
      </c>
      <c r="B1594">
        <v>987.37800000000004</v>
      </c>
      <c r="C1594">
        <v>1028.011</v>
      </c>
      <c r="D1594">
        <v>1025.566</v>
      </c>
      <c r="E1594">
        <v>1056.461</v>
      </c>
      <c r="F1594">
        <v>1072.0719999999999</v>
      </c>
      <c r="G1594">
        <v>1101.3420000000001</v>
      </c>
      <c r="H1594">
        <v>1115.402</v>
      </c>
      <c r="I1594">
        <v>1122.789</v>
      </c>
      <c r="J1594">
        <v>1135.9059999999999</v>
      </c>
      <c r="K1594">
        <v>1148.951</v>
      </c>
      <c r="L1594">
        <v>1154.2339999999999</v>
      </c>
      <c r="M1594">
        <v>1137.5999999999999</v>
      </c>
      <c r="N1594">
        <v>963.62900000000002</v>
      </c>
      <c r="O1594">
        <v>1019.807</v>
      </c>
      <c r="P1594">
        <v>0</v>
      </c>
      <c r="Q1594">
        <v>0</v>
      </c>
      <c r="R1594">
        <v>1088.133</v>
      </c>
      <c r="S1594">
        <v>0</v>
      </c>
      <c r="T1594">
        <v>1110.7349999999999</v>
      </c>
      <c r="U1594">
        <v>1129.2239999999999</v>
      </c>
      <c r="V1594">
        <v>1136.02</v>
      </c>
      <c r="W1594">
        <v>1161.827</v>
      </c>
      <c r="X1594">
        <v>1187.181</v>
      </c>
      <c r="Y1594">
        <v>1181.4449999999999</v>
      </c>
    </row>
    <row r="1595" spans="1:25" x14ac:dyDescent="0.3">
      <c r="A1595">
        <v>42.683333332712451</v>
      </c>
      <c r="B1595">
        <v>977.399</v>
      </c>
      <c r="C1595">
        <v>1025.8409999999999</v>
      </c>
      <c r="D1595">
        <v>1025.126</v>
      </c>
      <c r="E1595">
        <v>1054.7909999999999</v>
      </c>
      <c r="F1595">
        <v>1071.1030000000001</v>
      </c>
      <c r="G1595">
        <v>1101.7570000000001</v>
      </c>
      <c r="H1595">
        <v>1119.9929999999999</v>
      </c>
      <c r="I1595">
        <v>1128.864</v>
      </c>
      <c r="J1595">
        <v>1136.876</v>
      </c>
      <c r="K1595">
        <v>1147.1590000000001</v>
      </c>
      <c r="L1595">
        <v>1149.7339999999999</v>
      </c>
      <c r="M1595">
        <v>1133.5719999999999</v>
      </c>
      <c r="N1595">
        <v>966.82799999999997</v>
      </c>
      <c r="O1595">
        <v>1021.605</v>
      </c>
      <c r="P1595">
        <v>0</v>
      </c>
      <c r="Q1595">
        <v>0</v>
      </c>
      <c r="R1595">
        <v>1089.4449999999999</v>
      </c>
      <c r="S1595">
        <v>0</v>
      </c>
      <c r="T1595">
        <v>1110.1880000000001</v>
      </c>
      <c r="U1595">
        <v>1126.7380000000001</v>
      </c>
      <c r="V1595">
        <v>1133.42</v>
      </c>
      <c r="W1595">
        <v>1159.431</v>
      </c>
      <c r="X1595">
        <v>1181.8520000000001</v>
      </c>
      <c r="Y1595">
        <v>1179.798</v>
      </c>
    </row>
    <row r="1596" spans="1:25" x14ac:dyDescent="0.3">
      <c r="A1596">
        <v>42.716666663360471</v>
      </c>
      <c r="B1596">
        <v>979.62900000000002</v>
      </c>
      <c r="C1596">
        <v>1029.374</v>
      </c>
      <c r="D1596">
        <v>1029.761</v>
      </c>
      <c r="E1596">
        <v>1057.4259999999999</v>
      </c>
      <c r="F1596">
        <v>1078.037</v>
      </c>
      <c r="G1596">
        <v>1110.3579999999999</v>
      </c>
      <c r="H1596">
        <v>1122.771</v>
      </c>
      <c r="I1596">
        <v>1130.6679999999999</v>
      </c>
      <c r="J1596">
        <v>1139.184</v>
      </c>
      <c r="K1596">
        <v>1146.586</v>
      </c>
      <c r="L1596">
        <v>1155.174</v>
      </c>
      <c r="M1596">
        <v>1139.6610000000001</v>
      </c>
      <c r="N1596">
        <v>971.78</v>
      </c>
      <c r="O1596">
        <v>1021.9349999999999</v>
      </c>
      <c r="P1596">
        <v>0</v>
      </c>
      <c r="Q1596">
        <v>0</v>
      </c>
      <c r="R1596">
        <v>1092.365</v>
      </c>
      <c r="S1596">
        <v>0</v>
      </c>
      <c r="T1596">
        <v>1109.375</v>
      </c>
      <c r="U1596">
        <v>1126.0740000000001</v>
      </c>
      <c r="V1596">
        <v>1133.097</v>
      </c>
      <c r="W1596">
        <v>1158.0889999999999</v>
      </c>
      <c r="X1596">
        <v>1186.8330000000001</v>
      </c>
      <c r="Y1596">
        <v>1180.748</v>
      </c>
    </row>
    <row r="1597" spans="1:25" x14ac:dyDescent="0.3">
      <c r="A1597">
        <v>42.73333333392317</v>
      </c>
      <c r="B1597">
        <v>979.48400000000004</v>
      </c>
      <c r="C1597">
        <v>1030.5519999999999</v>
      </c>
      <c r="D1597">
        <v>1026.722</v>
      </c>
      <c r="E1597">
        <v>1056.423</v>
      </c>
      <c r="F1597">
        <v>1078.223</v>
      </c>
      <c r="G1597">
        <v>1108.6949999999999</v>
      </c>
      <c r="H1597">
        <v>1117.952</v>
      </c>
      <c r="I1597">
        <v>1129.2049999999999</v>
      </c>
      <c r="J1597">
        <v>1144.048</v>
      </c>
      <c r="K1597">
        <v>1152.7190000000001</v>
      </c>
      <c r="L1597">
        <v>1163.0920000000001</v>
      </c>
      <c r="M1597">
        <v>1140.0609999999999</v>
      </c>
      <c r="N1597">
        <v>972.50199999999995</v>
      </c>
      <c r="O1597">
        <v>1017.551</v>
      </c>
      <c r="P1597">
        <v>0</v>
      </c>
      <c r="Q1597">
        <v>0</v>
      </c>
      <c r="R1597">
        <v>1087.665</v>
      </c>
      <c r="S1597">
        <v>0</v>
      </c>
      <c r="T1597">
        <v>1112.2840000000001</v>
      </c>
      <c r="U1597">
        <v>1131.654</v>
      </c>
      <c r="V1597">
        <v>1139.222</v>
      </c>
      <c r="W1597">
        <v>1164.607</v>
      </c>
      <c r="X1597">
        <v>1187.355</v>
      </c>
      <c r="Y1597">
        <v>1181.4639999999999</v>
      </c>
    </row>
    <row r="1598" spans="1:25" x14ac:dyDescent="0.3">
      <c r="A1598">
        <v>42.76666666457119</v>
      </c>
      <c r="B1598">
        <v>977.14499999999998</v>
      </c>
      <c r="C1598">
        <v>1032.375</v>
      </c>
      <c r="D1598">
        <v>1028.3979999999999</v>
      </c>
      <c r="E1598">
        <v>1057.9649999999999</v>
      </c>
      <c r="F1598">
        <v>1074.2719999999999</v>
      </c>
      <c r="G1598">
        <v>1107.8869999999999</v>
      </c>
      <c r="H1598">
        <v>1120.125</v>
      </c>
      <c r="I1598">
        <v>1136.191</v>
      </c>
      <c r="J1598">
        <v>1151.4929999999999</v>
      </c>
      <c r="K1598">
        <v>1159.182</v>
      </c>
      <c r="L1598">
        <v>1165.088</v>
      </c>
      <c r="M1598">
        <v>1143.019</v>
      </c>
      <c r="N1598">
        <v>968.16499999999996</v>
      </c>
      <c r="O1598">
        <v>1020.89</v>
      </c>
      <c r="P1598">
        <v>0</v>
      </c>
      <c r="Q1598">
        <v>0</v>
      </c>
      <c r="R1598">
        <v>1091.5409999999999</v>
      </c>
      <c r="S1598">
        <v>0</v>
      </c>
      <c r="T1598">
        <v>1112.4549999999999</v>
      </c>
      <c r="U1598">
        <v>1131.693</v>
      </c>
      <c r="V1598">
        <v>1137.4100000000001</v>
      </c>
      <c r="W1598">
        <v>1164.0319999999999</v>
      </c>
      <c r="X1598">
        <v>1190.5920000000001</v>
      </c>
      <c r="Y1598">
        <v>1179.4880000000001</v>
      </c>
    </row>
    <row r="1599" spans="1:25" x14ac:dyDescent="0.3">
      <c r="A1599">
        <v>42.800000005696589</v>
      </c>
      <c r="B1599">
        <v>983.40099999999995</v>
      </c>
      <c r="C1599">
        <v>1032.9449999999999</v>
      </c>
      <c r="D1599">
        <v>1028.5820000000001</v>
      </c>
      <c r="E1599">
        <v>1058.1679999999999</v>
      </c>
      <c r="F1599">
        <v>1072.0719999999999</v>
      </c>
      <c r="G1599">
        <v>1101.7370000000001</v>
      </c>
      <c r="H1599">
        <v>1121.598</v>
      </c>
      <c r="I1599">
        <v>1138.8589999999999</v>
      </c>
      <c r="J1599">
        <v>1152.451</v>
      </c>
      <c r="K1599">
        <v>1161.616</v>
      </c>
      <c r="L1599">
        <v>1167.2080000000001</v>
      </c>
      <c r="M1599">
        <v>1143.2090000000001</v>
      </c>
      <c r="N1599">
        <v>963.26800000000003</v>
      </c>
      <c r="O1599">
        <v>1022.4109999999999</v>
      </c>
      <c r="P1599">
        <v>0</v>
      </c>
      <c r="Q1599">
        <v>0</v>
      </c>
      <c r="R1599">
        <v>1094.3489999999999</v>
      </c>
      <c r="S1599">
        <v>0</v>
      </c>
      <c r="T1599">
        <v>1116.1569999999999</v>
      </c>
      <c r="U1599">
        <v>1138.6690000000001</v>
      </c>
      <c r="V1599">
        <v>1140.462</v>
      </c>
      <c r="W1599">
        <v>1163.4179999999999</v>
      </c>
      <c r="X1599">
        <v>1185.5719999999999</v>
      </c>
      <c r="Y1599">
        <v>1183.0139999999999</v>
      </c>
    </row>
    <row r="1600" spans="1:25" x14ac:dyDescent="0.3">
      <c r="A1600">
        <v>42.816666665781909</v>
      </c>
      <c r="B1600">
        <v>983.49300000000005</v>
      </c>
      <c r="C1600">
        <v>1033.057</v>
      </c>
      <c r="D1600">
        <v>1029.3009999999999</v>
      </c>
      <c r="E1600">
        <v>1060.0070000000001</v>
      </c>
      <c r="F1600">
        <v>1073.508</v>
      </c>
      <c r="G1600">
        <v>1101.231</v>
      </c>
      <c r="H1600">
        <v>1121.0709999999999</v>
      </c>
      <c r="I1600">
        <v>1140.768</v>
      </c>
      <c r="J1600">
        <v>1149.7919999999999</v>
      </c>
      <c r="K1600">
        <v>1158.895</v>
      </c>
      <c r="L1600">
        <v>1164.4929999999999</v>
      </c>
      <c r="M1600">
        <v>1145.0029999999999</v>
      </c>
      <c r="N1600">
        <v>973.57299999999998</v>
      </c>
      <c r="O1600">
        <v>1022.926</v>
      </c>
      <c r="P1600">
        <v>0</v>
      </c>
      <c r="Q1600">
        <v>0</v>
      </c>
      <c r="R1600">
        <v>1092.8530000000001</v>
      </c>
      <c r="S1600">
        <v>0</v>
      </c>
      <c r="T1600">
        <v>1113.854</v>
      </c>
      <c r="U1600">
        <v>1133.6099999999999</v>
      </c>
      <c r="V1600">
        <v>1136.3630000000001</v>
      </c>
      <c r="W1600">
        <v>1163.4390000000001</v>
      </c>
      <c r="X1600">
        <v>1179.2170000000001</v>
      </c>
      <c r="Y1600">
        <v>1178.0989999999999</v>
      </c>
    </row>
    <row r="1601" spans="1:25" x14ac:dyDescent="0.3">
      <c r="A1601">
        <v>42.849999996429929</v>
      </c>
      <c r="B1601">
        <v>981.53399999999999</v>
      </c>
      <c r="C1601">
        <v>1032.799</v>
      </c>
      <c r="D1601">
        <v>1028.3610000000001</v>
      </c>
      <c r="E1601">
        <v>1055.979</v>
      </c>
      <c r="F1601">
        <v>1067.2819999999999</v>
      </c>
      <c r="G1601">
        <v>1097.037</v>
      </c>
      <c r="H1601">
        <v>1115.0999999999999</v>
      </c>
      <c r="I1601">
        <v>1128.2380000000001</v>
      </c>
      <c r="J1601">
        <v>1138.7840000000001</v>
      </c>
      <c r="K1601">
        <v>1151.742</v>
      </c>
      <c r="L1601">
        <v>1161.0989999999999</v>
      </c>
      <c r="M1601">
        <v>1143.3240000000001</v>
      </c>
      <c r="N1601">
        <v>976.83600000000001</v>
      </c>
      <c r="O1601">
        <v>1025.6949999999999</v>
      </c>
      <c r="P1601">
        <v>0</v>
      </c>
      <c r="Q1601">
        <v>0</v>
      </c>
      <c r="R1601">
        <v>1089.538</v>
      </c>
      <c r="S1601">
        <v>0</v>
      </c>
      <c r="T1601">
        <v>1115.893</v>
      </c>
      <c r="U1601">
        <v>1139.432</v>
      </c>
      <c r="V1601">
        <v>1141.3209999999999</v>
      </c>
      <c r="W1601">
        <v>1166.0129999999999</v>
      </c>
      <c r="X1601">
        <v>1186.6189999999999</v>
      </c>
      <c r="Y1601">
        <v>1183.441</v>
      </c>
    </row>
    <row r="1602" spans="1:25" x14ac:dyDescent="0.3">
      <c r="A1602">
        <v>42.866666666992629</v>
      </c>
      <c r="B1602">
        <v>981.08</v>
      </c>
      <c r="C1602">
        <v>1032.9269999999999</v>
      </c>
      <c r="D1602">
        <v>1027.588</v>
      </c>
      <c r="E1602">
        <v>1056.164</v>
      </c>
      <c r="F1602">
        <v>1069.854</v>
      </c>
      <c r="G1602">
        <v>1099.6880000000001</v>
      </c>
      <c r="H1602">
        <v>1118.973</v>
      </c>
      <c r="I1602">
        <v>1127.896</v>
      </c>
      <c r="J1602">
        <v>1139.241</v>
      </c>
      <c r="K1602">
        <v>1155.04</v>
      </c>
      <c r="L1602">
        <v>1165.9939999999999</v>
      </c>
      <c r="M1602">
        <v>1143.877</v>
      </c>
      <c r="N1602">
        <v>981.09799999999996</v>
      </c>
      <c r="O1602">
        <v>1025.2539999999999</v>
      </c>
      <c r="P1602">
        <v>0</v>
      </c>
      <c r="Q1602">
        <v>0</v>
      </c>
      <c r="R1602">
        <v>1091.279</v>
      </c>
      <c r="S1602">
        <v>0</v>
      </c>
      <c r="T1602">
        <v>1115.6099999999999</v>
      </c>
      <c r="U1602">
        <v>1140.596</v>
      </c>
      <c r="V1602">
        <v>1148.5509999999999</v>
      </c>
      <c r="W1602">
        <v>1172.875</v>
      </c>
      <c r="X1602">
        <v>1183.9059999999999</v>
      </c>
      <c r="Y1602">
        <v>1182.8019999999999</v>
      </c>
    </row>
    <row r="1603" spans="1:25" x14ac:dyDescent="0.3">
      <c r="A1603">
        <v>42.899999997640649</v>
      </c>
      <c r="B1603">
        <v>988.34299999999996</v>
      </c>
      <c r="C1603">
        <v>1032.761</v>
      </c>
      <c r="D1603">
        <v>1025.3820000000001</v>
      </c>
      <c r="E1603">
        <v>1056.2750000000001</v>
      </c>
      <c r="F1603">
        <v>1069.835</v>
      </c>
      <c r="G1603">
        <v>1100.8530000000001</v>
      </c>
      <c r="H1603">
        <v>1122.0519999999999</v>
      </c>
      <c r="I1603">
        <v>1130.42</v>
      </c>
      <c r="J1603">
        <v>1148.2840000000001</v>
      </c>
      <c r="K1603">
        <v>1162.479</v>
      </c>
      <c r="L1603">
        <v>1167.7090000000001</v>
      </c>
      <c r="M1603">
        <v>1144.9829999999999</v>
      </c>
      <c r="N1603">
        <v>982.005</v>
      </c>
      <c r="O1603">
        <v>1027.4949999999999</v>
      </c>
      <c r="P1603">
        <v>0</v>
      </c>
      <c r="Q1603">
        <v>0</v>
      </c>
      <c r="R1603">
        <v>1091.616</v>
      </c>
      <c r="S1603">
        <v>0</v>
      </c>
      <c r="T1603">
        <v>1115.326</v>
      </c>
      <c r="U1603">
        <v>1136.3050000000001</v>
      </c>
      <c r="V1603">
        <v>1145.307</v>
      </c>
      <c r="W1603">
        <v>1171.0239999999999</v>
      </c>
      <c r="X1603">
        <v>1191.289</v>
      </c>
      <c r="Y1603">
        <v>1184.2159999999999</v>
      </c>
    </row>
    <row r="1604" spans="1:25" x14ac:dyDescent="0.3">
      <c r="A1604">
        <v>42.933333338766047</v>
      </c>
      <c r="B1604">
        <v>984.49</v>
      </c>
      <c r="C1604">
        <v>1033.3689999999999</v>
      </c>
      <c r="D1604">
        <v>1028.288</v>
      </c>
      <c r="E1604">
        <v>1056.8510000000001</v>
      </c>
      <c r="F1604">
        <v>1069.9469999999999</v>
      </c>
      <c r="G1604">
        <v>1099.951</v>
      </c>
      <c r="H1604">
        <v>1121.0889999999999</v>
      </c>
      <c r="I1604">
        <v>1133.4770000000001</v>
      </c>
      <c r="J1604">
        <v>1147.674</v>
      </c>
      <c r="K1604">
        <v>1157.2639999999999</v>
      </c>
      <c r="L1604">
        <v>1164.0129999999999</v>
      </c>
      <c r="M1604">
        <v>1143.3620000000001</v>
      </c>
      <c r="N1604">
        <v>983.27499999999998</v>
      </c>
      <c r="O1604">
        <v>1025.896</v>
      </c>
      <c r="P1604">
        <v>0</v>
      </c>
      <c r="Q1604">
        <v>0</v>
      </c>
      <c r="R1604">
        <v>1094.2560000000001</v>
      </c>
      <c r="S1604">
        <v>0</v>
      </c>
      <c r="T1604">
        <v>1117.1210000000001</v>
      </c>
      <c r="U1604">
        <v>1137.8489999999999</v>
      </c>
      <c r="V1604">
        <v>1144.3920000000001</v>
      </c>
      <c r="W1604">
        <v>1171.1980000000001</v>
      </c>
      <c r="X1604">
        <v>1192.0650000000001</v>
      </c>
      <c r="Y1604">
        <v>1187.7049999999999</v>
      </c>
    </row>
    <row r="1605" spans="1:25" x14ac:dyDescent="0.3">
      <c r="A1605">
        <v>42.949999998851368</v>
      </c>
      <c r="B1605">
        <v>982.58600000000001</v>
      </c>
      <c r="C1605">
        <v>1031.51</v>
      </c>
      <c r="D1605">
        <v>1026.2260000000001</v>
      </c>
      <c r="E1605">
        <v>1056.6279999999999</v>
      </c>
      <c r="F1605">
        <v>1069.854</v>
      </c>
      <c r="G1605">
        <v>1103.4680000000001</v>
      </c>
      <c r="H1605">
        <v>1115.364</v>
      </c>
      <c r="I1605">
        <v>1130.5350000000001</v>
      </c>
      <c r="J1605">
        <v>1140.2909999999999</v>
      </c>
      <c r="K1605">
        <v>1154.5219999999999</v>
      </c>
      <c r="L1605">
        <v>1166.2059999999999</v>
      </c>
      <c r="M1605">
        <v>1149.162</v>
      </c>
      <c r="N1605">
        <v>986.65</v>
      </c>
      <c r="O1605">
        <v>1022.705</v>
      </c>
      <c r="P1605">
        <v>0</v>
      </c>
      <c r="Q1605">
        <v>0</v>
      </c>
      <c r="R1605">
        <v>1093.47</v>
      </c>
      <c r="S1605">
        <v>0</v>
      </c>
      <c r="T1605">
        <v>1114.9680000000001</v>
      </c>
      <c r="U1605">
        <v>1135.527</v>
      </c>
      <c r="V1605">
        <v>1144.144</v>
      </c>
      <c r="W1605">
        <v>1168.423</v>
      </c>
      <c r="X1605">
        <v>1187.259</v>
      </c>
      <c r="Y1605">
        <v>1187.0650000000001</v>
      </c>
    </row>
    <row r="1606" spans="1:25" x14ac:dyDescent="0.3">
      <c r="A1606">
        <v>42.983333339976767</v>
      </c>
      <c r="B1606">
        <v>986.70399999999995</v>
      </c>
      <c r="C1606">
        <v>1033.866</v>
      </c>
      <c r="D1606">
        <v>1028.876</v>
      </c>
      <c r="E1606">
        <v>1058.7059999999999</v>
      </c>
      <c r="F1606">
        <v>1079.3789999999999</v>
      </c>
      <c r="G1606">
        <v>1109.96</v>
      </c>
      <c r="H1606">
        <v>1121.806</v>
      </c>
      <c r="I1606">
        <v>1140.405</v>
      </c>
      <c r="J1606">
        <v>1147.73</v>
      </c>
      <c r="K1606">
        <v>1154.3679999999999</v>
      </c>
      <c r="L1606">
        <v>1161.865</v>
      </c>
      <c r="M1606">
        <v>1146.9860000000001</v>
      </c>
      <c r="N1606">
        <v>989.08900000000006</v>
      </c>
      <c r="O1606">
        <v>1025.327</v>
      </c>
      <c r="P1606">
        <v>0</v>
      </c>
      <c r="Q1606">
        <v>0</v>
      </c>
      <c r="R1606">
        <v>1091.1479999999999</v>
      </c>
      <c r="S1606">
        <v>0</v>
      </c>
      <c r="T1606">
        <v>1116.252</v>
      </c>
      <c r="U1606">
        <v>1134.2739999999999</v>
      </c>
      <c r="V1606">
        <v>1142.1410000000001</v>
      </c>
      <c r="W1606">
        <v>1165.7619999999999</v>
      </c>
      <c r="X1606">
        <v>1184.5840000000001</v>
      </c>
      <c r="Y1606">
        <v>1184.875</v>
      </c>
    </row>
    <row r="1607" spans="1:25" x14ac:dyDescent="0.3">
      <c r="A1607">
        <v>43.000000000062087</v>
      </c>
      <c r="B1607">
        <v>986.63300000000004</v>
      </c>
      <c r="C1607">
        <v>1035.8</v>
      </c>
      <c r="D1607">
        <v>1031.915</v>
      </c>
      <c r="E1607">
        <v>1058.893</v>
      </c>
      <c r="F1607">
        <v>1076.752</v>
      </c>
      <c r="G1607">
        <v>1106.2329999999999</v>
      </c>
      <c r="H1607">
        <v>1121.222</v>
      </c>
      <c r="I1607">
        <v>1137.9829999999999</v>
      </c>
      <c r="J1607">
        <v>1152.74</v>
      </c>
      <c r="K1607">
        <v>1159.451</v>
      </c>
      <c r="L1607">
        <v>1165.07</v>
      </c>
      <c r="M1607">
        <v>1148.6659999999999</v>
      </c>
      <c r="N1607">
        <v>993.84100000000001</v>
      </c>
      <c r="O1607">
        <v>1024.943</v>
      </c>
      <c r="P1607">
        <v>0</v>
      </c>
      <c r="Q1607">
        <v>0</v>
      </c>
      <c r="R1607">
        <v>1096.3979999999999</v>
      </c>
      <c r="S1607">
        <v>0</v>
      </c>
      <c r="T1607">
        <v>1117.2919999999999</v>
      </c>
      <c r="U1607">
        <v>1134.3510000000001</v>
      </c>
      <c r="V1607">
        <v>1140.787</v>
      </c>
      <c r="W1607">
        <v>1167.768</v>
      </c>
      <c r="X1607">
        <v>1188.48</v>
      </c>
      <c r="Y1607">
        <v>1184.779</v>
      </c>
    </row>
    <row r="1608" spans="1:25" x14ac:dyDescent="0.3">
      <c r="A1608">
        <v>43.033333330710107</v>
      </c>
      <c r="B1608">
        <v>979.68399999999997</v>
      </c>
      <c r="C1608">
        <v>1036.021</v>
      </c>
      <c r="D1608">
        <v>1033.1669999999999</v>
      </c>
      <c r="E1608">
        <v>1061.046</v>
      </c>
      <c r="F1608">
        <v>1077.33</v>
      </c>
      <c r="G1608">
        <v>1103.4680000000001</v>
      </c>
      <c r="H1608">
        <v>1122.1479999999999</v>
      </c>
      <c r="I1608">
        <v>1136.23</v>
      </c>
      <c r="J1608">
        <v>1150.192</v>
      </c>
      <c r="K1608">
        <v>1155.386</v>
      </c>
      <c r="L1608">
        <v>1161.886</v>
      </c>
      <c r="M1608">
        <v>1144.0309999999999</v>
      </c>
      <c r="N1608">
        <v>993.24</v>
      </c>
      <c r="O1608">
        <v>1030.7190000000001</v>
      </c>
      <c r="P1608">
        <v>0</v>
      </c>
      <c r="Q1608">
        <v>0</v>
      </c>
      <c r="R1608">
        <v>1099.557</v>
      </c>
      <c r="S1608">
        <v>0</v>
      </c>
      <c r="T1608">
        <v>1119.9179999999999</v>
      </c>
      <c r="U1608">
        <v>1134.617</v>
      </c>
      <c r="V1608">
        <v>1138.384</v>
      </c>
      <c r="W1608">
        <v>1163.6500000000001</v>
      </c>
      <c r="X1608">
        <v>1187.9960000000001</v>
      </c>
      <c r="Y1608">
        <v>1186.4069999999999</v>
      </c>
    </row>
    <row r="1609" spans="1:25" x14ac:dyDescent="0.3">
      <c r="A1609">
        <v>43.066666671835506</v>
      </c>
      <c r="B1609">
        <v>979.79300000000001</v>
      </c>
      <c r="C1609">
        <v>1036.739</v>
      </c>
      <c r="D1609">
        <v>1032.67</v>
      </c>
      <c r="E1609">
        <v>1062.55</v>
      </c>
      <c r="F1609">
        <v>1077.2360000000001</v>
      </c>
      <c r="G1609">
        <v>1104.8979999999999</v>
      </c>
      <c r="H1609">
        <v>1124.537</v>
      </c>
      <c r="I1609">
        <v>1138.021</v>
      </c>
      <c r="J1609">
        <v>1150.9179999999999</v>
      </c>
      <c r="K1609">
        <v>1159.201</v>
      </c>
      <c r="L1609">
        <v>1169.001</v>
      </c>
      <c r="M1609">
        <v>1144.317</v>
      </c>
      <c r="N1609">
        <v>993.76800000000003</v>
      </c>
      <c r="O1609">
        <v>1031.4549999999999</v>
      </c>
      <c r="P1609">
        <v>0</v>
      </c>
      <c r="Q1609">
        <v>0</v>
      </c>
      <c r="R1609">
        <v>1097.1310000000001</v>
      </c>
      <c r="S1609">
        <v>0</v>
      </c>
      <c r="T1609">
        <v>1122.0150000000001</v>
      </c>
      <c r="U1609">
        <v>1137.4680000000001</v>
      </c>
      <c r="V1609">
        <v>1143.4580000000001</v>
      </c>
      <c r="W1609">
        <v>1168.558</v>
      </c>
      <c r="X1609">
        <v>1184.663</v>
      </c>
      <c r="Y1609">
        <v>1184.0619999999999</v>
      </c>
    </row>
    <row r="1610" spans="1:25" x14ac:dyDescent="0.3">
      <c r="A1610">
        <v>43.083333331920826</v>
      </c>
      <c r="B1610">
        <v>981.98800000000006</v>
      </c>
      <c r="C1610">
        <v>1038.1020000000001</v>
      </c>
      <c r="D1610">
        <v>1034.2170000000001</v>
      </c>
      <c r="E1610">
        <v>1061.028</v>
      </c>
      <c r="F1610">
        <v>1076.9380000000001</v>
      </c>
      <c r="G1610">
        <v>1101.9639999999999</v>
      </c>
      <c r="H1610">
        <v>1116.461</v>
      </c>
      <c r="I1610">
        <v>1129.491</v>
      </c>
      <c r="J1610">
        <v>1140.31</v>
      </c>
      <c r="K1610">
        <v>1150.8800000000001</v>
      </c>
      <c r="L1610">
        <v>1158.1659999999999</v>
      </c>
      <c r="M1610">
        <v>1138.136</v>
      </c>
      <c r="N1610">
        <v>992.09299999999996</v>
      </c>
      <c r="O1610">
        <v>1024.0450000000001</v>
      </c>
      <c r="P1610">
        <v>0</v>
      </c>
      <c r="Q1610">
        <v>0</v>
      </c>
      <c r="R1610">
        <v>1092.1600000000001</v>
      </c>
      <c r="S1610">
        <v>0</v>
      </c>
      <c r="T1610">
        <v>1117.972</v>
      </c>
      <c r="U1610">
        <v>1136.249</v>
      </c>
      <c r="V1610">
        <v>1142.5229999999999</v>
      </c>
      <c r="W1610">
        <v>1167.3820000000001</v>
      </c>
      <c r="X1610">
        <v>1182.8989999999999</v>
      </c>
      <c r="Y1610">
        <v>1179.508</v>
      </c>
    </row>
    <row r="1611" spans="1:25" x14ac:dyDescent="0.3">
      <c r="A1611">
        <v>43.116666673046225</v>
      </c>
      <c r="B1611">
        <v>982.94799999999998</v>
      </c>
      <c r="C1611">
        <v>1035.2660000000001</v>
      </c>
      <c r="D1611">
        <v>1028.932</v>
      </c>
      <c r="E1611">
        <v>1055.607</v>
      </c>
      <c r="F1611">
        <v>1075.875</v>
      </c>
      <c r="G1611">
        <v>1103.223</v>
      </c>
      <c r="H1611">
        <v>1118.7840000000001</v>
      </c>
      <c r="I1611">
        <v>1125.941</v>
      </c>
      <c r="J1611">
        <v>1138.44</v>
      </c>
      <c r="K1611">
        <v>1155.769</v>
      </c>
      <c r="L1611">
        <v>1161.732</v>
      </c>
      <c r="M1611">
        <v>1146.663</v>
      </c>
      <c r="N1611">
        <v>990.41800000000001</v>
      </c>
      <c r="O1611">
        <v>1016.837</v>
      </c>
      <c r="P1611">
        <v>0</v>
      </c>
      <c r="Q1611">
        <v>0</v>
      </c>
      <c r="R1611">
        <v>1086.73</v>
      </c>
      <c r="S1611">
        <v>0</v>
      </c>
      <c r="T1611">
        <v>1115.6289999999999</v>
      </c>
      <c r="U1611">
        <v>1136.971</v>
      </c>
      <c r="V1611">
        <v>1145.194</v>
      </c>
      <c r="W1611">
        <v>1174.6099999999999</v>
      </c>
      <c r="X1611">
        <v>1187.8399999999999</v>
      </c>
      <c r="Y1611">
        <v>1180.6510000000001</v>
      </c>
    </row>
    <row r="1612" spans="1:25" x14ac:dyDescent="0.3">
      <c r="A1612">
        <v>43.133333333131546</v>
      </c>
      <c r="B1612">
        <v>980.19200000000001</v>
      </c>
      <c r="C1612">
        <v>1036.1500000000001</v>
      </c>
      <c r="D1612">
        <v>1031.6020000000001</v>
      </c>
      <c r="E1612">
        <v>1057.557</v>
      </c>
      <c r="F1612">
        <v>1074.8130000000001</v>
      </c>
      <c r="G1612">
        <v>1101.4939999999999</v>
      </c>
      <c r="H1612">
        <v>1122.1849999999999</v>
      </c>
      <c r="I1612">
        <v>1132.6610000000001</v>
      </c>
      <c r="J1612">
        <v>1145.1179999999999</v>
      </c>
      <c r="K1612">
        <v>1160.1220000000001</v>
      </c>
      <c r="L1612">
        <v>1169.079</v>
      </c>
      <c r="M1612">
        <v>1147.3879999999999</v>
      </c>
      <c r="N1612">
        <v>992.58500000000004</v>
      </c>
      <c r="O1612">
        <v>1013.408</v>
      </c>
      <c r="P1612">
        <v>0</v>
      </c>
      <c r="Q1612">
        <v>0</v>
      </c>
      <c r="R1612">
        <v>1090.288</v>
      </c>
      <c r="S1612">
        <v>0</v>
      </c>
      <c r="T1612">
        <v>1117.3869999999999</v>
      </c>
      <c r="U1612">
        <v>1138.6510000000001</v>
      </c>
      <c r="V1612">
        <v>1147.1210000000001</v>
      </c>
      <c r="W1612">
        <v>1172.432</v>
      </c>
      <c r="X1612">
        <v>1189.972</v>
      </c>
      <c r="Y1612">
        <v>1185.2629999999999</v>
      </c>
    </row>
    <row r="1613" spans="1:25" x14ac:dyDescent="0.3">
      <c r="A1613">
        <v>43.166666663779566</v>
      </c>
      <c r="B1613">
        <v>987.798</v>
      </c>
      <c r="C1613">
        <v>1033.499</v>
      </c>
      <c r="D1613">
        <v>1033.0940000000001</v>
      </c>
      <c r="E1613">
        <v>1057.6310000000001</v>
      </c>
      <c r="F1613">
        <v>1074.0119999999999</v>
      </c>
      <c r="G1613">
        <v>1100.854</v>
      </c>
      <c r="H1613">
        <v>1123.797</v>
      </c>
      <c r="I1613">
        <v>1130.308</v>
      </c>
      <c r="J1613">
        <v>1143.6679999999999</v>
      </c>
      <c r="K1613">
        <v>1156.383</v>
      </c>
      <c r="L1613">
        <v>1172.182</v>
      </c>
      <c r="M1613">
        <v>1151.0329999999999</v>
      </c>
      <c r="N1613">
        <v>993.96799999999996</v>
      </c>
      <c r="O1613">
        <v>1011.908</v>
      </c>
      <c r="P1613">
        <v>0</v>
      </c>
      <c r="Q1613">
        <v>0</v>
      </c>
      <c r="R1613">
        <v>1093.9380000000001</v>
      </c>
      <c r="S1613">
        <v>0</v>
      </c>
      <c r="T1613">
        <v>1118.3119999999999</v>
      </c>
      <c r="U1613">
        <v>1140.1959999999999</v>
      </c>
      <c r="V1613">
        <v>1150.498</v>
      </c>
      <c r="W1613">
        <v>1177.81</v>
      </c>
      <c r="X1613">
        <v>1193.7139999999999</v>
      </c>
      <c r="Y1613">
        <v>1188.422</v>
      </c>
    </row>
    <row r="1614" spans="1:25" x14ac:dyDescent="0.3">
      <c r="A1614">
        <v>43.200000004904965</v>
      </c>
      <c r="B1614">
        <v>989.30899999999997</v>
      </c>
      <c r="C1614">
        <v>1034.9349999999999</v>
      </c>
      <c r="D1614">
        <v>1032.431</v>
      </c>
      <c r="E1614">
        <v>1058.4110000000001</v>
      </c>
      <c r="F1614">
        <v>1073.2670000000001</v>
      </c>
      <c r="G1614">
        <v>1101.0060000000001</v>
      </c>
      <c r="H1614">
        <v>1119.0119999999999</v>
      </c>
      <c r="I1614">
        <v>1135.623</v>
      </c>
      <c r="J1614">
        <v>1146.855</v>
      </c>
      <c r="K1614">
        <v>1159.029</v>
      </c>
      <c r="L1614">
        <v>1172.76</v>
      </c>
      <c r="M1614">
        <v>1153.45</v>
      </c>
      <c r="N1614">
        <v>993.02200000000005</v>
      </c>
      <c r="O1614">
        <v>1015.939</v>
      </c>
      <c r="P1614">
        <v>0</v>
      </c>
      <c r="Q1614">
        <v>0</v>
      </c>
      <c r="R1614">
        <v>1097.357</v>
      </c>
      <c r="S1614">
        <v>0</v>
      </c>
      <c r="T1614">
        <v>1121.4490000000001</v>
      </c>
      <c r="U1614">
        <v>1139.472</v>
      </c>
      <c r="V1614">
        <v>1146.778</v>
      </c>
      <c r="W1614">
        <v>1171.0070000000001</v>
      </c>
      <c r="X1614">
        <v>1189.1790000000001</v>
      </c>
      <c r="Y1614">
        <v>1185.4390000000001</v>
      </c>
    </row>
    <row r="1615" spans="1:25" x14ac:dyDescent="0.3">
      <c r="A1615">
        <v>43.216666664990285</v>
      </c>
      <c r="B1615">
        <v>987.05100000000004</v>
      </c>
      <c r="C1615">
        <v>1036.076</v>
      </c>
      <c r="D1615">
        <v>1031.3810000000001</v>
      </c>
      <c r="E1615">
        <v>1060.489</v>
      </c>
      <c r="F1615">
        <v>1073.415</v>
      </c>
      <c r="G1615">
        <v>1102.7529999999999</v>
      </c>
      <c r="H1615">
        <v>1121.3530000000001</v>
      </c>
      <c r="I1615">
        <v>1136.3050000000001</v>
      </c>
      <c r="J1615">
        <v>1153.2950000000001</v>
      </c>
      <c r="K1615">
        <v>1163.1890000000001</v>
      </c>
      <c r="L1615">
        <v>1171.8340000000001</v>
      </c>
      <c r="M1615">
        <v>1151.0709999999999</v>
      </c>
      <c r="N1615">
        <v>996.13400000000001</v>
      </c>
      <c r="O1615">
        <v>1018.0839999999999</v>
      </c>
      <c r="P1615">
        <v>0</v>
      </c>
      <c r="Q1615">
        <v>0</v>
      </c>
      <c r="R1615">
        <v>1102.433</v>
      </c>
      <c r="S1615">
        <v>0</v>
      </c>
      <c r="T1615">
        <v>1122.752</v>
      </c>
      <c r="U1615">
        <v>1138.5360000000001</v>
      </c>
      <c r="V1615">
        <v>1144.45</v>
      </c>
      <c r="W1615">
        <v>1171.8340000000001</v>
      </c>
      <c r="X1615">
        <v>1190.03</v>
      </c>
      <c r="Y1615">
        <v>1185.3979999999999</v>
      </c>
    </row>
    <row r="1616" spans="1:25" x14ac:dyDescent="0.3">
      <c r="A1616">
        <v>43.250000006115684</v>
      </c>
      <c r="B1616">
        <v>984.798</v>
      </c>
      <c r="C1616">
        <v>1036.7940000000001</v>
      </c>
      <c r="D1616">
        <v>1033.075</v>
      </c>
      <c r="E1616">
        <v>1063.607</v>
      </c>
      <c r="F1616">
        <v>1077.627</v>
      </c>
      <c r="G1616">
        <v>1103.5809999999999</v>
      </c>
      <c r="H1616">
        <v>1125.5039999999999</v>
      </c>
      <c r="I1616">
        <v>1135.204</v>
      </c>
      <c r="J1616">
        <v>1151.819</v>
      </c>
      <c r="K1616">
        <v>1163.8789999999999</v>
      </c>
      <c r="L1616">
        <v>1173.068</v>
      </c>
      <c r="M1616">
        <v>1153.6210000000001</v>
      </c>
      <c r="N1616">
        <v>994.678</v>
      </c>
      <c r="O1616">
        <v>1023.384</v>
      </c>
      <c r="P1616">
        <v>0</v>
      </c>
      <c r="Q1616">
        <v>0</v>
      </c>
      <c r="R1616">
        <v>1103.242</v>
      </c>
      <c r="S1616">
        <v>0</v>
      </c>
      <c r="T1616">
        <v>1125.22</v>
      </c>
      <c r="U1616">
        <v>1141.95</v>
      </c>
      <c r="V1616">
        <v>1146.682</v>
      </c>
      <c r="W1616">
        <v>1174.8599999999999</v>
      </c>
      <c r="X1616">
        <v>1191.7550000000001</v>
      </c>
      <c r="Y1616">
        <v>1189.4290000000001</v>
      </c>
    </row>
    <row r="1617" spans="1:25" x14ac:dyDescent="0.3">
      <c r="A1617">
        <v>43.266666666201004</v>
      </c>
      <c r="B1617">
        <v>993.87699999999995</v>
      </c>
      <c r="C1617">
        <v>1038.636</v>
      </c>
      <c r="D1617">
        <v>1037.42</v>
      </c>
      <c r="E1617">
        <v>1066.058</v>
      </c>
      <c r="F1617">
        <v>1083.3230000000001</v>
      </c>
      <c r="G1617">
        <v>1108.866</v>
      </c>
      <c r="H1617">
        <v>1129.3579999999999</v>
      </c>
      <c r="I1617">
        <v>1138.288</v>
      </c>
      <c r="J1617">
        <v>1151.0139999999999</v>
      </c>
      <c r="K1617">
        <v>1162.748</v>
      </c>
      <c r="L1617">
        <v>1171.2760000000001</v>
      </c>
      <c r="M1617">
        <v>1153.5450000000001</v>
      </c>
      <c r="N1617">
        <v>995.15200000000004</v>
      </c>
      <c r="O1617">
        <v>1021.0549999999999</v>
      </c>
      <c r="P1617">
        <v>0</v>
      </c>
      <c r="Q1617">
        <v>0</v>
      </c>
      <c r="R1617">
        <v>1097.7329999999999</v>
      </c>
      <c r="S1617">
        <v>0</v>
      </c>
      <c r="T1617">
        <v>1124.7270000000001</v>
      </c>
      <c r="U1617">
        <v>1137.201</v>
      </c>
      <c r="V1617">
        <v>1141.4359999999999</v>
      </c>
      <c r="W1617">
        <v>1167.845</v>
      </c>
      <c r="X1617">
        <v>1191.232</v>
      </c>
      <c r="Y1617">
        <v>1191.329</v>
      </c>
    </row>
    <row r="1618" spans="1:25" x14ac:dyDescent="0.3">
      <c r="A1618">
        <v>43.299999996849024</v>
      </c>
      <c r="B1618">
        <v>985.27099999999996</v>
      </c>
      <c r="C1618">
        <v>1039.115</v>
      </c>
      <c r="D1618">
        <v>1039.354</v>
      </c>
      <c r="E1618">
        <v>1067.3389999999999</v>
      </c>
      <c r="F1618">
        <v>1083.193</v>
      </c>
      <c r="G1618">
        <v>1108.546</v>
      </c>
      <c r="H1618">
        <v>1127.7829999999999</v>
      </c>
      <c r="I1618">
        <v>1141.4179999999999</v>
      </c>
      <c r="J1618">
        <v>1148.7049999999999</v>
      </c>
      <c r="K1618">
        <v>1155.1949999999999</v>
      </c>
      <c r="L1618">
        <v>1161.4069999999999</v>
      </c>
      <c r="M1618">
        <v>1145.538</v>
      </c>
      <c r="N1618">
        <v>993.95100000000002</v>
      </c>
      <c r="O1618">
        <v>1018.617</v>
      </c>
      <c r="P1618">
        <v>0</v>
      </c>
      <c r="Q1618">
        <v>0</v>
      </c>
      <c r="R1618">
        <v>1099.52</v>
      </c>
      <c r="S1618">
        <v>0</v>
      </c>
      <c r="T1618">
        <v>1122.5640000000001</v>
      </c>
      <c r="U1618">
        <v>1135.585</v>
      </c>
      <c r="V1618">
        <v>1141.0550000000001</v>
      </c>
      <c r="W1618">
        <v>1168.212</v>
      </c>
      <c r="X1618">
        <v>1190.3019999999999</v>
      </c>
      <c r="Y1618">
        <v>1188.1510000000001</v>
      </c>
    </row>
    <row r="1619" spans="1:25" x14ac:dyDescent="0.3">
      <c r="A1619">
        <v>43.333333337974423</v>
      </c>
      <c r="B1619">
        <v>982.31399999999996</v>
      </c>
      <c r="C1619">
        <v>1040.479</v>
      </c>
      <c r="D1619">
        <v>1037.973</v>
      </c>
      <c r="E1619">
        <v>1065.0740000000001</v>
      </c>
      <c r="F1619">
        <v>1077.684</v>
      </c>
      <c r="G1619">
        <v>1105.48</v>
      </c>
      <c r="H1619">
        <v>1129.0360000000001</v>
      </c>
      <c r="I1619">
        <v>1142.2180000000001</v>
      </c>
      <c r="J1619">
        <v>1147.3879999999999</v>
      </c>
      <c r="K1619">
        <v>1160.9079999999999</v>
      </c>
      <c r="L1619">
        <v>1169.117</v>
      </c>
      <c r="M1619">
        <v>1148.5519999999999</v>
      </c>
      <c r="N1619">
        <v>992.09299999999996</v>
      </c>
      <c r="O1619">
        <v>1021.991</v>
      </c>
      <c r="P1619">
        <v>0</v>
      </c>
      <c r="Q1619">
        <v>0</v>
      </c>
      <c r="R1619">
        <v>1101.7570000000001</v>
      </c>
      <c r="S1619">
        <v>0</v>
      </c>
      <c r="T1619">
        <v>1119.654</v>
      </c>
      <c r="U1619">
        <v>1134.104</v>
      </c>
      <c r="V1619">
        <v>1138.117</v>
      </c>
      <c r="W1619">
        <v>1169.2329999999999</v>
      </c>
      <c r="X1619">
        <v>1190.98</v>
      </c>
      <c r="Y1619">
        <v>1186.5039999999999</v>
      </c>
    </row>
    <row r="1620" spans="1:25" x14ac:dyDescent="0.3">
      <c r="A1620">
        <v>43.349999998059744</v>
      </c>
      <c r="B1620">
        <v>983.11300000000006</v>
      </c>
      <c r="C1620">
        <v>1039.9059999999999</v>
      </c>
      <c r="D1620">
        <v>1038.636</v>
      </c>
      <c r="E1620">
        <v>1064.0540000000001</v>
      </c>
      <c r="F1620">
        <v>1078.877</v>
      </c>
      <c r="G1620">
        <v>1104.8599999999999</v>
      </c>
      <c r="H1620">
        <v>1137.5640000000001</v>
      </c>
      <c r="I1620">
        <v>1144.298</v>
      </c>
      <c r="J1620">
        <v>1153.6990000000001</v>
      </c>
      <c r="K1620">
        <v>1167.345</v>
      </c>
      <c r="L1620">
        <v>1171.662</v>
      </c>
      <c r="M1620">
        <v>1147.847</v>
      </c>
      <c r="N1620">
        <v>992.27599999999995</v>
      </c>
      <c r="O1620">
        <v>1025.0719999999999</v>
      </c>
      <c r="P1620">
        <v>0</v>
      </c>
      <c r="Q1620">
        <v>0</v>
      </c>
      <c r="R1620">
        <v>1096.8869999999999</v>
      </c>
      <c r="S1620">
        <v>0</v>
      </c>
      <c r="T1620">
        <v>1118.3699999999999</v>
      </c>
      <c r="U1620">
        <v>1133.5350000000001</v>
      </c>
      <c r="V1620">
        <v>1140.3489999999999</v>
      </c>
      <c r="W1620">
        <v>1171.3340000000001</v>
      </c>
      <c r="X1620">
        <v>1197.2619999999999</v>
      </c>
      <c r="Y1620">
        <v>1190.69</v>
      </c>
    </row>
    <row r="1621" spans="1:25" x14ac:dyDescent="0.3">
      <c r="A1621">
        <v>43.383333339185143</v>
      </c>
      <c r="B1621">
        <v>983.13099999999997</v>
      </c>
      <c r="C1621">
        <v>1040.5160000000001</v>
      </c>
      <c r="D1621">
        <v>1037.0899999999999</v>
      </c>
      <c r="E1621">
        <v>1063.924</v>
      </c>
      <c r="F1621">
        <v>1079.3810000000001</v>
      </c>
      <c r="G1621">
        <v>1106.9290000000001</v>
      </c>
      <c r="H1621">
        <v>1132.567</v>
      </c>
      <c r="I1621">
        <v>1141.761</v>
      </c>
      <c r="J1621">
        <v>1148.7239999999999</v>
      </c>
      <c r="K1621">
        <v>1163.248</v>
      </c>
      <c r="L1621">
        <v>1170.3900000000001</v>
      </c>
      <c r="M1621">
        <v>1153.7570000000001</v>
      </c>
      <c r="N1621">
        <v>994.27800000000002</v>
      </c>
      <c r="O1621">
        <v>1027.865</v>
      </c>
      <c r="P1621">
        <v>0</v>
      </c>
      <c r="Q1621">
        <v>0</v>
      </c>
      <c r="R1621">
        <v>1095.402</v>
      </c>
      <c r="S1621">
        <v>0</v>
      </c>
      <c r="T1621">
        <v>1116.953</v>
      </c>
      <c r="U1621">
        <v>1135.2819999999999</v>
      </c>
      <c r="V1621">
        <v>1142.4480000000001</v>
      </c>
      <c r="W1621">
        <v>1169.58</v>
      </c>
      <c r="X1621">
        <v>1193.9100000000001</v>
      </c>
      <c r="Y1621">
        <v>1189.585</v>
      </c>
    </row>
    <row r="1622" spans="1:25" x14ac:dyDescent="0.3">
      <c r="A1622">
        <v>43.416666669833162</v>
      </c>
      <c r="B1622">
        <v>983.49400000000003</v>
      </c>
      <c r="C1622">
        <v>1041.2370000000001</v>
      </c>
      <c r="D1622">
        <v>1037.6600000000001</v>
      </c>
      <c r="E1622">
        <v>1064.3879999999999</v>
      </c>
      <c r="F1622">
        <v>1077.6469999999999</v>
      </c>
      <c r="G1622">
        <v>1103.5440000000001</v>
      </c>
      <c r="H1622">
        <v>1128.7139999999999</v>
      </c>
      <c r="I1622">
        <v>1136.915</v>
      </c>
      <c r="J1622">
        <v>1144.05</v>
      </c>
      <c r="K1622">
        <v>1160.9849999999999</v>
      </c>
      <c r="L1622">
        <v>1166.6510000000001</v>
      </c>
      <c r="M1622">
        <v>1148.133</v>
      </c>
      <c r="N1622">
        <v>995.82600000000002</v>
      </c>
      <c r="O1622">
        <v>1026.7059999999999</v>
      </c>
      <c r="P1622">
        <v>0</v>
      </c>
      <c r="Q1622">
        <v>0</v>
      </c>
      <c r="R1622">
        <v>1095.0820000000001</v>
      </c>
      <c r="S1622">
        <v>0</v>
      </c>
      <c r="T1622">
        <v>1120.0889999999999</v>
      </c>
      <c r="U1622">
        <v>1136.4010000000001</v>
      </c>
      <c r="V1622">
        <v>1144.508</v>
      </c>
      <c r="W1622">
        <v>1170.1780000000001</v>
      </c>
      <c r="X1622">
        <v>1190.1089999999999</v>
      </c>
      <c r="Y1622">
        <v>1191.252</v>
      </c>
    </row>
    <row r="1623" spans="1:25" x14ac:dyDescent="0.3">
      <c r="A1623">
        <v>43.433333329918483</v>
      </c>
      <c r="B1623">
        <v>978.19899999999996</v>
      </c>
      <c r="C1623">
        <v>1042.4960000000001</v>
      </c>
      <c r="D1623">
        <v>1036.778</v>
      </c>
      <c r="E1623">
        <v>1063.758</v>
      </c>
      <c r="F1623">
        <v>1077.556</v>
      </c>
      <c r="G1623">
        <v>1101.9659999999999</v>
      </c>
      <c r="H1623">
        <v>1126.646</v>
      </c>
      <c r="I1623">
        <v>1140.694</v>
      </c>
      <c r="J1623">
        <v>1148.4970000000001</v>
      </c>
      <c r="K1623">
        <v>1160.9100000000001</v>
      </c>
      <c r="L1623">
        <v>1172.569</v>
      </c>
      <c r="M1623">
        <v>1150.462</v>
      </c>
      <c r="N1623">
        <v>998.79399999999998</v>
      </c>
      <c r="O1623">
        <v>1028.18</v>
      </c>
      <c r="P1623">
        <v>0</v>
      </c>
      <c r="Q1623">
        <v>0</v>
      </c>
      <c r="R1623">
        <v>1098.6569999999999</v>
      </c>
      <c r="S1623">
        <v>0</v>
      </c>
      <c r="T1623">
        <v>1119.24</v>
      </c>
      <c r="U1623">
        <v>1134.885</v>
      </c>
      <c r="V1623">
        <v>1144.586</v>
      </c>
      <c r="W1623">
        <v>1169.5820000000001</v>
      </c>
      <c r="X1623">
        <v>1192.3779999999999</v>
      </c>
      <c r="Y1623">
        <v>1189.8</v>
      </c>
    </row>
    <row r="1624" spans="1:25" x14ac:dyDescent="0.3">
      <c r="A1624">
        <v>43.466666671043882</v>
      </c>
      <c r="B1624">
        <v>988.14400000000001</v>
      </c>
      <c r="C1624">
        <v>1041.7550000000001</v>
      </c>
      <c r="D1624">
        <v>1035.175</v>
      </c>
      <c r="E1624">
        <v>1063.942</v>
      </c>
      <c r="F1624">
        <v>1076.6030000000001</v>
      </c>
      <c r="G1624">
        <v>1105.82</v>
      </c>
      <c r="H1624">
        <v>1129.758</v>
      </c>
      <c r="I1624">
        <v>1138.0029999999999</v>
      </c>
      <c r="J1624">
        <v>1149.5640000000001</v>
      </c>
      <c r="K1624">
        <v>1164.0340000000001</v>
      </c>
      <c r="L1624">
        <v>1175.902</v>
      </c>
      <c r="M1624">
        <v>1152.568</v>
      </c>
      <c r="N1624">
        <v>1002.353</v>
      </c>
      <c r="O1624">
        <v>1027.865</v>
      </c>
      <c r="P1624">
        <v>0</v>
      </c>
      <c r="Q1624">
        <v>0</v>
      </c>
      <c r="R1624">
        <v>1099.7829999999999</v>
      </c>
      <c r="S1624">
        <v>0</v>
      </c>
      <c r="T1624">
        <v>1121.43</v>
      </c>
      <c r="U1624">
        <v>1142.3710000000001</v>
      </c>
      <c r="V1624">
        <v>1151.5899999999999</v>
      </c>
      <c r="W1624">
        <v>1176.654</v>
      </c>
      <c r="X1624">
        <v>1193.598</v>
      </c>
      <c r="Y1624">
        <v>1188.9269999999999</v>
      </c>
    </row>
    <row r="1625" spans="1:25" x14ac:dyDescent="0.3">
      <c r="A1625">
        <v>43.483333331129202</v>
      </c>
      <c r="B1625">
        <v>986.01599999999996</v>
      </c>
      <c r="C1625">
        <v>1041.7929999999999</v>
      </c>
      <c r="D1625">
        <v>1040.6289999999999</v>
      </c>
      <c r="E1625">
        <v>1067.807</v>
      </c>
      <c r="F1625">
        <v>1080.296</v>
      </c>
      <c r="G1625">
        <v>1108.68</v>
      </c>
      <c r="H1625">
        <v>1134.866</v>
      </c>
      <c r="I1625">
        <v>1139.1110000000001</v>
      </c>
      <c r="J1625">
        <v>1149.184</v>
      </c>
      <c r="K1625">
        <v>1164.8789999999999</v>
      </c>
      <c r="L1625">
        <v>1176.251</v>
      </c>
      <c r="M1625">
        <v>1152.5889999999999</v>
      </c>
      <c r="N1625">
        <v>1011.7089999999999</v>
      </c>
      <c r="O1625">
        <v>1024.3589999999999</v>
      </c>
      <c r="P1625">
        <v>0</v>
      </c>
      <c r="Q1625">
        <v>0</v>
      </c>
      <c r="R1625">
        <v>1105.182</v>
      </c>
      <c r="S1625">
        <v>0</v>
      </c>
      <c r="T1625">
        <v>1125.8109999999999</v>
      </c>
      <c r="U1625">
        <v>1145.3869999999999</v>
      </c>
      <c r="V1625">
        <v>1154.008</v>
      </c>
      <c r="W1625">
        <v>1177.8510000000001</v>
      </c>
      <c r="X1625">
        <v>1193.153</v>
      </c>
      <c r="Y1625">
        <v>1192.106</v>
      </c>
    </row>
    <row r="1626" spans="1:25" x14ac:dyDescent="0.3">
      <c r="A1626">
        <v>43.516666672254601</v>
      </c>
      <c r="B1626">
        <v>981.40800000000002</v>
      </c>
      <c r="C1626">
        <v>1039.6489999999999</v>
      </c>
      <c r="D1626">
        <v>1044.3240000000001</v>
      </c>
      <c r="E1626">
        <v>1069.8</v>
      </c>
      <c r="F1626">
        <v>1081.6010000000001</v>
      </c>
      <c r="G1626">
        <v>1108.904</v>
      </c>
      <c r="H1626">
        <v>1132.8330000000001</v>
      </c>
      <c r="I1626">
        <v>1137.5830000000001</v>
      </c>
      <c r="J1626">
        <v>1148.4570000000001</v>
      </c>
      <c r="K1626">
        <v>1165.4939999999999</v>
      </c>
      <c r="L1626">
        <v>1175.748</v>
      </c>
      <c r="M1626">
        <v>1149.7539999999999</v>
      </c>
      <c r="N1626">
        <v>1014.986</v>
      </c>
      <c r="O1626">
        <v>1023.385</v>
      </c>
      <c r="P1626">
        <v>0</v>
      </c>
      <c r="Q1626">
        <v>0</v>
      </c>
      <c r="R1626">
        <v>1106.1959999999999</v>
      </c>
      <c r="S1626">
        <v>0</v>
      </c>
      <c r="T1626">
        <v>1125.5250000000001</v>
      </c>
      <c r="U1626">
        <v>1141.78</v>
      </c>
      <c r="V1626">
        <v>1150.7270000000001</v>
      </c>
      <c r="W1626">
        <v>1176.847</v>
      </c>
      <c r="X1626">
        <v>1194.066</v>
      </c>
      <c r="Y1626">
        <v>1191.7560000000001</v>
      </c>
    </row>
    <row r="1627" spans="1:25" x14ac:dyDescent="0.3">
      <c r="A1627">
        <v>43.550000002902621</v>
      </c>
      <c r="B1627">
        <v>983.65800000000002</v>
      </c>
      <c r="C1627">
        <v>1039.9449999999999</v>
      </c>
      <c r="D1627">
        <v>1042.9949999999999</v>
      </c>
      <c r="E1627">
        <v>1069.018</v>
      </c>
      <c r="F1627">
        <v>1082.876</v>
      </c>
      <c r="G1627">
        <v>1109.2650000000001</v>
      </c>
      <c r="H1627">
        <v>1133.366</v>
      </c>
      <c r="I1627">
        <v>1143.9760000000001</v>
      </c>
      <c r="J1627">
        <v>1153.931</v>
      </c>
      <c r="K1627">
        <v>1166.98</v>
      </c>
      <c r="L1627">
        <v>1172.126</v>
      </c>
      <c r="M1627">
        <v>1149.7370000000001</v>
      </c>
      <c r="N1627">
        <v>1009.864</v>
      </c>
      <c r="O1627">
        <v>1025.973</v>
      </c>
      <c r="P1627">
        <v>0</v>
      </c>
      <c r="Q1627">
        <v>0</v>
      </c>
      <c r="R1627">
        <v>1105.934</v>
      </c>
      <c r="S1627">
        <v>0</v>
      </c>
      <c r="T1627">
        <v>1124.2729999999999</v>
      </c>
      <c r="U1627">
        <v>1139.4349999999999</v>
      </c>
      <c r="V1627">
        <v>1147.5239999999999</v>
      </c>
      <c r="W1627">
        <v>1172.8389999999999</v>
      </c>
      <c r="X1627">
        <v>1190.421</v>
      </c>
      <c r="Y1627">
        <v>1189.0060000000001</v>
      </c>
    </row>
    <row r="1628" spans="1:25" x14ac:dyDescent="0.3">
      <c r="A1628">
        <v>43.566666662987942</v>
      </c>
      <c r="B1628">
        <v>979.70500000000004</v>
      </c>
      <c r="C1628">
        <v>1041.405</v>
      </c>
      <c r="D1628">
        <v>1040.481</v>
      </c>
      <c r="E1628">
        <v>1069.9690000000001</v>
      </c>
      <c r="F1628">
        <v>1081.21</v>
      </c>
      <c r="G1628">
        <v>1112.874</v>
      </c>
      <c r="H1628">
        <v>1132.2080000000001</v>
      </c>
      <c r="I1628">
        <v>1145.826</v>
      </c>
      <c r="J1628">
        <v>1156.826</v>
      </c>
      <c r="K1628">
        <v>1166.826</v>
      </c>
      <c r="L1628">
        <v>1173.9760000000001</v>
      </c>
      <c r="M1628">
        <v>1154.6980000000001</v>
      </c>
      <c r="N1628">
        <v>1002.665</v>
      </c>
      <c r="O1628">
        <v>1030.8679999999999</v>
      </c>
      <c r="P1628">
        <v>0</v>
      </c>
      <c r="Q1628">
        <v>0</v>
      </c>
      <c r="R1628">
        <v>1101.1010000000001</v>
      </c>
      <c r="S1628">
        <v>0</v>
      </c>
      <c r="T1628">
        <v>1125.299</v>
      </c>
      <c r="U1628">
        <v>1138.0229999999999</v>
      </c>
      <c r="V1628">
        <v>1142.9839999999999</v>
      </c>
      <c r="W1628">
        <v>1172.8009999999999</v>
      </c>
      <c r="X1628">
        <v>1191.874</v>
      </c>
      <c r="Y1628">
        <v>1186.4480000000001</v>
      </c>
    </row>
    <row r="1629" spans="1:25" x14ac:dyDescent="0.3">
      <c r="A1629">
        <v>43.60000000411334</v>
      </c>
      <c r="B1629">
        <v>975.98699999999997</v>
      </c>
      <c r="C1629">
        <v>1041.941</v>
      </c>
      <c r="D1629">
        <v>1040.4069999999999</v>
      </c>
      <c r="E1629">
        <v>1070.6590000000001</v>
      </c>
      <c r="F1629">
        <v>1083.625</v>
      </c>
      <c r="G1629">
        <v>1115.2919999999999</v>
      </c>
      <c r="H1629">
        <v>1135.4349999999999</v>
      </c>
      <c r="I1629">
        <v>1148.001</v>
      </c>
      <c r="J1629">
        <v>1155.0050000000001</v>
      </c>
      <c r="K1629">
        <v>1166.46</v>
      </c>
      <c r="L1629">
        <v>1173.5719999999999</v>
      </c>
      <c r="M1629">
        <v>1149.317</v>
      </c>
      <c r="N1629">
        <v>1001.514</v>
      </c>
      <c r="O1629">
        <v>1031.181</v>
      </c>
      <c r="P1629">
        <v>0</v>
      </c>
      <c r="Q1629">
        <v>0</v>
      </c>
      <c r="R1629">
        <v>1100.6500000000001</v>
      </c>
      <c r="S1629">
        <v>0</v>
      </c>
      <c r="T1629">
        <v>1124.577</v>
      </c>
      <c r="U1629">
        <v>1136.6310000000001</v>
      </c>
      <c r="V1629">
        <v>1141.133</v>
      </c>
      <c r="W1629">
        <v>1171.085</v>
      </c>
      <c r="X1629">
        <v>1190.827</v>
      </c>
      <c r="Y1629">
        <v>1185.867</v>
      </c>
    </row>
    <row r="1630" spans="1:25" x14ac:dyDescent="0.3">
      <c r="A1630">
        <v>43.616666664198661</v>
      </c>
      <c r="B1630">
        <v>985.83500000000004</v>
      </c>
      <c r="C1630">
        <v>1044.6780000000001</v>
      </c>
      <c r="D1630">
        <v>1044.123</v>
      </c>
      <c r="E1630">
        <v>1073.9770000000001</v>
      </c>
      <c r="F1630">
        <v>1089.5419999999999</v>
      </c>
      <c r="G1630">
        <v>1118.8820000000001</v>
      </c>
      <c r="H1630">
        <v>1135.3409999999999</v>
      </c>
      <c r="I1630">
        <v>1144.682</v>
      </c>
      <c r="J1630">
        <v>1154.4680000000001</v>
      </c>
      <c r="K1630">
        <v>1164.0740000000001</v>
      </c>
      <c r="L1630">
        <v>1171.606</v>
      </c>
      <c r="M1630">
        <v>1153.069</v>
      </c>
      <c r="N1630">
        <v>997.21100000000001</v>
      </c>
      <c r="O1630">
        <v>1035.8209999999999</v>
      </c>
      <c r="P1630">
        <v>0</v>
      </c>
      <c r="Q1630">
        <v>0</v>
      </c>
      <c r="R1630">
        <v>1098.732</v>
      </c>
      <c r="S1630">
        <v>0</v>
      </c>
      <c r="T1630">
        <v>1119.751</v>
      </c>
      <c r="U1630">
        <v>1136.0999999999999</v>
      </c>
      <c r="V1630">
        <v>1142.049</v>
      </c>
      <c r="W1630">
        <v>1172.377</v>
      </c>
      <c r="X1630">
        <v>1186.5650000000001</v>
      </c>
      <c r="Y1630">
        <v>1187.107</v>
      </c>
    </row>
    <row r="1631" spans="1:25" x14ac:dyDescent="0.3">
      <c r="A1631">
        <v>43.65000000532406</v>
      </c>
      <c r="B1631">
        <v>996.84500000000003</v>
      </c>
      <c r="C1631">
        <v>1044.9159999999999</v>
      </c>
      <c r="D1631">
        <v>1044.8789999999999</v>
      </c>
      <c r="E1631">
        <v>1073.6769999999999</v>
      </c>
      <c r="F1631">
        <v>1086.2439999999999</v>
      </c>
      <c r="G1631">
        <v>1111.8330000000001</v>
      </c>
      <c r="H1631">
        <v>1127.7460000000001</v>
      </c>
      <c r="I1631">
        <v>1134.617</v>
      </c>
      <c r="J1631">
        <v>1144.546</v>
      </c>
      <c r="K1631">
        <v>1157.8599999999999</v>
      </c>
      <c r="L1631">
        <v>1172.433</v>
      </c>
      <c r="M1631">
        <v>1152.376</v>
      </c>
      <c r="N1631">
        <v>1000.9640000000001</v>
      </c>
      <c r="O1631">
        <v>1026.5029999999999</v>
      </c>
      <c r="P1631">
        <v>0</v>
      </c>
      <c r="Q1631">
        <v>0</v>
      </c>
      <c r="R1631">
        <v>1100.1220000000001</v>
      </c>
      <c r="S1631">
        <v>0</v>
      </c>
      <c r="T1631">
        <v>1120.3910000000001</v>
      </c>
      <c r="U1631">
        <v>1135.7750000000001</v>
      </c>
      <c r="V1631">
        <v>1143.3630000000001</v>
      </c>
      <c r="W1631">
        <v>1170.3130000000001</v>
      </c>
      <c r="X1631">
        <v>1187.396</v>
      </c>
      <c r="Y1631">
        <v>1185.904</v>
      </c>
    </row>
    <row r="1632" spans="1:25" x14ac:dyDescent="0.3">
      <c r="A1632">
        <v>43.68333333597208</v>
      </c>
      <c r="B1632">
        <v>995.04300000000001</v>
      </c>
      <c r="C1632">
        <v>1041.422</v>
      </c>
      <c r="D1632">
        <v>1037.8630000000001</v>
      </c>
      <c r="E1632">
        <v>1071.048</v>
      </c>
      <c r="F1632">
        <v>1082.5940000000001</v>
      </c>
      <c r="G1632">
        <v>1107.0609999999999</v>
      </c>
      <c r="H1632">
        <v>1123.778</v>
      </c>
      <c r="I1632">
        <v>1131.96</v>
      </c>
      <c r="J1632">
        <v>1139.0139999999999</v>
      </c>
      <c r="K1632">
        <v>1152.683</v>
      </c>
      <c r="L1632">
        <v>1165.4169999999999</v>
      </c>
      <c r="M1632">
        <v>1150.9380000000001</v>
      </c>
      <c r="N1632">
        <v>1009.04</v>
      </c>
      <c r="O1632">
        <v>1021.514</v>
      </c>
      <c r="P1632">
        <v>0</v>
      </c>
      <c r="Q1632">
        <v>0</v>
      </c>
      <c r="R1632">
        <v>1099.558</v>
      </c>
      <c r="S1632">
        <v>0</v>
      </c>
      <c r="T1632">
        <v>1123.683</v>
      </c>
      <c r="U1632">
        <v>1139.9680000000001</v>
      </c>
      <c r="V1632">
        <v>1142.066</v>
      </c>
      <c r="W1632">
        <v>1167.653</v>
      </c>
      <c r="X1632">
        <v>1188.1510000000001</v>
      </c>
      <c r="Y1632">
        <v>1188.1130000000001</v>
      </c>
    </row>
    <row r="1633" spans="1:25" x14ac:dyDescent="0.3">
      <c r="A1633">
        <v>43.700000006534779</v>
      </c>
      <c r="B1633">
        <v>996.90200000000004</v>
      </c>
      <c r="C1633">
        <v>1039.761</v>
      </c>
      <c r="D1633">
        <v>1039.154</v>
      </c>
      <c r="E1633">
        <v>1069.653</v>
      </c>
      <c r="F1633">
        <v>1081.136</v>
      </c>
      <c r="G1633">
        <v>1105.164</v>
      </c>
      <c r="H1633">
        <v>1123.7049999999999</v>
      </c>
      <c r="I1633">
        <v>1130.8800000000001</v>
      </c>
      <c r="J1633">
        <v>1136.537</v>
      </c>
      <c r="K1633">
        <v>1148.7840000000001</v>
      </c>
      <c r="L1633">
        <v>1162.4639999999999</v>
      </c>
      <c r="M1633">
        <v>1147.7339999999999</v>
      </c>
      <c r="N1633">
        <v>1003.232</v>
      </c>
      <c r="O1633">
        <v>1028.6780000000001</v>
      </c>
      <c r="P1633">
        <v>0</v>
      </c>
      <c r="Q1633">
        <v>0</v>
      </c>
      <c r="R1633">
        <v>1101.8920000000001</v>
      </c>
      <c r="S1633">
        <v>0</v>
      </c>
      <c r="T1633">
        <v>1122.566</v>
      </c>
      <c r="U1633">
        <v>1138.825</v>
      </c>
      <c r="V1633">
        <v>1143.232</v>
      </c>
      <c r="W1633">
        <v>1168.3879999999999</v>
      </c>
      <c r="X1633">
        <v>1189.1420000000001</v>
      </c>
      <c r="Y1633">
        <v>1186.2550000000001</v>
      </c>
    </row>
    <row r="1634" spans="1:25" x14ac:dyDescent="0.3">
      <c r="A1634">
        <v>43.733333337182799</v>
      </c>
      <c r="B1634">
        <v>1002.428</v>
      </c>
      <c r="C1634">
        <v>1040.796</v>
      </c>
      <c r="D1634">
        <v>1038.27</v>
      </c>
      <c r="E1634">
        <v>1067.23</v>
      </c>
      <c r="F1634">
        <v>1078.9169999999999</v>
      </c>
      <c r="G1634">
        <v>1108.4169999999999</v>
      </c>
      <c r="H1634">
        <v>1124.1790000000001</v>
      </c>
      <c r="I1634">
        <v>1133.7460000000001</v>
      </c>
      <c r="J1634">
        <v>1144.377</v>
      </c>
      <c r="K1634">
        <v>1159.473</v>
      </c>
      <c r="L1634">
        <v>1164.7840000000001</v>
      </c>
      <c r="M1634">
        <v>1147.8109999999999</v>
      </c>
      <c r="N1634">
        <v>1002.227</v>
      </c>
      <c r="O1634">
        <v>1030.6659999999999</v>
      </c>
      <c r="P1634">
        <v>0</v>
      </c>
      <c r="Q1634">
        <v>0</v>
      </c>
      <c r="R1634">
        <v>1097.19</v>
      </c>
      <c r="S1634">
        <v>0</v>
      </c>
      <c r="T1634">
        <v>1121.7919999999999</v>
      </c>
      <c r="U1634">
        <v>1138.501</v>
      </c>
      <c r="V1634">
        <v>1144.415</v>
      </c>
      <c r="W1634">
        <v>1170.0640000000001</v>
      </c>
      <c r="X1634">
        <v>1189.297</v>
      </c>
      <c r="Y1634">
        <v>1186.817</v>
      </c>
    </row>
    <row r="1635" spans="1:25" x14ac:dyDescent="0.3">
      <c r="A1635">
        <v>43.74999999726812</v>
      </c>
      <c r="B1635">
        <v>1000.529</v>
      </c>
      <c r="C1635">
        <v>1045.4369999999999</v>
      </c>
      <c r="D1635">
        <v>1041.499</v>
      </c>
      <c r="E1635">
        <v>1069.5419999999999</v>
      </c>
      <c r="F1635">
        <v>1082.26</v>
      </c>
      <c r="G1635">
        <v>1108.3050000000001</v>
      </c>
      <c r="H1635">
        <v>1129.3820000000001</v>
      </c>
      <c r="I1635">
        <v>1144.721</v>
      </c>
      <c r="J1635">
        <v>1150.674</v>
      </c>
      <c r="K1635">
        <v>1164.2670000000001</v>
      </c>
      <c r="L1635">
        <v>1173.4000000000001</v>
      </c>
      <c r="M1635">
        <v>1148.9570000000001</v>
      </c>
      <c r="N1635">
        <v>996.70299999999997</v>
      </c>
      <c r="O1635">
        <v>1030.8699999999999</v>
      </c>
      <c r="P1635">
        <v>0</v>
      </c>
      <c r="Q1635">
        <v>0</v>
      </c>
      <c r="R1635">
        <v>1097.549</v>
      </c>
      <c r="S1635">
        <v>0</v>
      </c>
      <c r="T1635">
        <v>1122.7190000000001</v>
      </c>
      <c r="U1635">
        <v>1142.0319999999999</v>
      </c>
      <c r="V1635">
        <v>1147.278</v>
      </c>
      <c r="W1635">
        <v>1172.3589999999999</v>
      </c>
      <c r="X1635">
        <v>1189.7049999999999</v>
      </c>
      <c r="Y1635">
        <v>1187.0889999999999</v>
      </c>
    </row>
    <row r="1636" spans="1:25" x14ac:dyDescent="0.3">
      <c r="A1636">
        <v>43.783333338393518</v>
      </c>
      <c r="B1636">
        <v>1003.981</v>
      </c>
      <c r="C1636">
        <v>1046.434</v>
      </c>
      <c r="D1636">
        <v>1044.4190000000001</v>
      </c>
      <c r="E1636">
        <v>1071.778</v>
      </c>
      <c r="F1636">
        <v>1084.6369999999999</v>
      </c>
      <c r="G1636">
        <v>1109.7950000000001</v>
      </c>
      <c r="H1636">
        <v>1129.5319999999999</v>
      </c>
      <c r="I1636">
        <v>1140.3900000000001</v>
      </c>
      <c r="J1636">
        <v>1146.933</v>
      </c>
      <c r="K1636">
        <v>1162.732</v>
      </c>
      <c r="L1636">
        <v>1169.1969999999999</v>
      </c>
      <c r="M1636">
        <v>1149.7570000000001</v>
      </c>
      <c r="N1636">
        <v>999.99800000000005</v>
      </c>
      <c r="O1636">
        <v>1032.01</v>
      </c>
      <c r="P1636">
        <v>0</v>
      </c>
      <c r="Q1636">
        <v>0</v>
      </c>
      <c r="R1636">
        <v>1104.806</v>
      </c>
      <c r="S1636">
        <v>0</v>
      </c>
      <c r="T1636">
        <v>1127.4059999999999</v>
      </c>
      <c r="U1636">
        <v>1150.672</v>
      </c>
      <c r="V1636">
        <v>1152.2059999999999</v>
      </c>
      <c r="W1636">
        <v>1177.7929999999999</v>
      </c>
      <c r="X1636">
        <v>1189.413</v>
      </c>
      <c r="Y1636">
        <v>1185.79</v>
      </c>
    </row>
    <row r="1637" spans="1:25" x14ac:dyDescent="0.3">
      <c r="A1637">
        <v>43.816666669041538</v>
      </c>
      <c r="B1637">
        <v>1007.289</v>
      </c>
      <c r="C1637">
        <v>1046.508</v>
      </c>
      <c r="D1637">
        <v>1047.3399999999999</v>
      </c>
      <c r="E1637">
        <v>1073.885</v>
      </c>
      <c r="F1637">
        <v>1085.6110000000001</v>
      </c>
      <c r="G1637">
        <v>1110.2860000000001</v>
      </c>
      <c r="H1637">
        <v>1137.414</v>
      </c>
      <c r="I1637">
        <v>1148.365</v>
      </c>
      <c r="J1637">
        <v>1151.3630000000001</v>
      </c>
      <c r="K1637">
        <v>1161.8699999999999</v>
      </c>
      <c r="L1637">
        <v>1171.202</v>
      </c>
      <c r="M1637">
        <v>1151.5160000000001</v>
      </c>
      <c r="N1637">
        <v>1006.412</v>
      </c>
      <c r="O1637">
        <v>1027.463</v>
      </c>
      <c r="P1637">
        <v>0</v>
      </c>
      <c r="Q1637">
        <v>0</v>
      </c>
      <c r="R1637">
        <v>1105.7470000000001</v>
      </c>
      <c r="S1637">
        <v>0</v>
      </c>
      <c r="T1637">
        <v>1129.4570000000001</v>
      </c>
      <c r="U1637">
        <v>1149.566</v>
      </c>
      <c r="V1637">
        <v>1155.9449999999999</v>
      </c>
      <c r="W1637">
        <v>1181.837</v>
      </c>
      <c r="X1637">
        <v>1195.2380000000001</v>
      </c>
      <c r="Y1637">
        <v>1190.9839999999999</v>
      </c>
    </row>
    <row r="1638" spans="1:25" x14ac:dyDescent="0.3">
      <c r="A1638">
        <v>43.833333339604238</v>
      </c>
      <c r="B1638">
        <v>1009.042</v>
      </c>
      <c r="C1638">
        <v>1049.1880000000001</v>
      </c>
      <c r="D1638">
        <v>1046.674</v>
      </c>
      <c r="E1638">
        <v>1074.164</v>
      </c>
      <c r="F1638">
        <v>1084.5429999999999</v>
      </c>
      <c r="G1638">
        <v>1112.5340000000001</v>
      </c>
      <c r="H1638">
        <v>1143.9000000000001</v>
      </c>
      <c r="I1638">
        <v>1152.6089999999999</v>
      </c>
      <c r="J1638">
        <v>1154.047</v>
      </c>
      <c r="K1638">
        <v>1167.289</v>
      </c>
      <c r="L1638">
        <v>1176.386</v>
      </c>
      <c r="M1638">
        <v>1156.942</v>
      </c>
      <c r="N1638">
        <v>1010.778</v>
      </c>
      <c r="O1638">
        <v>1024.011</v>
      </c>
      <c r="P1638">
        <v>0</v>
      </c>
      <c r="Q1638">
        <v>0</v>
      </c>
      <c r="R1638">
        <v>1105.8219999999999</v>
      </c>
      <c r="S1638">
        <v>0</v>
      </c>
      <c r="T1638">
        <v>1124.692</v>
      </c>
      <c r="U1638">
        <v>1142.011</v>
      </c>
      <c r="V1638">
        <v>1150.539</v>
      </c>
      <c r="W1638">
        <v>1179.9369999999999</v>
      </c>
      <c r="X1638">
        <v>1192.068</v>
      </c>
      <c r="Y1638">
        <v>1189.375</v>
      </c>
    </row>
    <row r="1639" spans="1:25" x14ac:dyDescent="0.3">
      <c r="A1639">
        <v>43.866666670252258</v>
      </c>
      <c r="B1639">
        <v>993.58900000000006</v>
      </c>
      <c r="C1639">
        <v>1049.17</v>
      </c>
      <c r="D1639">
        <v>1048.375</v>
      </c>
      <c r="E1639">
        <v>1075.171</v>
      </c>
      <c r="F1639">
        <v>1085.105</v>
      </c>
      <c r="G1639">
        <v>1111.4010000000001</v>
      </c>
      <c r="H1639">
        <v>1140.7339999999999</v>
      </c>
      <c r="I1639">
        <v>1148.174</v>
      </c>
      <c r="J1639">
        <v>1154.6030000000001</v>
      </c>
      <c r="K1639">
        <v>1165.6320000000001</v>
      </c>
      <c r="L1639">
        <v>1178.2370000000001</v>
      </c>
      <c r="M1639">
        <v>1156.4059999999999</v>
      </c>
      <c r="N1639">
        <v>1005.3339999999999</v>
      </c>
      <c r="O1639">
        <v>1024.47</v>
      </c>
      <c r="P1639">
        <v>0</v>
      </c>
      <c r="Q1639">
        <v>0</v>
      </c>
      <c r="R1639">
        <v>1103.2650000000001</v>
      </c>
      <c r="S1639">
        <v>0</v>
      </c>
      <c r="T1639">
        <v>1121.49</v>
      </c>
      <c r="U1639">
        <v>1140.2</v>
      </c>
      <c r="V1639">
        <v>1148.9179999999999</v>
      </c>
      <c r="W1639">
        <v>1177.5239999999999</v>
      </c>
      <c r="X1639">
        <v>1194.5170000000001</v>
      </c>
      <c r="Y1639">
        <v>1189.7629999999999</v>
      </c>
    </row>
    <row r="1640" spans="1:25" x14ac:dyDescent="0.3">
      <c r="A1640">
        <v>43.900000000900278</v>
      </c>
      <c r="B1640">
        <v>998.19500000000005</v>
      </c>
      <c r="C1640">
        <v>1046.693</v>
      </c>
      <c r="D1640">
        <v>1044.068</v>
      </c>
      <c r="E1640">
        <v>1070.921</v>
      </c>
      <c r="F1640">
        <v>1083.364</v>
      </c>
      <c r="G1640">
        <v>1107.9659999999999</v>
      </c>
      <c r="H1640">
        <v>1131.222</v>
      </c>
      <c r="I1640">
        <v>1145.732</v>
      </c>
      <c r="J1640">
        <v>1149.8530000000001</v>
      </c>
      <c r="K1640">
        <v>1158.4190000000001</v>
      </c>
      <c r="L1640">
        <v>1166.634</v>
      </c>
      <c r="M1640">
        <v>1150.788</v>
      </c>
      <c r="N1640">
        <v>1003.927</v>
      </c>
      <c r="O1640">
        <v>1022.067</v>
      </c>
      <c r="P1640">
        <v>0</v>
      </c>
      <c r="Q1640">
        <v>0</v>
      </c>
      <c r="R1640">
        <v>1098.056</v>
      </c>
      <c r="S1640">
        <v>0</v>
      </c>
      <c r="T1640">
        <v>1118.694</v>
      </c>
      <c r="U1640">
        <v>1137.204</v>
      </c>
      <c r="V1640">
        <v>1146.2660000000001</v>
      </c>
      <c r="W1640">
        <v>1174.614</v>
      </c>
      <c r="X1640">
        <v>1188.7360000000001</v>
      </c>
      <c r="Y1640">
        <v>1187.4179999999999</v>
      </c>
    </row>
    <row r="1641" spans="1:25" x14ac:dyDescent="0.3">
      <c r="A1641">
        <v>43.916666671462977</v>
      </c>
      <c r="B1641">
        <v>1005.937</v>
      </c>
      <c r="C1641">
        <v>1046.3420000000001</v>
      </c>
      <c r="D1641">
        <v>1042.4780000000001</v>
      </c>
      <c r="E1641">
        <v>1068.6279999999999</v>
      </c>
      <c r="F1641">
        <v>1080.9870000000001</v>
      </c>
      <c r="G1641">
        <v>1106.1610000000001</v>
      </c>
      <c r="H1641">
        <v>1125.2429999999999</v>
      </c>
      <c r="I1641">
        <v>1139.5509999999999</v>
      </c>
      <c r="J1641">
        <v>1141.5920000000001</v>
      </c>
      <c r="K1641">
        <v>1154.181</v>
      </c>
      <c r="L1641">
        <v>1168.4849999999999</v>
      </c>
      <c r="M1641">
        <v>1152.5129999999999</v>
      </c>
      <c r="N1641">
        <v>1004.329</v>
      </c>
      <c r="O1641">
        <v>1025.9190000000001</v>
      </c>
      <c r="P1641">
        <v>0</v>
      </c>
      <c r="Q1641">
        <v>0</v>
      </c>
      <c r="R1641">
        <v>1096.5709999999999</v>
      </c>
      <c r="S1641">
        <v>0</v>
      </c>
      <c r="T1641">
        <v>1116.748</v>
      </c>
      <c r="U1641">
        <v>1138.3869999999999</v>
      </c>
      <c r="V1641">
        <v>1144.664</v>
      </c>
      <c r="W1641">
        <v>1171.973</v>
      </c>
      <c r="X1641">
        <v>1188.154</v>
      </c>
      <c r="Y1641">
        <v>1188.6969999999999</v>
      </c>
    </row>
    <row r="1642" spans="1:25" x14ac:dyDescent="0.3">
      <c r="A1642">
        <v>43.950000002110997</v>
      </c>
      <c r="B1642">
        <v>1007.051</v>
      </c>
      <c r="C1642">
        <v>1045.9169999999999</v>
      </c>
      <c r="D1642">
        <v>1041.499</v>
      </c>
      <c r="E1642">
        <v>1069.001</v>
      </c>
      <c r="F1642">
        <v>1080.3340000000001</v>
      </c>
      <c r="G1642">
        <v>1103.6790000000001</v>
      </c>
      <c r="H1642">
        <v>1120.904</v>
      </c>
      <c r="I1642">
        <v>1133.614</v>
      </c>
      <c r="J1642">
        <v>1143.481</v>
      </c>
      <c r="K1642">
        <v>1156.54</v>
      </c>
      <c r="L1642">
        <v>1169.6410000000001</v>
      </c>
      <c r="M1642">
        <v>1151.4010000000001</v>
      </c>
      <c r="N1642">
        <v>1005.06</v>
      </c>
      <c r="O1642">
        <v>1031.6790000000001</v>
      </c>
      <c r="P1642">
        <v>0</v>
      </c>
      <c r="Q1642">
        <v>0</v>
      </c>
      <c r="R1642">
        <v>1101.817</v>
      </c>
      <c r="S1642">
        <v>0</v>
      </c>
      <c r="T1642">
        <v>1122.7180000000001</v>
      </c>
      <c r="U1642">
        <v>1140.982</v>
      </c>
      <c r="V1642">
        <v>1146.6289999999999</v>
      </c>
      <c r="W1642">
        <v>1173.6690000000001</v>
      </c>
      <c r="X1642">
        <v>1188.4449999999999</v>
      </c>
      <c r="Y1642">
        <v>1190.9059999999999</v>
      </c>
    </row>
    <row r="1643" spans="1:25" x14ac:dyDescent="0.3">
      <c r="A1643">
        <v>43.966666672673696</v>
      </c>
      <c r="B1643">
        <v>1004.549</v>
      </c>
      <c r="C1643">
        <v>1046.4169999999999</v>
      </c>
      <c r="D1643">
        <v>1042.867</v>
      </c>
      <c r="E1643">
        <v>1072.357</v>
      </c>
      <c r="F1643">
        <v>1083.365</v>
      </c>
      <c r="G1643">
        <v>1106.2180000000001</v>
      </c>
      <c r="H1643">
        <v>1124.085</v>
      </c>
      <c r="I1643">
        <v>1133.577</v>
      </c>
      <c r="J1643">
        <v>1142.26</v>
      </c>
      <c r="K1643">
        <v>1156.31</v>
      </c>
      <c r="L1643">
        <v>1166.269</v>
      </c>
      <c r="M1643">
        <v>1152.2460000000001</v>
      </c>
      <c r="N1643">
        <v>1004.494</v>
      </c>
      <c r="O1643">
        <v>1036.6880000000001</v>
      </c>
      <c r="P1643">
        <v>0</v>
      </c>
      <c r="Q1643">
        <v>0</v>
      </c>
      <c r="R1643">
        <v>1107.5530000000001</v>
      </c>
      <c r="S1643">
        <v>0</v>
      </c>
      <c r="T1643">
        <v>1126.3630000000001</v>
      </c>
      <c r="U1643">
        <v>1143.9580000000001</v>
      </c>
      <c r="V1643">
        <v>1152.3409999999999</v>
      </c>
      <c r="W1643">
        <v>1179.8219999999999</v>
      </c>
      <c r="X1643">
        <v>1192.6320000000001</v>
      </c>
      <c r="Y1643">
        <v>1189.6079999999999</v>
      </c>
    </row>
    <row r="1644" spans="1:25" x14ac:dyDescent="0.3">
      <c r="A1644">
        <v>44.000000003321716</v>
      </c>
      <c r="B1644">
        <v>995.55499999999995</v>
      </c>
      <c r="C1644">
        <v>1048.3389999999999</v>
      </c>
      <c r="D1644">
        <v>1043.0519999999999</v>
      </c>
      <c r="E1644">
        <v>1071.6289999999999</v>
      </c>
      <c r="F1644">
        <v>1086.06</v>
      </c>
      <c r="G1644">
        <v>1113.876</v>
      </c>
      <c r="H1644">
        <v>1127.3119999999999</v>
      </c>
      <c r="I1644">
        <v>1133.1579999999999</v>
      </c>
      <c r="J1644">
        <v>1148.5550000000001</v>
      </c>
      <c r="K1644">
        <v>1157.422</v>
      </c>
      <c r="L1644">
        <v>1167.02</v>
      </c>
      <c r="M1644">
        <v>1152.6479999999999</v>
      </c>
      <c r="N1644">
        <v>1003.196</v>
      </c>
      <c r="O1644">
        <v>1030.6300000000001</v>
      </c>
      <c r="P1644">
        <v>0</v>
      </c>
      <c r="Q1644">
        <v>0</v>
      </c>
      <c r="R1644">
        <v>1106.556</v>
      </c>
      <c r="S1644">
        <v>0</v>
      </c>
      <c r="T1644">
        <v>1125.0909999999999</v>
      </c>
      <c r="U1644">
        <v>1142.088</v>
      </c>
      <c r="V1644">
        <v>1151.018</v>
      </c>
      <c r="W1644">
        <v>1178.8150000000001</v>
      </c>
      <c r="X1644">
        <v>1190.557</v>
      </c>
      <c r="Y1644">
        <v>1189.7049999999999</v>
      </c>
    </row>
    <row r="1645" spans="1:25" x14ac:dyDescent="0.3">
      <c r="A1645">
        <v>44.033333333969736</v>
      </c>
      <c r="B1645">
        <v>992.553</v>
      </c>
      <c r="C1645">
        <v>1049.2819999999999</v>
      </c>
      <c r="D1645">
        <v>1041.3140000000001</v>
      </c>
      <c r="E1645">
        <v>1068.461</v>
      </c>
      <c r="F1645">
        <v>1085.6669999999999</v>
      </c>
      <c r="G1645">
        <v>1118.4490000000001</v>
      </c>
      <c r="H1645">
        <v>1131.261</v>
      </c>
      <c r="I1645">
        <v>1136.595</v>
      </c>
      <c r="J1645">
        <v>1147.24</v>
      </c>
      <c r="K1645">
        <v>1161.4110000000001</v>
      </c>
      <c r="L1645">
        <v>1171.126</v>
      </c>
      <c r="M1645">
        <v>1153.99</v>
      </c>
      <c r="N1645">
        <v>1007.6</v>
      </c>
      <c r="O1645">
        <v>1028.8630000000001</v>
      </c>
      <c r="P1645">
        <v>0</v>
      </c>
      <c r="Q1645">
        <v>0</v>
      </c>
      <c r="R1645">
        <v>1107.816</v>
      </c>
      <c r="S1645">
        <v>0</v>
      </c>
      <c r="T1645">
        <v>1124.579</v>
      </c>
      <c r="U1645">
        <v>1143.539</v>
      </c>
      <c r="V1645">
        <v>1152.4760000000001</v>
      </c>
      <c r="W1645">
        <v>1184.124</v>
      </c>
      <c r="X1645">
        <v>1198.98</v>
      </c>
      <c r="Y1645">
        <v>1190.5</v>
      </c>
    </row>
    <row r="1646" spans="1:25" x14ac:dyDescent="0.3">
      <c r="A1646">
        <v>44.050000004532436</v>
      </c>
      <c r="B1646">
        <v>989.13</v>
      </c>
      <c r="C1646">
        <v>1050.8720000000001</v>
      </c>
      <c r="D1646">
        <v>1045.104</v>
      </c>
      <c r="E1646">
        <v>1069.7280000000001</v>
      </c>
      <c r="F1646">
        <v>1084.376</v>
      </c>
      <c r="G1646">
        <v>1117.4290000000001</v>
      </c>
      <c r="H1646">
        <v>1130.1600000000001</v>
      </c>
      <c r="I1646">
        <v>1133.577</v>
      </c>
      <c r="J1646">
        <v>1143.8630000000001</v>
      </c>
      <c r="K1646">
        <v>1158.6690000000001</v>
      </c>
      <c r="L1646">
        <v>1170.027</v>
      </c>
      <c r="M1646">
        <v>1154.6420000000001</v>
      </c>
      <c r="N1646">
        <v>1009.7190000000001</v>
      </c>
      <c r="O1646">
        <v>1037.0930000000001</v>
      </c>
      <c r="P1646">
        <v>0</v>
      </c>
      <c r="Q1646">
        <v>0</v>
      </c>
      <c r="R1646">
        <v>1107.5150000000001</v>
      </c>
      <c r="S1646">
        <v>0</v>
      </c>
      <c r="T1646">
        <v>1125.6990000000001</v>
      </c>
      <c r="U1646">
        <v>1146.5530000000001</v>
      </c>
      <c r="V1646">
        <v>1155.0450000000001</v>
      </c>
      <c r="W1646">
        <v>1183.2139999999999</v>
      </c>
      <c r="X1646">
        <v>1199.779</v>
      </c>
      <c r="Y1646">
        <v>1187.884</v>
      </c>
    </row>
    <row r="1647" spans="1:25" x14ac:dyDescent="0.3">
      <c r="A1647">
        <v>44.083333335180455</v>
      </c>
      <c r="B1647">
        <v>994.86400000000003</v>
      </c>
      <c r="C1647">
        <v>1052.646</v>
      </c>
      <c r="D1647">
        <v>1050.7239999999999</v>
      </c>
      <c r="E1647">
        <v>1075.0219999999999</v>
      </c>
      <c r="F1647">
        <v>1090.9280000000001</v>
      </c>
      <c r="G1647">
        <v>1123.231</v>
      </c>
      <c r="H1647">
        <v>1131.242</v>
      </c>
      <c r="I1647">
        <v>1138.2159999999999</v>
      </c>
      <c r="J1647">
        <v>1160.605</v>
      </c>
      <c r="K1647">
        <v>1168.3889999999999</v>
      </c>
      <c r="L1647">
        <v>1177.7370000000001</v>
      </c>
      <c r="M1647">
        <v>1157.192</v>
      </c>
      <c r="N1647">
        <v>1012.314</v>
      </c>
      <c r="O1647">
        <v>1039.0999999999999</v>
      </c>
      <c r="P1647">
        <v>0</v>
      </c>
      <c r="Q1647">
        <v>0</v>
      </c>
      <c r="R1647">
        <v>1106.124</v>
      </c>
      <c r="S1647">
        <v>0</v>
      </c>
      <c r="T1647">
        <v>1127.559</v>
      </c>
      <c r="U1647">
        <v>1146.992</v>
      </c>
      <c r="V1647">
        <v>1155.5239999999999</v>
      </c>
      <c r="W1647">
        <v>1180.268</v>
      </c>
      <c r="X1647">
        <v>1199.896</v>
      </c>
      <c r="Y1647">
        <v>1190.0740000000001</v>
      </c>
    </row>
    <row r="1648" spans="1:25" x14ac:dyDescent="0.3">
      <c r="A1648">
        <v>44.100000005743155</v>
      </c>
      <c r="B1648">
        <v>999.654</v>
      </c>
      <c r="C1648">
        <v>1055.6690000000001</v>
      </c>
      <c r="D1648">
        <v>1055.1310000000001</v>
      </c>
      <c r="E1648">
        <v>1079.106</v>
      </c>
      <c r="F1648">
        <v>1092.0530000000001</v>
      </c>
      <c r="G1648">
        <v>1129.269</v>
      </c>
      <c r="H1648">
        <v>1134.452</v>
      </c>
      <c r="I1648">
        <v>1138.6569999999999</v>
      </c>
      <c r="J1648">
        <v>1158.5550000000001</v>
      </c>
      <c r="K1648">
        <v>1177.5650000000001</v>
      </c>
      <c r="L1648">
        <v>1184.7070000000001</v>
      </c>
      <c r="M1648">
        <v>1165.846</v>
      </c>
      <c r="N1648">
        <v>1018.64</v>
      </c>
      <c r="O1648">
        <v>1038.2729999999999</v>
      </c>
      <c r="P1648">
        <v>0</v>
      </c>
      <c r="Q1648">
        <v>0</v>
      </c>
      <c r="R1648">
        <v>1110.4590000000001</v>
      </c>
      <c r="S1648">
        <v>0</v>
      </c>
      <c r="T1648">
        <v>1129.5350000000001</v>
      </c>
      <c r="U1648">
        <v>1148.405</v>
      </c>
      <c r="V1648">
        <v>1154.395</v>
      </c>
      <c r="W1648">
        <v>1180.58</v>
      </c>
      <c r="X1648">
        <v>1200.482</v>
      </c>
      <c r="Y1648">
        <v>1192.3040000000001</v>
      </c>
    </row>
    <row r="1649" spans="1:25" x14ac:dyDescent="0.3">
      <c r="A1649">
        <v>44.133333336391175</v>
      </c>
      <c r="B1649">
        <v>1004.843</v>
      </c>
      <c r="C1649">
        <v>1058.5650000000001</v>
      </c>
      <c r="D1649">
        <v>1057.915</v>
      </c>
      <c r="E1649">
        <v>1080.691</v>
      </c>
      <c r="F1649">
        <v>1092.5029999999999</v>
      </c>
      <c r="G1649">
        <v>1125.549</v>
      </c>
      <c r="H1649">
        <v>1139.5150000000001</v>
      </c>
      <c r="I1649">
        <v>1141.7280000000001</v>
      </c>
      <c r="J1649">
        <v>1162.2560000000001</v>
      </c>
      <c r="K1649">
        <v>1175.6179999999999</v>
      </c>
      <c r="L1649">
        <v>1184.223</v>
      </c>
      <c r="M1649">
        <v>1165.075</v>
      </c>
      <c r="N1649">
        <v>1016.256</v>
      </c>
      <c r="O1649">
        <v>1039.451</v>
      </c>
      <c r="P1649">
        <v>0</v>
      </c>
      <c r="Q1649">
        <v>0</v>
      </c>
      <c r="R1649">
        <v>1110.5909999999999</v>
      </c>
      <c r="S1649">
        <v>0</v>
      </c>
      <c r="T1649">
        <v>1130.56</v>
      </c>
      <c r="U1649">
        <v>1149.588</v>
      </c>
      <c r="V1649">
        <v>1158.325</v>
      </c>
      <c r="W1649">
        <v>1184.4169999999999</v>
      </c>
      <c r="X1649">
        <v>1200.0540000000001</v>
      </c>
      <c r="Y1649">
        <v>1194.402</v>
      </c>
    </row>
    <row r="1650" spans="1:25" x14ac:dyDescent="0.3">
      <c r="A1650">
        <v>44.166666667039195</v>
      </c>
      <c r="B1650">
        <v>1017.797</v>
      </c>
      <c r="C1650">
        <v>1060.922</v>
      </c>
      <c r="D1650">
        <v>1060.9590000000001</v>
      </c>
      <c r="E1650">
        <v>1082.1489999999999</v>
      </c>
      <c r="F1650">
        <v>1094.075</v>
      </c>
      <c r="G1650">
        <v>1121.643</v>
      </c>
      <c r="H1650">
        <v>1139.114</v>
      </c>
      <c r="I1650">
        <v>1144.78</v>
      </c>
      <c r="J1650">
        <v>1159.4760000000001</v>
      </c>
      <c r="K1650">
        <v>1174.809</v>
      </c>
      <c r="L1650">
        <v>1182.3050000000001</v>
      </c>
      <c r="M1650">
        <v>1164.979</v>
      </c>
      <c r="N1650">
        <v>1015.027</v>
      </c>
      <c r="O1650">
        <v>1039.5429999999999</v>
      </c>
      <c r="P1650">
        <v>0</v>
      </c>
      <c r="Q1650">
        <v>0</v>
      </c>
      <c r="R1650">
        <v>1112.386</v>
      </c>
      <c r="S1650">
        <v>0</v>
      </c>
      <c r="T1650">
        <v>1130.3699999999999</v>
      </c>
      <c r="U1650">
        <v>1151.116</v>
      </c>
      <c r="V1650">
        <v>1157.347</v>
      </c>
      <c r="W1650">
        <v>1183.2729999999999</v>
      </c>
      <c r="X1650">
        <v>1200.6769999999999</v>
      </c>
      <c r="Y1650">
        <v>1191.703</v>
      </c>
    </row>
    <row r="1651" spans="1:25" x14ac:dyDescent="0.3">
      <c r="A1651">
        <v>44.183333337601894</v>
      </c>
      <c r="B1651">
        <v>1018.125</v>
      </c>
      <c r="C1651">
        <v>1060.326</v>
      </c>
      <c r="D1651">
        <v>1061.848</v>
      </c>
      <c r="E1651">
        <v>1082.635</v>
      </c>
      <c r="F1651">
        <v>1095.029</v>
      </c>
      <c r="G1651">
        <v>1119.318</v>
      </c>
      <c r="H1651">
        <v>1141.288</v>
      </c>
      <c r="I1651">
        <v>1151.057</v>
      </c>
      <c r="J1651">
        <v>1159.5319999999999</v>
      </c>
      <c r="K1651">
        <v>1171.126</v>
      </c>
      <c r="L1651">
        <v>1179.357</v>
      </c>
      <c r="M1651">
        <v>1162.3689999999999</v>
      </c>
      <c r="N1651">
        <v>1013.54</v>
      </c>
      <c r="O1651">
        <v>1044.0129999999999</v>
      </c>
      <c r="P1651">
        <v>0</v>
      </c>
      <c r="Q1651">
        <v>0</v>
      </c>
      <c r="R1651">
        <v>1106.6130000000001</v>
      </c>
      <c r="S1651">
        <v>0</v>
      </c>
      <c r="T1651">
        <v>1126.819</v>
      </c>
      <c r="U1651">
        <v>1147.24</v>
      </c>
      <c r="V1651">
        <v>1154.105</v>
      </c>
      <c r="W1651">
        <v>1182.1869999999999</v>
      </c>
      <c r="X1651">
        <v>1194.537</v>
      </c>
      <c r="Y1651">
        <v>1191.2170000000001</v>
      </c>
    </row>
    <row r="1652" spans="1:25" x14ac:dyDescent="0.3">
      <c r="A1652">
        <v>44.216666668249914</v>
      </c>
      <c r="B1652">
        <v>1013.999</v>
      </c>
      <c r="C1652">
        <v>1061.4960000000001</v>
      </c>
      <c r="D1652">
        <v>1063.9269999999999</v>
      </c>
      <c r="E1652">
        <v>1085.78</v>
      </c>
      <c r="F1652">
        <v>1100.3699999999999</v>
      </c>
      <c r="G1652">
        <v>1124.902</v>
      </c>
      <c r="H1652">
        <v>1144.989</v>
      </c>
      <c r="I1652">
        <v>1156.713</v>
      </c>
      <c r="J1652">
        <v>1160.854</v>
      </c>
      <c r="K1652">
        <v>1172.2819999999999</v>
      </c>
      <c r="L1652">
        <v>1178.2760000000001</v>
      </c>
      <c r="M1652">
        <v>1154.8340000000001</v>
      </c>
      <c r="N1652">
        <v>1008.44</v>
      </c>
      <c r="O1652">
        <v>1042.7380000000001</v>
      </c>
      <c r="P1652">
        <v>0</v>
      </c>
      <c r="Q1652">
        <v>0</v>
      </c>
      <c r="R1652">
        <v>1106.067</v>
      </c>
      <c r="S1652">
        <v>0</v>
      </c>
      <c r="T1652">
        <v>1128.7360000000001</v>
      </c>
      <c r="U1652">
        <v>1148.48</v>
      </c>
      <c r="V1652">
        <v>1154.566</v>
      </c>
      <c r="W1652">
        <v>1184.415</v>
      </c>
      <c r="X1652">
        <v>1196.817</v>
      </c>
      <c r="Y1652">
        <v>1192.0309999999999</v>
      </c>
    </row>
    <row r="1653" spans="1:25" x14ac:dyDescent="0.3">
      <c r="A1653">
        <v>44.233333338812614</v>
      </c>
      <c r="B1653">
        <v>1002.742</v>
      </c>
      <c r="C1653">
        <v>1060.328</v>
      </c>
      <c r="D1653">
        <v>1060.1980000000001</v>
      </c>
      <c r="E1653">
        <v>1083.1790000000001</v>
      </c>
      <c r="F1653">
        <v>1096.9110000000001</v>
      </c>
      <c r="G1653">
        <v>1120.566</v>
      </c>
      <c r="H1653">
        <v>1139.5909999999999</v>
      </c>
      <c r="I1653">
        <v>1154.299</v>
      </c>
      <c r="J1653">
        <v>1155.5260000000001</v>
      </c>
      <c r="K1653">
        <v>1166.9259999999999</v>
      </c>
      <c r="L1653">
        <v>1176.3699999999999</v>
      </c>
      <c r="M1653">
        <v>1161.297</v>
      </c>
      <c r="N1653">
        <v>1012.79</v>
      </c>
      <c r="O1653">
        <v>1039.7460000000001</v>
      </c>
      <c r="P1653">
        <v>0</v>
      </c>
      <c r="Q1653">
        <v>0</v>
      </c>
      <c r="R1653">
        <v>1108.0250000000001</v>
      </c>
      <c r="S1653">
        <v>0</v>
      </c>
      <c r="T1653">
        <v>1129.0989999999999</v>
      </c>
      <c r="U1653">
        <v>1148.462</v>
      </c>
      <c r="V1653">
        <v>1153.5889999999999</v>
      </c>
      <c r="W1653">
        <v>1186.8579999999999</v>
      </c>
      <c r="X1653">
        <v>1198.261</v>
      </c>
      <c r="Y1653">
        <v>1186.8</v>
      </c>
    </row>
    <row r="1654" spans="1:25" x14ac:dyDescent="0.3">
      <c r="A1654">
        <v>44.266666669460633</v>
      </c>
      <c r="B1654">
        <v>998.41499999999996</v>
      </c>
      <c r="C1654">
        <v>1060.068</v>
      </c>
      <c r="D1654">
        <v>1060.9780000000001</v>
      </c>
      <c r="E1654">
        <v>1083.9090000000001</v>
      </c>
      <c r="F1654">
        <v>1096.93</v>
      </c>
      <c r="G1654">
        <v>1118.6199999999999</v>
      </c>
      <c r="H1654">
        <v>1140.011</v>
      </c>
      <c r="I1654">
        <v>1153.1479999999999</v>
      </c>
      <c r="J1654">
        <v>1155.8900000000001</v>
      </c>
      <c r="K1654">
        <v>1161.566</v>
      </c>
      <c r="L1654">
        <v>1170.9929999999999</v>
      </c>
      <c r="M1654">
        <v>1157.06</v>
      </c>
      <c r="N1654">
        <v>1010.36</v>
      </c>
      <c r="O1654">
        <v>1039.9849999999999</v>
      </c>
      <c r="P1654">
        <v>0</v>
      </c>
      <c r="Q1654">
        <v>0</v>
      </c>
      <c r="R1654">
        <v>1111.7619999999999</v>
      </c>
      <c r="S1654">
        <v>0</v>
      </c>
      <c r="T1654">
        <v>1127.4659999999999</v>
      </c>
      <c r="U1654">
        <v>1146.402</v>
      </c>
      <c r="V1654">
        <v>1160.2619999999999</v>
      </c>
      <c r="W1654">
        <v>1189.068</v>
      </c>
      <c r="X1654">
        <v>1193.9929999999999</v>
      </c>
      <c r="Y1654">
        <v>1189.2809999999999</v>
      </c>
    </row>
    <row r="1655" spans="1:25" x14ac:dyDescent="0.3">
      <c r="A1655">
        <v>44.300000000108653</v>
      </c>
      <c r="B1655">
        <v>1010.452</v>
      </c>
      <c r="C1655">
        <v>1058.3050000000001</v>
      </c>
      <c r="D1655">
        <v>1060.124</v>
      </c>
      <c r="E1655">
        <v>1080.952</v>
      </c>
      <c r="F1655">
        <v>1093.1020000000001</v>
      </c>
      <c r="G1655">
        <v>1115.711</v>
      </c>
      <c r="H1655">
        <v>1144.1890000000001</v>
      </c>
      <c r="I1655">
        <v>1150.675</v>
      </c>
      <c r="J1655">
        <v>1151.538</v>
      </c>
      <c r="K1655">
        <v>1160.53</v>
      </c>
      <c r="L1655">
        <v>1169.162</v>
      </c>
      <c r="M1655">
        <v>1152.9570000000001</v>
      </c>
      <c r="N1655">
        <v>1009.611</v>
      </c>
      <c r="O1655">
        <v>1045.79</v>
      </c>
      <c r="P1655">
        <v>0</v>
      </c>
      <c r="Q1655">
        <v>0</v>
      </c>
      <c r="R1655">
        <v>1109.3820000000001</v>
      </c>
      <c r="S1655">
        <v>0</v>
      </c>
      <c r="T1655">
        <v>1126.213</v>
      </c>
      <c r="U1655">
        <v>1145.067</v>
      </c>
      <c r="V1655">
        <v>1155.162</v>
      </c>
      <c r="W1655">
        <v>1180.154</v>
      </c>
      <c r="X1655">
        <v>1194.8699999999999</v>
      </c>
      <c r="Y1655">
        <v>1194.3050000000001</v>
      </c>
    </row>
    <row r="1656" spans="1:25" x14ac:dyDescent="0.3">
      <c r="A1656">
        <v>44.316666670671353</v>
      </c>
      <c r="B1656">
        <v>1016.383</v>
      </c>
      <c r="C1656">
        <v>1059.8810000000001</v>
      </c>
      <c r="D1656">
        <v>1058.0809999999999</v>
      </c>
      <c r="E1656">
        <v>1080.633</v>
      </c>
      <c r="F1656">
        <v>1092.164</v>
      </c>
      <c r="G1656">
        <v>1115.3689999999999</v>
      </c>
      <c r="H1656">
        <v>1141.8789999999999</v>
      </c>
      <c r="I1656">
        <v>1154.01</v>
      </c>
      <c r="J1656">
        <v>1156.598</v>
      </c>
      <c r="K1656">
        <v>1160.931</v>
      </c>
      <c r="L1656">
        <v>1169.777</v>
      </c>
      <c r="M1656">
        <v>1156.771</v>
      </c>
      <c r="N1656">
        <v>1009.792</v>
      </c>
      <c r="O1656">
        <v>1044.143</v>
      </c>
      <c r="P1656">
        <v>0</v>
      </c>
      <c r="Q1656">
        <v>0</v>
      </c>
      <c r="R1656">
        <v>1105.8610000000001</v>
      </c>
      <c r="S1656">
        <v>0</v>
      </c>
      <c r="T1656">
        <v>1125.414</v>
      </c>
      <c r="U1656">
        <v>1149.1089999999999</v>
      </c>
      <c r="V1656">
        <v>1161.7360000000001</v>
      </c>
      <c r="W1656">
        <v>1179.9580000000001</v>
      </c>
      <c r="X1656">
        <v>1191.624</v>
      </c>
      <c r="Y1656">
        <v>1191.1980000000001</v>
      </c>
    </row>
    <row r="1657" spans="1:25" x14ac:dyDescent="0.3">
      <c r="A1657">
        <v>44.350000001319373</v>
      </c>
      <c r="B1657">
        <v>1013.047</v>
      </c>
      <c r="C1657">
        <v>1060.0129999999999</v>
      </c>
      <c r="D1657">
        <v>1059.289</v>
      </c>
      <c r="E1657">
        <v>1081.326</v>
      </c>
      <c r="F1657">
        <v>1091.8109999999999</v>
      </c>
      <c r="G1657">
        <v>1115.126</v>
      </c>
      <c r="H1657">
        <v>1146.288</v>
      </c>
      <c r="I1657">
        <v>1158.729</v>
      </c>
      <c r="J1657">
        <v>1163.4069999999999</v>
      </c>
      <c r="K1657">
        <v>1164.02</v>
      </c>
      <c r="L1657">
        <v>1173.711</v>
      </c>
      <c r="M1657">
        <v>1158.268</v>
      </c>
      <c r="N1657">
        <v>1010.069</v>
      </c>
      <c r="O1657">
        <v>1049.451</v>
      </c>
      <c r="P1657">
        <v>0</v>
      </c>
      <c r="Q1657">
        <v>0</v>
      </c>
      <c r="R1657">
        <v>1107.2729999999999</v>
      </c>
      <c r="S1657">
        <v>0</v>
      </c>
      <c r="T1657">
        <v>1124.771</v>
      </c>
      <c r="U1657">
        <v>1145.124</v>
      </c>
      <c r="V1657">
        <v>1155.8720000000001</v>
      </c>
      <c r="W1657">
        <v>1178.028</v>
      </c>
      <c r="X1657">
        <v>1193.4680000000001</v>
      </c>
      <c r="Y1657">
        <v>1193.5650000000001</v>
      </c>
    </row>
    <row r="1658" spans="1:25" x14ac:dyDescent="0.3">
      <c r="A1658">
        <v>44.366666671882072</v>
      </c>
      <c r="B1658">
        <v>1020.144</v>
      </c>
      <c r="C1658">
        <v>1059.511</v>
      </c>
      <c r="D1658">
        <v>1060.606</v>
      </c>
      <c r="E1658">
        <v>1081.3440000000001</v>
      </c>
      <c r="F1658">
        <v>1092.4459999999999</v>
      </c>
      <c r="G1658">
        <v>1111.1199999999999</v>
      </c>
      <c r="H1658">
        <v>1143.922</v>
      </c>
      <c r="I1658">
        <v>1163.1189999999999</v>
      </c>
      <c r="J1658">
        <v>1162.2750000000001</v>
      </c>
      <c r="K1658">
        <v>1165.307</v>
      </c>
      <c r="L1658">
        <v>1177.1990000000001</v>
      </c>
      <c r="M1658">
        <v>1159.5329999999999</v>
      </c>
      <c r="N1658">
        <v>1017.246</v>
      </c>
      <c r="O1658">
        <v>1047.1210000000001</v>
      </c>
      <c r="P1658">
        <v>0</v>
      </c>
      <c r="Q1658">
        <v>0</v>
      </c>
      <c r="R1658">
        <v>1105.3920000000001</v>
      </c>
      <c r="S1658">
        <v>0</v>
      </c>
      <c r="T1658">
        <v>1124.5429999999999</v>
      </c>
      <c r="U1658">
        <v>1143.0250000000001</v>
      </c>
      <c r="V1658">
        <v>1151.653</v>
      </c>
      <c r="W1658">
        <v>1177.912</v>
      </c>
      <c r="X1658">
        <v>1196.9749999999999</v>
      </c>
      <c r="Y1658">
        <v>1190.598</v>
      </c>
    </row>
    <row r="1659" spans="1:25" x14ac:dyDescent="0.3">
      <c r="A1659">
        <v>44.400000002530092</v>
      </c>
      <c r="B1659">
        <v>1010.159</v>
      </c>
      <c r="C1659">
        <v>1057.377</v>
      </c>
      <c r="D1659">
        <v>1058.008</v>
      </c>
      <c r="E1659">
        <v>1081.3440000000001</v>
      </c>
      <c r="F1659">
        <v>1096.2719999999999</v>
      </c>
      <c r="G1659">
        <v>1113.9349999999999</v>
      </c>
      <c r="H1659">
        <v>1137.97</v>
      </c>
      <c r="I1659">
        <v>1159.6479999999999</v>
      </c>
      <c r="J1659">
        <v>1160.223</v>
      </c>
      <c r="K1659">
        <v>1166.8489999999999</v>
      </c>
      <c r="L1659">
        <v>1174.635</v>
      </c>
      <c r="M1659">
        <v>1161.336</v>
      </c>
      <c r="N1659">
        <v>1011.237</v>
      </c>
      <c r="O1659">
        <v>1048.5809999999999</v>
      </c>
      <c r="P1659">
        <v>0</v>
      </c>
      <c r="Q1659">
        <v>0</v>
      </c>
      <c r="R1659">
        <v>1108.758</v>
      </c>
      <c r="S1659">
        <v>0</v>
      </c>
      <c r="T1659">
        <v>1127.675</v>
      </c>
      <c r="U1659">
        <v>1143.807</v>
      </c>
      <c r="V1659">
        <v>1152.7840000000001</v>
      </c>
      <c r="W1659">
        <v>1179.5920000000001</v>
      </c>
      <c r="X1659">
        <v>1198.241</v>
      </c>
      <c r="Y1659">
        <v>1192.3810000000001</v>
      </c>
    </row>
    <row r="1660" spans="1:25" x14ac:dyDescent="0.3">
      <c r="A1660">
        <v>44.433333333178112</v>
      </c>
      <c r="B1660">
        <v>1010.963</v>
      </c>
      <c r="C1660">
        <v>1057.952</v>
      </c>
      <c r="D1660">
        <v>1056.3</v>
      </c>
      <c r="E1660">
        <v>1080.635</v>
      </c>
      <c r="F1660">
        <v>1096.6099999999999</v>
      </c>
      <c r="G1660">
        <v>1118.356</v>
      </c>
      <c r="H1660">
        <v>1142.587</v>
      </c>
      <c r="I1660">
        <v>1157.232</v>
      </c>
      <c r="J1660">
        <v>1157.1559999999999</v>
      </c>
      <c r="K1660">
        <v>1163.2149999999999</v>
      </c>
      <c r="L1660">
        <v>1173.2670000000001</v>
      </c>
      <c r="M1660">
        <v>1164.979</v>
      </c>
      <c r="N1660">
        <v>1007.163</v>
      </c>
      <c r="O1660">
        <v>1050.4849999999999</v>
      </c>
      <c r="P1660">
        <v>0</v>
      </c>
      <c r="Q1660">
        <v>0</v>
      </c>
      <c r="R1660">
        <v>1108.288</v>
      </c>
      <c r="S1660">
        <v>0</v>
      </c>
      <c r="T1660">
        <v>1130.5409999999999</v>
      </c>
      <c r="U1660">
        <v>1146.173</v>
      </c>
      <c r="V1660">
        <v>1154.97</v>
      </c>
      <c r="W1660">
        <v>1181.8389999999999</v>
      </c>
      <c r="X1660">
        <v>1196.1759999999999</v>
      </c>
      <c r="Y1660">
        <v>1196.9939999999999</v>
      </c>
    </row>
    <row r="1661" spans="1:25" x14ac:dyDescent="0.3">
      <c r="A1661">
        <v>44.450000003740811</v>
      </c>
      <c r="B1661">
        <v>1013.432</v>
      </c>
      <c r="C1661">
        <v>1058.6769999999999</v>
      </c>
      <c r="D1661">
        <v>1053.1849999999999</v>
      </c>
      <c r="E1661">
        <v>1079.2</v>
      </c>
      <c r="F1661">
        <v>1092.7650000000001</v>
      </c>
      <c r="G1661">
        <v>1115.3710000000001</v>
      </c>
      <c r="H1661">
        <v>1148.1769999999999</v>
      </c>
      <c r="I1661">
        <v>1151.5</v>
      </c>
      <c r="J1661">
        <v>1155.239</v>
      </c>
      <c r="K1661">
        <v>1161.183</v>
      </c>
      <c r="L1661">
        <v>1173.46</v>
      </c>
      <c r="M1661">
        <v>1164.193</v>
      </c>
      <c r="N1661">
        <v>1011.603</v>
      </c>
      <c r="O1661">
        <v>1055.521</v>
      </c>
      <c r="P1661">
        <v>0</v>
      </c>
      <c r="Q1661">
        <v>0</v>
      </c>
      <c r="R1661">
        <v>1111.6120000000001</v>
      </c>
      <c r="S1661">
        <v>0</v>
      </c>
      <c r="T1661">
        <v>1129.194</v>
      </c>
      <c r="U1661">
        <v>1147.356</v>
      </c>
      <c r="V1661">
        <v>1156.4090000000001</v>
      </c>
      <c r="W1661">
        <v>1187.2080000000001</v>
      </c>
      <c r="X1661">
        <v>1198.4760000000001</v>
      </c>
      <c r="Y1661">
        <v>1193.1379999999999</v>
      </c>
    </row>
    <row r="1662" spans="1:25" x14ac:dyDescent="0.3">
      <c r="A1662">
        <v>44.483333334388831</v>
      </c>
      <c r="B1662">
        <v>1025.482</v>
      </c>
      <c r="C1662">
        <v>1060.2180000000001</v>
      </c>
      <c r="D1662">
        <v>1059.2339999999999</v>
      </c>
      <c r="E1662">
        <v>1083.124</v>
      </c>
      <c r="F1662">
        <v>1095.7840000000001</v>
      </c>
      <c r="G1662">
        <v>1114.597</v>
      </c>
      <c r="H1662">
        <v>1145.087</v>
      </c>
      <c r="I1662">
        <v>1159.3430000000001</v>
      </c>
      <c r="J1662">
        <v>1153.5519999999999</v>
      </c>
      <c r="K1662">
        <v>1157.579</v>
      </c>
      <c r="L1662">
        <v>1170.8399999999999</v>
      </c>
      <c r="M1662">
        <v>1165.327</v>
      </c>
      <c r="N1662">
        <v>1012.189</v>
      </c>
      <c r="O1662">
        <v>1060.404</v>
      </c>
      <c r="P1662">
        <v>0</v>
      </c>
      <c r="Q1662">
        <v>0</v>
      </c>
      <c r="R1662">
        <v>1113.4259999999999</v>
      </c>
      <c r="S1662">
        <v>0</v>
      </c>
      <c r="T1662">
        <v>1133.4090000000001</v>
      </c>
      <c r="U1662">
        <v>1150.83</v>
      </c>
      <c r="V1662">
        <v>1160.3589999999999</v>
      </c>
      <c r="W1662">
        <v>1185.348</v>
      </c>
      <c r="X1662">
        <v>1201.4380000000001</v>
      </c>
      <c r="Y1662">
        <v>1195.846</v>
      </c>
    </row>
    <row r="1663" spans="1:25" x14ac:dyDescent="0.3">
      <c r="A1663">
        <v>44.500000004951531</v>
      </c>
      <c r="B1663">
        <v>1033.1179999999999</v>
      </c>
      <c r="C1663">
        <v>1064.4860000000001</v>
      </c>
      <c r="D1663">
        <v>1064.374</v>
      </c>
      <c r="E1663">
        <v>1084.3209999999999</v>
      </c>
      <c r="F1663">
        <v>1096.1590000000001</v>
      </c>
      <c r="G1663">
        <v>1112.934</v>
      </c>
      <c r="H1663">
        <v>1140.221</v>
      </c>
      <c r="I1663">
        <v>1156.1199999999999</v>
      </c>
      <c r="J1663">
        <v>1161.412</v>
      </c>
      <c r="K1663">
        <v>1165.904</v>
      </c>
      <c r="L1663">
        <v>1179.2819999999999</v>
      </c>
      <c r="M1663">
        <v>1167.5809999999999</v>
      </c>
      <c r="N1663">
        <v>1011.4930000000001</v>
      </c>
      <c r="O1663">
        <v>1054.3140000000001</v>
      </c>
      <c r="P1663">
        <v>0</v>
      </c>
      <c r="Q1663">
        <v>0</v>
      </c>
      <c r="R1663">
        <v>1113.33</v>
      </c>
      <c r="S1663">
        <v>0</v>
      </c>
      <c r="T1663">
        <v>1132.6099999999999</v>
      </c>
      <c r="U1663">
        <v>1149.836</v>
      </c>
      <c r="V1663">
        <v>1160.664</v>
      </c>
      <c r="W1663">
        <v>1186.2</v>
      </c>
      <c r="X1663">
        <v>1198.768</v>
      </c>
      <c r="Y1663">
        <v>1193.1179999999999</v>
      </c>
    </row>
    <row r="1664" spans="1:25" x14ac:dyDescent="0.3">
      <c r="A1664">
        <v>44.533333335599551</v>
      </c>
      <c r="B1664">
        <v>1036.1379999999999</v>
      </c>
      <c r="C1664">
        <v>1065.136</v>
      </c>
      <c r="D1664">
        <v>1065.3409999999999</v>
      </c>
      <c r="E1664">
        <v>1087.4490000000001</v>
      </c>
      <c r="F1664">
        <v>1099.47</v>
      </c>
      <c r="G1664">
        <v>1115.693</v>
      </c>
      <c r="H1664">
        <v>1141.0809999999999</v>
      </c>
      <c r="I1664">
        <v>1156.3520000000001</v>
      </c>
      <c r="J1664">
        <v>1162.3910000000001</v>
      </c>
      <c r="K1664">
        <v>1164.73</v>
      </c>
      <c r="L1664">
        <v>1175.33</v>
      </c>
      <c r="M1664">
        <v>1164.366</v>
      </c>
      <c r="N1664">
        <v>1009.539</v>
      </c>
      <c r="O1664">
        <v>1054.7049999999999</v>
      </c>
      <c r="P1664">
        <v>0</v>
      </c>
      <c r="Q1664">
        <v>0</v>
      </c>
      <c r="R1664">
        <v>1111.2909999999999</v>
      </c>
      <c r="S1664">
        <v>0</v>
      </c>
      <c r="T1664">
        <v>1130.6369999999999</v>
      </c>
      <c r="U1664">
        <v>1146.7660000000001</v>
      </c>
      <c r="V1664">
        <v>1157.847</v>
      </c>
      <c r="W1664">
        <v>1184.8440000000001</v>
      </c>
      <c r="X1664">
        <v>1196.2159999999999</v>
      </c>
      <c r="Y1664">
        <v>1189.146</v>
      </c>
    </row>
    <row r="1665" spans="1:25" x14ac:dyDescent="0.3">
      <c r="A1665">
        <v>44.566666666247571</v>
      </c>
      <c r="B1665">
        <v>1020.035</v>
      </c>
      <c r="C1665">
        <v>1065.452</v>
      </c>
      <c r="D1665">
        <v>1065.5450000000001</v>
      </c>
      <c r="E1665">
        <v>1087.4860000000001</v>
      </c>
      <c r="F1665">
        <v>1099.9960000000001</v>
      </c>
      <c r="G1665">
        <v>1117.4690000000001</v>
      </c>
      <c r="H1665">
        <v>1142.55</v>
      </c>
      <c r="I1665">
        <v>1156.7729999999999</v>
      </c>
      <c r="J1665">
        <v>1161.011</v>
      </c>
      <c r="K1665">
        <v>1164.52</v>
      </c>
      <c r="L1665">
        <v>1174.617</v>
      </c>
      <c r="M1665">
        <v>1157.886</v>
      </c>
      <c r="N1665">
        <v>1007.712</v>
      </c>
      <c r="O1665">
        <v>1057.9159999999999</v>
      </c>
      <c r="P1665">
        <v>0</v>
      </c>
      <c r="Q1665">
        <v>0</v>
      </c>
      <c r="R1665">
        <v>1112.576</v>
      </c>
      <c r="S1665">
        <v>0</v>
      </c>
      <c r="T1665">
        <v>1134.1679999999999</v>
      </c>
      <c r="U1665">
        <v>1149.5129999999999</v>
      </c>
      <c r="V1665">
        <v>1156.1410000000001</v>
      </c>
      <c r="W1665">
        <v>1183.527</v>
      </c>
      <c r="X1665">
        <v>1200.7170000000001</v>
      </c>
      <c r="Y1665">
        <v>1189.3789999999999</v>
      </c>
    </row>
    <row r="1666" spans="1:25" x14ac:dyDescent="0.3">
      <c r="A1666">
        <v>44.58333333681027</v>
      </c>
      <c r="B1666">
        <v>1012.426</v>
      </c>
      <c r="C1666">
        <v>1063.614</v>
      </c>
      <c r="D1666">
        <v>1065.6379999999999</v>
      </c>
      <c r="E1666">
        <v>1088.2909999999999</v>
      </c>
      <c r="F1666">
        <v>1100.749</v>
      </c>
      <c r="G1666">
        <v>1118.6030000000001</v>
      </c>
      <c r="H1666">
        <v>1139.9169999999999</v>
      </c>
      <c r="I1666">
        <v>1154.664</v>
      </c>
      <c r="J1666">
        <v>1160.0709999999999</v>
      </c>
      <c r="K1666">
        <v>1163.7719999999999</v>
      </c>
      <c r="L1666">
        <v>1173.615</v>
      </c>
      <c r="M1666">
        <v>1157.08</v>
      </c>
      <c r="N1666">
        <v>1000.276</v>
      </c>
      <c r="O1666">
        <v>1054.6500000000001</v>
      </c>
      <c r="P1666">
        <v>0</v>
      </c>
      <c r="Q1666">
        <v>0</v>
      </c>
      <c r="R1666">
        <v>1111.7070000000001</v>
      </c>
      <c r="S1666">
        <v>0</v>
      </c>
      <c r="T1666">
        <v>1132.7629999999999</v>
      </c>
      <c r="U1666">
        <v>1149.0740000000001</v>
      </c>
      <c r="V1666">
        <v>1153.5909999999999</v>
      </c>
      <c r="W1666">
        <v>1182.0540000000001</v>
      </c>
      <c r="X1666">
        <v>1196.3130000000001</v>
      </c>
      <c r="Y1666">
        <v>1190.154</v>
      </c>
    </row>
    <row r="1667" spans="1:25" x14ac:dyDescent="0.3">
      <c r="A1667">
        <v>44.61666666745829</v>
      </c>
      <c r="B1667">
        <v>1013.909</v>
      </c>
      <c r="C1667">
        <v>1062.76</v>
      </c>
      <c r="D1667">
        <v>1061.5350000000001</v>
      </c>
      <c r="E1667">
        <v>1086.643</v>
      </c>
      <c r="F1667">
        <v>1100.5409999999999</v>
      </c>
      <c r="G1667">
        <v>1121.2090000000001</v>
      </c>
      <c r="H1667">
        <v>1145.9259999999999</v>
      </c>
      <c r="I1667">
        <v>1154.319</v>
      </c>
      <c r="J1667">
        <v>1161.509</v>
      </c>
      <c r="K1667">
        <v>1163.56</v>
      </c>
      <c r="L1667">
        <v>1174.9639999999999</v>
      </c>
      <c r="M1667">
        <v>1158.9780000000001</v>
      </c>
      <c r="N1667">
        <v>994.90300000000002</v>
      </c>
      <c r="O1667">
        <v>1053.3510000000001</v>
      </c>
      <c r="P1667">
        <v>0</v>
      </c>
      <c r="Q1667">
        <v>0</v>
      </c>
      <c r="R1667">
        <v>1110.799</v>
      </c>
      <c r="S1667">
        <v>0</v>
      </c>
      <c r="T1667">
        <v>1132.155</v>
      </c>
      <c r="U1667">
        <v>1147.223</v>
      </c>
      <c r="V1667">
        <v>1150.58</v>
      </c>
      <c r="W1667">
        <v>1180.174</v>
      </c>
      <c r="X1667">
        <v>1196.8969999999999</v>
      </c>
      <c r="Y1667">
        <v>1188.797</v>
      </c>
    </row>
    <row r="1668" spans="1:25" x14ac:dyDescent="0.3">
      <c r="A1668">
        <v>44.64999999810631</v>
      </c>
      <c r="B1668">
        <v>1018.5309999999999</v>
      </c>
      <c r="C1668">
        <v>1060.7929999999999</v>
      </c>
      <c r="D1668">
        <v>1060.8679999999999</v>
      </c>
      <c r="E1668">
        <v>1087.5429999999999</v>
      </c>
      <c r="F1668">
        <v>1099.9960000000001</v>
      </c>
      <c r="G1668">
        <v>1120.9829999999999</v>
      </c>
      <c r="H1668">
        <v>1140.9280000000001</v>
      </c>
      <c r="I1668">
        <v>1153.0150000000001</v>
      </c>
      <c r="J1668">
        <v>1153.2460000000001</v>
      </c>
      <c r="K1668">
        <v>1160.934</v>
      </c>
      <c r="L1668">
        <v>1170.011</v>
      </c>
      <c r="M1668">
        <v>1154.1079999999999</v>
      </c>
      <c r="N1668">
        <v>997.70699999999999</v>
      </c>
      <c r="O1668">
        <v>1054.7049999999999</v>
      </c>
      <c r="P1668">
        <v>0</v>
      </c>
      <c r="Q1668">
        <v>0</v>
      </c>
      <c r="R1668">
        <v>1112.7840000000001</v>
      </c>
      <c r="S1668">
        <v>0</v>
      </c>
      <c r="T1668">
        <v>1132.46</v>
      </c>
      <c r="U1668">
        <v>1147.0899999999999</v>
      </c>
      <c r="V1668">
        <v>1154.856</v>
      </c>
      <c r="W1668">
        <v>1182.2860000000001</v>
      </c>
      <c r="X1668">
        <v>1197.268</v>
      </c>
      <c r="Y1668">
        <v>1189.049</v>
      </c>
    </row>
    <row r="1669" spans="1:25" x14ac:dyDescent="0.3">
      <c r="A1669">
        <v>44.666666668669009</v>
      </c>
      <c r="B1669">
        <v>1018.88</v>
      </c>
      <c r="C1669">
        <v>1058.585</v>
      </c>
      <c r="D1669">
        <v>1058.028</v>
      </c>
      <c r="E1669">
        <v>1081.8879999999999</v>
      </c>
      <c r="F1669">
        <v>1093.9079999999999</v>
      </c>
      <c r="G1669">
        <v>1114.182</v>
      </c>
      <c r="H1669">
        <v>1135.383</v>
      </c>
      <c r="I1669">
        <v>1154.1659999999999</v>
      </c>
      <c r="J1669">
        <v>1150.3140000000001</v>
      </c>
      <c r="K1669">
        <v>1160.4929999999999</v>
      </c>
      <c r="L1669">
        <v>1173.692</v>
      </c>
      <c r="M1669">
        <v>1156.1220000000001</v>
      </c>
      <c r="N1669">
        <v>994.43</v>
      </c>
      <c r="O1669">
        <v>1052.3530000000001</v>
      </c>
      <c r="P1669">
        <v>0</v>
      </c>
      <c r="Q1669">
        <v>0</v>
      </c>
      <c r="R1669">
        <v>1111.1780000000001</v>
      </c>
      <c r="S1669">
        <v>0</v>
      </c>
      <c r="T1669">
        <v>1133.162</v>
      </c>
      <c r="U1669">
        <v>1148.616</v>
      </c>
      <c r="V1669">
        <v>1155.144</v>
      </c>
      <c r="W1669">
        <v>1182.0730000000001</v>
      </c>
      <c r="X1669">
        <v>1199.7239999999999</v>
      </c>
      <c r="Y1669">
        <v>1190.6189999999999</v>
      </c>
    </row>
    <row r="1670" spans="1:25" x14ac:dyDescent="0.3">
      <c r="A1670">
        <v>44.699999999317029</v>
      </c>
      <c r="B1670">
        <v>1017.615</v>
      </c>
      <c r="C1670">
        <v>1059.922</v>
      </c>
      <c r="D1670">
        <v>1057.3420000000001</v>
      </c>
      <c r="E1670">
        <v>1081.29</v>
      </c>
      <c r="F1670">
        <v>1093.5530000000001</v>
      </c>
      <c r="G1670">
        <v>1111.2539999999999</v>
      </c>
      <c r="H1670">
        <v>1132.232</v>
      </c>
      <c r="I1670">
        <v>1152.268</v>
      </c>
      <c r="J1670">
        <v>1152.92</v>
      </c>
      <c r="K1670">
        <v>1159.171</v>
      </c>
      <c r="L1670">
        <v>1172.922</v>
      </c>
      <c r="M1670">
        <v>1156.9659999999999</v>
      </c>
      <c r="N1670">
        <v>1004.4059999999999</v>
      </c>
      <c r="O1670">
        <v>1047.3440000000001</v>
      </c>
      <c r="P1670">
        <v>0</v>
      </c>
      <c r="Q1670">
        <v>0</v>
      </c>
      <c r="R1670">
        <v>1110.2339999999999</v>
      </c>
      <c r="S1670">
        <v>0</v>
      </c>
      <c r="T1670">
        <v>1132.365</v>
      </c>
      <c r="U1670">
        <v>1148.0250000000001</v>
      </c>
      <c r="V1670">
        <v>1153.1310000000001</v>
      </c>
      <c r="W1670">
        <v>1176.777</v>
      </c>
      <c r="X1670">
        <v>1195.5150000000001</v>
      </c>
      <c r="Y1670">
        <v>1192.538</v>
      </c>
    </row>
    <row r="1671" spans="1:25" x14ac:dyDescent="0.3">
      <c r="A1671">
        <v>44.716666669879729</v>
      </c>
      <c r="B1671">
        <v>1016.68</v>
      </c>
      <c r="C1671">
        <v>1060.5899999999999</v>
      </c>
      <c r="D1671">
        <v>1057.1369999999999</v>
      </c>
      <c r="E1671">
        <v>1081.1220000000001</v>
      </c>
      <c r="F1671">
        <v>1091.4369999999999</v>
      </c>
      <c r="G1671">
        <v>1110.442</v>
      </c>
      <c r="H1671">
        <v>1137.7429999999999</v>
      </c>
      <c r="I1671">
        <v>1148.941</v>
      </c>
      <c r="J1671">
        <v>1153.1120000000001</v>
      </c>
      <c r="K1671">
        <v>1157.848</v>
      </c>
      <c r="L1671">
        <v>1166.2529999999999</v>
      </c>
      <c r="M1671">
        <v>1151.0029999999999</v>
      </c>
      <c r="N1671">
        <v>1002.341</v>
      </c>
      <c r="O1671">
        <v>1051.097</v>
      </c>
      <c r="P1671">
        <v>0</v>
      </c>
      <c r="Q1671">
        <v>0</v>
      </c>
      <c r="R1671">
        <v>1111.1410000000001</v>
      </c>
      <c r="S1671">
        <v>0</v>
      </c>
      <c r="T1671">
        <v>1133.03</v>
      </c>
      <c r="U1671">
        <v>1151.981</v>
      </c>
      <c r="V1671">
        <v>1157.1769999999999</v>
      </c>
      <c r="W1671">
        <v>1182.5</v>
      </c>
      <c r="X1671">
        <v>1196.3530000000001</v>
      </c>
      <c r="Y1671">
        <v>1191.046</v>
      </c>
    </row>
    <row r="1672" spans="1:25" x14ac:dyDescent="0.3">
      <c r="A1672">
        <v>44.750000000527749</v>
      </c>
      <c r="B1672">
        <v>1016.0549999999999</v>
      </c>
      <c r="C1672">
        <v>1061.5170000000001</v>
      </c>
      <c r="D1672">
        <v>1062.4079999999999</v>
      </c>
      <c r="E1672">
        <v>1083.5920000000001</v>
      </c>
      <c r="F1672">
        <v>1093.5340000000001</v>
      </c>
      <c r="G1672">
        <v>1114.125</v>
      </c>
      <c r="H1672">
        <v>1141.8820000000001</v>
      </c>
      <c r="I1672">
        <v>1153.8969999999999</v>
      </c>
      <c r="J1672">
        <v>1158.748</v>
      </c>
      <c r="K1672">
        <v>1164.5</v>
      </c>
      <c r="L1672">
        <v>1170.127</v>
      </c>
      <c r="M1672">
        <v>1154.3</v>
      </c>
      <c r="N1672">
        <v>1002.779</v>
      </c>
      <c r="O1672">
        <v>1056.9880000000001</v>
      </c>
      <c r="P1672">
        <v>0</v>
      </c>
      <c r="Q1672">
        <v>0</v>
      </c>
      <c r="R1672">
        <v>1114.673</v>
      </c>
      <c r="S1672">
        <v>0</v>
      </c>
      <c r="T1672">
        <v>1134.377</v>
      </c>
      <c r="U1672">
        <v>1154.2429999999999</v>
      </c>
      <c r="V1672">
        <v>1161.624</v>
      </c>
      <c r="W1672">
        <v>1186.201</v>
      </c>
      <c r="X1672">
        <v>1200.328</v>
      </c>
      <c r="Y1672">
        <v>1189.1079999999999</v>
      </c>
    </row>
    <row r="1673" spans="1:25" x14ac:dyDescent="0.3">
      <c r="A1673">
        <v>44.783333331175768</v>
      </c>
      <c r="B1673">
        <v>1018.569</v>
      </c>
      <c r="C1673">
        <v>1062.7059999999999</v>
      </c>
      <c r="D1673">
        <v>1061.0350000000001</v>
      </c>
      <c r="E1673">
        <v>1084.136</v>
      </c>
      <c r="F1673">
        <v>1094.6199999999999</v>
      </c>
      <c r="G1673">
        <v>1116.6379999999999</v>
      </c>
      <c r="H1673">
        <v>1145.049</v>
      </c>
      <c r="I1673">
        <v>1163.0440000000001</v>
      </c>
      <c r="J1673">
        <v>1170.8399999999999</v>
      </c>
      <c r="K1673">
        <v>1168.2190000000001</v>
      </c>
      <c r="L1673">
        <v>1177.393</v>
      </c>
      <c r="M1673">
        <v>1162.143</v>
      </c>
      <c r="N1673">
        <v>1003.164</v>
      </c>
      <c r="O1673">
        <v>1057.6199999999999</v>
      </c>
      <c r="P1673">
        <v>0</v>
      </c>
      <c r="Q1673">
        <v>0</v>
      </c>
      <c r="R1673">
        <v>1116.6010000000001</v>
      </c>
      <c r="S1673">
        <v>0</v>
      </c>
      <c r="T1673">
        <v>1134.3389999999999</v>
      </c>
      <c r="U1673">
        <v>1154.492</v>
      </c>
      <c r="V1673">
        <v>1162.5260000000001</v>
      </c>
      <c r="W1673">
        <v>1184.903</v>
      </c>
      <c r="X1673">
        <v>1201.8679999999999</v>
      </c>
      <c r="Y1673">
        <v>1189.1079999999999</v>
      </c>
    </row>
    <row r="1674" spans="1:25" x14ac:dyDescent="0.3">
      <c r="A1674">
        <v>44.800000001738468</v>
      </c>
      <c r="B1674">
        <v>1020.439</v>
      </c>
      <c r="C1674">
        <v>1061.6469999999999</v>
      </c>
      <c r="D1674">
        <v>1057.527</v>
      </c>
      <c r="E1674">
        <v>1081.1959999999999</v>
      </c>
      <c r="F1674">
        <v>1094.451</v>
      </c>
      <c r="G1674">
        <v>1117.356</v>
      </c>
      <c r="H1674">
        <v>1143.1220000000001</v>
      </c>
      <c r="I1674">
        <v>1154.722</v>
      </c>
      <c r="J1674">
        <v>1162.3340000000001</v>
      </c>
      <c r="K1674">
        <v>1168.874</v>
      </c>
      <c r="L1674">
        <v>1176.7370000000001</v>
      </c>
      <c r="M1674">
        <v>1164.462</v>
      </c>
      <c r="N1674">
        <v>1000.1849999999999</v>
      </c>
      <c r="O1674">
        <v>1055.4659999999999</v>
      </c>
      <c r="P1674">
        <v>0</v>
      </c>
      <c r="Q1674">
        <v>0</v>
      </c>
      <c r="R1674">
        <v>1114.8810000000001</v>
      </c>
      <c r="S1674">
        <v>0</v>
      </c>
      <c r="T1674">
        <v>1129.0239999999999</v>
      </c>
      <c r="U1674">
        <v>1146.174</v>
      </c>
      <c r="V1674">
        <v>1153.3219999999999</v>
      </c>
      <c r="W1674">
        <v>1179.5730000000001</v>
      </c>
      <c r="X1674">
        <v>1198.4570000000001</v>
      </c>
      <c r="Y1674">
        <v>1189.921</v>
      </c>
    </row>
    <row r="1675" spans="1:25" x14ac:dyDescent="0.3">
      <c r="A1675">
        <v>44.833333332386488</v>
      </c>
      <c r="B1675">
        <v>1026.2159999999999</v>
      </c>
      <c r="C1675">
        <v>1061.48</v>
      </c>
      <c r="D1675">
        <v>1058.0830000000001</v>
      </c>
      <c r="E1675">
        <v>1083.424</v>
      </c>
      <c r="F1675">
        <v>1094.9760000000001</v>
      </c>
      <c r="G1675">
        <v>1118.0930000000001</v>
      </c>
      <c r="H1675">
        <v>1145.106</v>
      </c>
      <c r="I1675">
        <v>1152.287</v>
      </c>
      <c r="J1675">
        <v>1162.4490000000001</v>
      </c>
      <c r="K1675">
        <v>1173.442</v>
      </c>
      <c r="L1675">
        <v>1180.6780000000001</v>
      </c>
      <c r="M1675">
        <v>1165.038</v>
      </c>
      <c r="N1675">
        <v>1002.633</v>
      </c>
      <c r="O1675">
        <v>1052.742</v>
      </c>
      <c r="P1675">
        <v>0</v>
      </c>
      <c r="Q1675">
        <v>0</v>
      </c>
      <c r="R1675">
        <v>1116.0139999999999</v>
      </c>
      <c r="S1675">
        <v>0</v>
      </c>
      <c r="T1675">
        <v>1130.675</v>
      </c>
      <c r="U1675">
        <v>1147.204</v>
      </c>
      <c r="V1675">
        <v>1152.287</v>
      </c>
      <c r="W1675">
        <v>1182.81</v>
      </c>
      <c r="X1675">
        <v>1203.29</v>
      </c>
      <c r="Y1675">
        <v>1191.7429999999999</v>
      </c>
    </row>
    <row r="1676" spans="1:25" x14ac:dyDescent="0.3">
      <c r="A1676">
        <v>44.850000002949187</v>
      </c>
      <c r="B1676">
        <v>1021.8150000000001</v>
      </c>
      <c r="C1676">
        <v>1060.2180000000001</v>
      </c>
      <c r="D1676">
        <v>1058.492</v>
      </c>
      <c r="E1676">
        <v>1081.402</v>
      </c>
      <c r="F1676">
        <v>1092.617</v>
      </c>
      <c r="G1676">
        <v>1116.922</v>
      </c>
      <c r="H1676">
        <v>1139.9179999999999</v>
      </c>
      <c r="I1676">
        <v>1144.8389999999999</v>
      </c>
      <c r="J1676">
        <v>1155.604</v>
      </c>
      <c r="K1676">
        <v>1173.423</v>
      </c>
      <c r="L1676">
        <v>1185.5039999999999</v>
      </c>
      <c r="M1676">
        <v>1166.7729999999999</v>
      </c>
      <c r="N1676">
        <v>1007.439</v>
      </c>
      <c r="O1676">
        <v>1045.7180000000001</v>
      </c>
      <c r="P1676">
        <v>0</v>
      </c>
      <c r="Q1676">
        <v>0</v>
      </c>
      <c r="R1676">
        <v>1118.5840000000001</v>
      </c>
      <c r="S1676">
        <v>0</v>
      </c>
      <c r="T1676">
        <v>1132.8209999999999</v>
      </c>
      <c r="U1676">
        <v>1149.6469999999999</v>
      </c>
      <c r="V1676">
        <v>1153.3230000000001</v>
      </c>
      <c r="W1676">
        <v>1176.9690000000001</v>
      </c>
      <c r="X1676">
        <v>1196.7819999999999</v>
      </c>
      <c r="Y1676">
        <v>1192.751</v>
      </c>
    </row>
    <row r="1677" spans="1:25" x14ac:dyDescent="0.3">
      <c r="A1677">
        <v>44.883333333597207</v>
      </c>
      <c r="B1677">
        <v>1017.708</v>
      </c>
      <c r="C1677">
        <v>1061.761</v>
      </c>
      <c r="D1677">
        <v>1062.4659999999999</v>
      </c>
      <c r="E1677">
        <v>1086.1220000000001</v>
      </c>
      <c r="F1677">
        <v>1098.288</v>
      </c>
      <c r="G1677">
        <v>1118.095</v>
      </c>
      <c r="H1677">
        <v>1138.9269999999999</v>
      </c>
      <c r="I1677">
        <v>1155.913</v>
      </c>
      <c r="J1677">
        <v>1155.587</v>
      </c>
      <c r="K1677">
        <v>1172.056</v>
      </c>
      <c r="L1677">
        <v>1180.7</v>
      </c>
      <c r="M1677">
        <v>1164.6179999999999</v>
      </c>
      <c r="N1677">
        <v>1006.088</v>
      </c>
      <c r="O1677">
        <v>1058.29</v>
      </c>
      <c r="P1677">
        <v>0</v>
      </c>
      <c r="Q1677">
        <v>0</v>
      </c>
      <c r="R1677">
        <v>1121.0609999999999</v>
      </c>
      <c r="S1677">
        <v>0</v>
      </c>
      <c r="T1677">
        <v>1136.5429999999999</v>
      </c>
      <c r="U1677">
        <v>1151.7139999999999</v>
      </c>
      <c r="V1677">
        <v>1156.431</v>
      </c>
      <c r="W1677">
        <v>1180.1179999999999</v>
      </c>
      <c r="X1677">
        <v>1200.5050000000001</v>
      </c>
      <c r="Y1677">
        <v>1195.8869999999999</v>
      </c>
    </row>
    <row r="1678" spans="1:25" x14ac:dyDescent="0.3">
      <c r="A1678">
        <v>44.916666664245227</v>
      </c>
      <c r="B1678">
        <v>1017.651</v>
      </c>
      <c r="C1678">
        <v>1062.501</v>
      </c>
      <c r="D1678">
        <v>1062.779</v>
      </c>
      <c r="E1678">
        <v>1089.2460000000001</v>
      </c>
      <c r="F1678">
        <v>1102.2149999999999</v>
      </c>
      <c r="G1678">
        <v>1120.039</v>
      </c>
      <c r="H1678">
        <v>1145.4680000000001</v>
      </c>
      <c r="I1678">
        <v>1160.2439999999999</v>
      </c>
      <c r="J1678">
        <v>1162.6600000000001</v>
      </c>
      <c r="K1678">
        <v>1174.232</v>
      </c>
      <c r="L1678">
        <v>1180.8910000000001</v>
      </c>
      <c r="M1678">
        <v>1164.002</v>
      </c>
      <c r="N1678">
        <v>1005.629</v>
      </c>
      <c r="O1678">
        <v>1051.7249999999999</v>
      </c>
      <c r="P1678">
        <v>0</v>
      </c>
      <c r="Q1678">
        <v>0</v>
      </c>
      <c r="R1678">
        <v>1123.7850000000001</v>
      </c>
      <c r="S1678">
        <v>0</v>
      </c>
      <c r="T1678">
        <v>1139.211</v>
      </c>
      <c r="U1678">
        <v>1153.0540000000001</v>
      </c>
      <c r="V1678">
        <v>1157.502</v>
      </c>
      <c r="W1678">
        <v>1181.085</v>
      </c>
      <c r="X1678">
        <v>1199.1590000000001</v>
      </c>
      <c r="Y1678">
        <v>1197.288</v>
      </c>
    </row>
    <row r="1679" spans="1:25" x14ac:dyDescent="0.3">
      <c r="A1679">
        <v>44.933333334807926</v>
      </c>
      <c r="B1679">
        <v>1010.5650000000001</v>
      </c>
      <c r="C1679">
        <v>1062.2619999999999</v>
      </c>
      <c r="D1679">
        <v>1064.192</v>
      </c>
      <c r="E1679">
        <v>1089.454</v>
      </c>
      <c r="F1679">
        <v>1106.5050000000001</v>
      </c>
      <c r="G1679">
        <v>1127.0519999999999</v>
      </c>
      <c r="H1679">
        <v>1150.068</v>
      </c>
      <c r="I1679">
        <v>1164.3689999999999</v>
      </c>
      <c r="J1679">
        <v>1163.8510000000001</v>
      </c>
      <c r="K1679">
        <v>1167.3530000000001</v>
      </c>
      <c r="L1679">
        <v>1177.973</v>
      </c>
      <c r="M1679">
        <v>1163.4670000000001</v>
      </c>
      <c r="N1679">
        <v>1000.735</v>
      </c>
      <c r="O1679">
        <v>1053.8720000000001</v>
      </c>
      <c r="P1679">
        <v>0</v>
      </c>
      <c r="Q1679">
        <v>0</v>
      </c>
      <c r="R1679">
        <v>1124.413</v>
      </c>
      <c r="S1679">
        <v>0</v>
      </c>
      <c r="T1679">
        <v>1139.557</v>
      </c>
      <c r="U1679">
        <v>1153.8230000000001</v>
      </c>
      <c r="V1679">
        <v>1156.6030000000001</v>
      </c>
      <c r="W1679">
        <v>1183.0250000000001</v>
      </c>
      <c r="X1679">
        <v>1198.693</v>
      </c>
      <c r="Y1679">
        <v>1184.3430000000001</v>
      </c>
    </row>
    <row r="1680" spans="1:25" x14ac:dyDescent="0.3">
      <c r="A1680">
        <v>44.966666665455946</v>
      </c>
      <c r="B1680">
        <v>1007.7329999999999</v>
      </c>
      <c r="C1680">
        <v>1061.4090000000001</v>
      </c>
      <c r="D1680">
        <v>1060.796</v>
      </c>
      <c r="E1680">
        <v>1087.152</v>
      </c>
      <c r="F1680">
        <v>1101.4469999999999</v>
      </c>
      <c r="G1680">
        <v>1122.422</v>
      </c>
      <c r="H1680">
        <v>1145.471</v>
      </c>
      <c r="I1680">
        <v>1157.9269999999999</v>
      </c>
      <c r="J1680">
        <v>1155.223</v>
      </c>
      <c r="K1680">
        <v>1164.0050000000001</v>
      </c>
      <c r="L1680">
        <v>1173.425</v>
      </c>
      <c r="M1680">
        <v>1158.924</v>
      </c>
      <c r="N1680">
        <v>997.25400000000002</v>
      </c>
      <c r="O1680">
        <v>1052.9849999999999</v>
      </c>
      <c r="P1680">
        <v>0</v>
      </c>
      <c r="Q1680">
        <v>0</v>
      </c>
      <c r="R1680">
        <v>1119.607</v>
      </c>
      <c r="S1680">
        <v>0</v>
      </c>
      <c r="T1680">
        <v>1136.829</v>
      </c>
      <c r="U1680">
        <v>1152.213</v>
      </c>
      <c r="V1680">
        <v>1157.4090000000001</v>
      </c>
      <c r="W1680">
        <v>1185.2929999999999</v>
      </c>
      <c r="X1680">
        <v>1200.3309999999999</v>
      </c>
      <c r="Y1680">
        <v>1191.9010000000001</v>
      </c>
    </row>
    <row r="1681" spans="1:25" x14ac:dyDescent="0.3">
      <c r="A1681">
        <v>44.983333336018646</v>
      </c>
      <c r="B1681">
        <v>1014.995</v>
      </c>
      <c r="C1681">
        <v>1061.242</v>
      </c>
      <c r="D1681">
        <v>1059.8309999999999</v>
      </c>
      <c r="E1681">
        <v>1086.8530000000001</v>
      </c>
      <c r="F1681">
        <v>1100.77</v>
      </c>
      <c r="G1681">
        <v>1123.579</v>
      </c>
      <c r="H1681">
        <v>1147.0360000000001</v>
      </c>
      <c r="I1681">
        <v>1156.7760000000001</v>
      </c>
      <c r="J1681">
        <v>1160.9949999999999</v>
      </c>
      <c r="K1681">
        <v>1167.952</v>
      </c>
      <c r="L1681">
        <v>1176.355</v>
      </c>
      <c r="M1681">
        <v>1160.6489999999999</v>
      </c>
      <c r="N1681">
        <v>998.71100000000001</v>
      </c>
      <c r="O1681">
        <v>1049.768</v>
      </c>
      <c r="P1681">
        <v>0</v>
      </c>
      <c r="Q1681">
        <v>0</v>
      </c>
      <c r="R1681">
        <v>1116.1679999999999</v>
      </c>
      <c r="S1681">
        <v>0</v>
      </c>
      <c r="T1681">
        <v>1130.8489999999999</v>
      </c>
      <c r="U1681">
        <v>1149.6110000000001</v>
      </c>
      <c r="V1681">
        <v>1161.4359999999999</v>
      </c>
      <c r="W1681">
        <v>1186.126</v>
      </c>
      <c r="X1681">
        <v>1195.0889999999999</v>
      </c>
      <c r="Y1681">
        <v>1192.192</v>
      </c>
    </row>
    <row r="1682" spans="1:25" x14ac:dyDescent="0.3">
      <c r="A1682">
        <v>45.016666666666666</v>
      </c>
      <c r="B1682">
        <v>1014.259</v>
      </c>
      <c r="C1682">
        <v>1061.778</v>
      </c>
      <c r="D1682">
        <v>1061.963</v>
      </c>
      <c r="E1682">
        <v>1087.412</v>
      </c>
      <c r="F1682">
        <v>1102.1220000000001</v>
      </c>
      <c r="G1682">
        <v>1127.98</v>
      </c>
      <c r="H1682">
        <v>1145.8510000000001</v>
      </c>
      <c r="I1682">
        <v>1146.575</v>
      </c>
      <c r="J1682">
        <v>1151.386</v>
      </c>
      <c r="K1682">
        <v>1160.0719999999999</v>
      </c>
      <c r="L1682">
        <v>1167.6410000000001</v>
      </c>
      <c r="M1682">
        <v>1157.33</v>
      </c>
      <c r="N1682">
        <v>1003.31</v>
      </c>
      <c r="O1682">
        <v>1054.9100000000001</v>
      </c>
      <c r="P1682">
        <v>0</v>
      </c>
      <c r="Q1682">
        <v>0</v>
      </c>
      <c r="R1682">
        <v>1119.9069999999999</v>
      </c>
      <c r="S1682">
        <v>0</v>
      </c>
      <c r="T1682">
        <v>1137.7049999999999</v>
      </c>
      <c r="U1682">
        <v>1157.4259999999999</v>
      </c>
      <c r="V1682">
        <v>1162.162</v>
      </c>
      <c r="W1682">
        <v>1185.155</v>
      </c>
      <c r="X1682">
        <v>1196.9770000000001</v>
      </c>
      <c r="Y1682">
        <v>1188.914</v>
      </c>
    </row>
    <row r="1683" spans="1:25" x14ac:dyDescent="0.3">
      <c r="A1683">
        <v>45.049999997314686</v>
      </c>
      <c r="B1683">
        <v>1015.104</v>
      </c>
      <c r="C1683">
        <v>1064.3589999999999</v>
      </c>
      <c r="D1683">
        <v>1064.3409999999999</v>
      </c>
      <c r="E1683">
        <v>1088.125</v>
      </c>
      <c r="F1683">
        <v>1101.165</v>
      </c>
      <c r="G1683">
        <v>1122.384</v>
      </c>
      <c r="H1683">
        <v>1142.6659999999999</v>
      </c>
      <c r="I1683">
        <v>1153.114</v>
      </c>
      <c r="J1683">
        <v>1151.0050000000001</v>
      </c>
      <c r="K1683">
        <v>1156.8910000000001</v>
      </c>
      <c r="L1683">
        <v>1169.2809999999999</v>
      </c>
      <c r="M1683">
        <v>1161.0129999999999</v>
      </c>
      <c r="N1683">
        <v>1001.539</v>
      </c>
      <c r="O1683">
        <v>1051.4870000000001</v>
      </c>
      <c r="P1683">
        <v>0</v>
      </c>
      <c r="Q1683">
        <v>0</v>
      </c>
      <c r="R1683">
        <v>1120.683</v>
      </c>
      <c r="S1683">
        <v>0</v>
      </c>
      <c r="T1683">
        <v>1138.374</v>
      </c>
      <c r="U1683">
        <v>1160.0350000000001</v>
      </c>
      <c r="V1683">
        <v>1171.4780000000001</v>
      </c>
      <c r="W1683">
        <v>1191.125</v>
      </c>
      <c r="X1683">
        <v>1199.8820000000001</v>
      </c>
      <c r="Y1683">
        <v>1190.854</v>
      </c>
    </row>
    <row r="1684" spans="1:25" x14ac:dyDescent="0.3">
      <c r="A1684">
        <v>45.066666667877385</v>
      </c>
      <c r="B1684">
        <v>1011.534</v>
      </c>
      <c r="C1684">
        <v>1061.0940000000001</v>
      </c>
      <c r="D1684">
        <v>1063.098</v>
      </c>
      <c r="E1684">
        <v>1089.605</v>
      </c>
      <c r="F1684">
        <v>1101.354</v>
      </c>
      <c r="G1684">
        <v>1124.566</v>
      </c>
      <c r="H1684">
        <v>1145.605</v>
      </c>
      <c r="I1684">
        <v>1154.4760000000001</v>
      </c>
      <c r="J1684">
        <v>1154.5530000000001</v>
      </c>
      <c r="K1684">
        <v>1162.126</v>
      </c>
      <c r="L1684">
        <v>1172.597</v>
      </c>
      <c r="M1684">
        <v>1161.7429999999999</v>
      </c>
      <c r="N1684">
        <v>1002.235</v>
      </c>
      <c r="O1684">
        <v>1046.663</v>
      </c>
      <c r="P1684">
        <v>0</v>
      </c>
      <c r="Q1684">
        <v>0</v>
      </c>
      <c r="R1684">
        <v>1116.944</v>
      </c>
      <c r="S1684">
        <v>0</v>
      </c>
      <c r="T1684">
        <v>1135.652</v>
      </c>
      <c r="U1684">
        <v>1154.7249999999999</v>
      </c>
      <c r="V1684">
        <v>1163.9290000000001</v>
      </c>
      <c r="W1684">
        <v>1187.8520000000001</v>
      </c>
      <c r="X1684">
        <v>1198.9280000000001</v>
      </c>
      <c r="Y1684">
        <v>1193.8810000000001</v>
      </c>
    </row>
    <row r="1685" spans="1:25" x14ac:dyDescent="0.3">
      <c r="A1685">
        <v>45.099999998525405</v>
      </c>
      <c r="B1685">
        <v>1021.248</v>
      </c>
      <c r="C1685">
        <v>1063.0609999999999</v>
      </c>
      <c r="D1685">
        <v>1064.3969999999999</v>
      </c>
      <c r="E1685">
        <v>1092.432</v>
      </c>
      <c r="F1685">
        <v>1106.2239999999999</v>
      </c>
      <c r="G1685">
        <v>1124.585</v>
      </c>
      <c r="H1685">
        <v>1139.443</v>
      </c>
      <c r="I1685">
        <v>1149.954</v>
      </c>
      <c r="J1685">
        <v>1154.0540000000001</v>
      </c>
      <c r="K1685">
        <v>1165.8699999999999</v>
      </c>
      <c r="L1685">
        <v>1173.367</v>
      </c>
      <c r="M1685">
        <v>1160.4770000000001</v>
      </c>
      <c r="N1685">
        <v>999.202</v>
      </c>
      <c r="O1685">
        <v>1051.7090000000001</v>
      </c>
      <c r="P1685">
        <v>0</v>
      </c>
      <c r="Q1685">
        <v>0</v>
      </c>
      <c r="R1685">
        <v>1117.1320000000001</v>
      </c>
      <c r="S1685">
        <v>0</v>
      </c>
      <c r="T1685">
        <v>1135.0440000000001</v>
      </c>
      <c r="U1685">
        <v>1152.577</v>
      </c>
      <c r="V1685">
        <v>1157.6780000000001</v>
      </c>
      <c r="W1685">
        <v>1184.2660000000001</v>
      </c>
      <c r="X1685">
        <v>1201.636</v>
      </c>
      <c r="Y1685">
        <v>1192.172</v>
      </c>
    </row>
    <row r="1686" spans="1:25" x14ac:dyDescent="0.3">
      <c r="A1686">
        <v>45.116666669088104</v>
      </c>
      <c r="B1686">
        <v>1014.7190000000001</v>
      </c>
      <c r="C1686">
        <v>1064.675</v>
      </c>
      <c r="D1686">
        <v>1062.614</v>
      </c>
      <c r="E1686">
        <v>1090.933</v>
      </c>
      <c r="F1686">
        <v>1105.941</v>
      </c>
      <c r="G1686">
        <v>1123.2929999999999</v>
      </c>
      <c r="H1686">
        <v>1142.3989999999999</v>
      </c>
      <c r="I1686">
        <v>1160.9749999999999</v>
      </c>
      <c r="J1686">
        <v>1159.057</v>
      </c>
      <c r="K1686">
        <v>1170.8030000000001</v>
      </c>
      <c r="L1686">
        <v>1174.5809999999999</v>
      </c>
      <c r="M1686">
        <v>1161.0509999999999</v>
      </c>
      <c r="N1686">
        <v>1004.773</v>
      </c>
      <c r="O1686">
        <v>1058.308</v>
      </c>
      <c r="P1686">
        <v>0</v>
      </c>
      <c r="Q1686">
        <v>0</v>
      </c>
      <c r="R1686">
        <v>1121.3630000000001</v>
      </c>
      <c r="S1686">
        <v>0</v>
      </c>
      <c r="T1686">
        <v>1139.5</v>
      </c>
      <c r="U1686">
        <v>1159.652</v>
      </c>
      <c r="V1686">
        <v>1164.33</v>
      </c>
      <c r="W1686">
        <v>1191.338</v>
      </c>
      <c r="X1686">
        <v>1203.2919999999999</v>
      </c>
      <c r="Y1686">
        <v>1194.854</v>
      </c>
    </row>
    <row r="1687" spans="1:25" x14ac:dyDescent="0.3">
      <c r="A1687">
        <v>45.149999999736124</v>
      </c>
      <c r="B1687">
        <v>1029.182</v>
      </c>
      <c r="C1687">
        <v>1068.616</v>
      </c>
      <c r="D1687">
        <v>1067.2550000000001</v>
      </c>
      <c r="E1687">
        <v>1094.547</v>
      </c>
      <c r="F1687">
        <v>1107.8969999999999</v>
      </c>
      <c r="G1687">
        <v>1123.4649999999999</v>
      </c>
      <c r="H1687">
        <v>1145.319</v>
      </c>
      <c r="I1687">
        <v>1164.2919999999999</v>
      </c>
      <c r="J1687">
        <v>1168.241</v>
      </c>
      <c r="K1687">
        <v>1172.789</v>
      </c>
      <c r="L1687">
        <v>1177.299</v>
      </c>
      <c r="M1687">
        <v>1161.1859999999999</v>
      </c>
      <c r="N1687">
        <v>1020.992</v>
      </c>
      <c r="O1687">
        <v>1064.3409999999999</v>
      </c>
      <c r="P1687">
        <v>0</v>
      </c>
      <c r="Q1687">
        <v>0</v>
      </c>
      <c r="R1687">
        <v>1122.0630000000001</v>
      </c>
      <c r="S1687">
        <v>0</v>
      </c>
      <c r="T1687">
        <v>1140.855</v>
      </c>
      <c r="U1687">
        <v>1157.6969999999999</v>
      </c>
      <c r="V1687">
        <v>1162.318</v>
      </c>
      <c r="W1687">
        <v>1188.8389999999999</v>
      </c>
      <c r="X1687">
        <v>1202.163</v>
      </c>
      <c r="Y1687">
        <v>1192.521</v>
      </c>
    </row>
    <row r="1688" spans="1:25" x14ac:dyDescent="0.3">
      <c r="A1688">
        <v>45.183333330384144</v>
      </c>
      <c r="B1688">
        <v>1036.326</v>
      </c>
      <c r="C1688">
        <v>1069.623</v>
      </c>
      <c r="D1688">
        <v>1067.144</v>
      </c>
      <c r="E1688">
        <v>1092.6379999999999</v>
      </c>
      <c r="F1688">
        <v>1104.306</v>
      </c>
      <c r="G1688">
        <v>1121.1379999999999</v>
      </c>
      <c r="H1688">
        <v>1143.9269999999999</v>
      </c>
      <c r="I1688">
        <v>1161.4169999999999</v>
      </c>
      <c r="J1688">
        <v>1166.3140000000001</v>
      </c>
      <c r="K1688">
        <v>1167.123</v>
      </c>
      <c r="L1688">
        <v>1172.886</v>
      </c>
      <c r="M1688">
        <v>1160.7840000000001</v>
      </c>
      <c r="N1688">
        <v>1026.77</v>
      </c>
      <c r="O1688">
        <v>1061.1869999999999</v>
      </c>
      <c r="P1688">
        <v>0</v>
      </c>
      <c r="Q1688">
        <v>0</v>
      </c>
      <c r="R1688">
        <v>1118.587</v>
      </c>
      <c r="S1688">
        <v>0</v>
      </c>
      <c r="T1688">
        <v>1137.307</v>
      </c>
      <c r="U1688">
        <v>1154.3610000000001</v>
      </c>
      <c r="V1688">
        <v>1159.059</v>
      </c>
      <c r="W1688">
        <v>1185.4100000000001</v>
      </c>
      <c r="X1688">
        <v>1198.441</v>
      </c>
      <c r="Y1688">
        <v>1189.693</v>
      </c>
    </row>
    <row r="1689" spans="1:25" x14ac:dyDescent="0.3">
      <c r="A1689">
        <v>45.200000000946844</v>
      </c>
      <c r="B1689">
        <v>1038.0740000000001</v>
      </c>
      <c r="C1689">
        <v>1068.7460000000001</v>
      </c>
      <c r="D1689">
        <v>1068.1120000000001</v>
      </c>
      <c r="E1689">
        <v>1092.6379999999999</v>
      </c>
      <c r="F1689">
        <v>1104.9259999999999</v>
      </c>
      <c r="G1689">
        <v>1119.8530000000001</v>
      </c>
      <c r="H1689">
        <v>1141.751</v>
      </c>
      <c r="I1689">
        <v>1161.3209999999999</v>
      </c>
      <c r="J1689">
        <v>1161.992</v>
      </c>
      <c r="K1689">
        <v>1163.4100000000001</v>
      </c>
      <c r="L1689">
        <v>1172.134</v>
      </c>
      <c r="M1689">
        <v>1162.989</v>
      </c>
      <c r="N1689">
        <v>1018.332</v>
      </c>
      <c r="O1689">
        <v>1057.7149999999999</v>
      </c>
      <c r="P1689">
        <v>0</v>
      </c>
      <c r="Q1689">
        <v>0</v>
      </c>
      <c r="R1689">
        <v>1116.471</v>
      </c>
      <c r="S1689">
        <v>0</v>
      </c>
      <c r="T1689">
        <v>1131.9880000000001</v>
      </c>
      <c r="U1689">
        <v>1148.867</v>
      </c>
      <c r="V1689">
        <v>1151.3119999999999</v>
      </c>
      <c r="W1689">
        <v>1179.2080000000001</v>
      </c>
      <c r="X1689">
        <v>1197.953</v>
      </c>
      <c r="Y1689">
        <v>1186.4749999999999</v>
      </c>
    </row>
    <row r="1690" spans="1:25" x14ac:dyDescent="0.3">
      <c r="A1690">
        <v>45.233333331594864</v>
      </c>
      <c r="B1690">
        <v>1042.6880000000001</v>
      </c>
      <c r="C1690">
        <v>1068.1120000000001</v>
      </c>
      <c r="D1690">
        <v>1068.1310000000001</v>
      </c>
      <c r="E1690">
        <v>1089.8109999999999</v>
      </c>
      <c r="F1690">
        <v>1101.9929999999999</v>
      </c>
      <c r="G1690">
        <v>1118.2470000000001</v>
      </c>
      <c r="H1690">
        <v>1139.1949999999999</v>
      </c>
      <c r="I1690">
        <v>1159.8440000000001</v>
      </c>
      <c r="J1690">
        <v>1158.713</v>
      </c>
      <c r="K1690">
        <v>1160.9949999999999</v>
      </c>
      <c r="L1690">
        <v>1170.8620000000001</v>
      </c>
      <c r="M1690">
        <v>1161.5889999999999</v>
      </c>
      <c r="N1690">
        <v>1025.6310000000001</v>
      </c>
      <c r="O1690">
        <v>1059.423</v>
      </c>
      <c r="P1690">
        <v>0</v>
      </c>
      <c r="Q1690">
        <v>0</v>
      </c>
      <c r="R1690">
        <v>1120.759</v>
      </c>
      <c r="S1690">
        <v>0</v>
      </c>
      <c r="T1690">
        <v>1136.069</v>
      </c>
      <c r="U1690">
        <v>1149.4580000000001</v>
      </c>
      <c r="V1690">
        <v>1150.7560000000001</v>
      </c>
      <c r="W1690">
        <v>1182.231</v>
      </c>
      <c r="X1690">
        <v>1200.837</v>
      </c>
      <c r="Y1690">
        <v>1187.056</v>
      </c>
    </row>
    <row r="1691" spans="1:25" x14ac:dyDescent="0.3">
      <c r="A1691">
        <v>45.250000002157563</v>
      </c>
      <c r="B1691">
        <v>1038.9939999999999</v>
      </c>
      <c r="C1691">
        <v>1067.422</v>
      </c>
      <c r="D1691">
        <v>1068.1859999999999</v>
      </c>
      <c r="E1691">
        <v>1090.952</v>
      </c>
      <c r="F1691">
        <v>1101.578</v>
      </c>
      <c r="G1691">
        <v>1119.4739999999999</v>
      </c>
      <c r="H1691">
        <v>1142.2090000000001</v>
      </c>
      <c r="I1691">
        <v>1161.914</v>
      </c>
      <c r="J1691">
        <v>1154.9159999999999</v>
      </c>
      <c r="K1691">
        <v>1162.739</v>
      </c>
      <c r="L1691">
        <v>1175.0050000000001</v>
      </c>
      <c r="M1691">
        <v>1161.1279999999999</v>
      </c>
      <c r="N1691">
        <v>1021.596</v>
      </c>
      <c r="O1691">
        <v>1057.6220000000001</v>
      </c>
      <c r="P1691">
        <v>0</v>
      </c>
      <c r="Q1691">
        <v>0</v>
      </c>
      <c r="R1691">
        <v>1122.1759999999999</v>
      </c>
      <c r="S1691">
        <v>0</v>
      </c>
      <c r="T1691">
        <v>1139.9570000000001</v>
      </c>
      <c r="U1691">
        <v>1155.395</v>
      </c>
      <c r="V1691">
        <v>1157.0440000000001</v>
      </c>
      <c r="W1691">
        <v>1181.4359999999999</v>
      </c>
      <c r="X1691">
        <v>1198.0889999999999</v>
      </c>
      <c r="Y1691">
        <v>1188.9939999999999</v>
      </c>
    </row>
    <row r="1692" spans="1:25" x14ac:dyDescent="0.3">
      <c r="A1692">
        <v>45.283333332805583</v>
      </c>
      <c r="B1692">
        <v>1039.566</v>
      </c>
      <c r="C1692">
        <v>1066.643</v>
      </c>
      <c r="D1692">
        <v>1063.6179999999999</v>
      </c>
      <c r="E1692">
        <v>1091.9829999999999</v>
      </c>
      <c r="F1692">
        <v>1103.893</v>
      </c>
      <c r="G1692">
        <v>1121.384</v>
      </c>
      <c r="H1692">
        <v>1147.17</v>
      </c>
      <c r="I1692">
        <v>1164.4459999999999</v>
      </c>
      <c r="J1692">
        <v>1166.9110000000001</v>
      </c>
      <c r="K1692">
        <v>1168.299</v>
      </c>
      <c r="L1692">
        <v>1176.606</v>
      </c>
      <c r="M1692">
        <v>1163.5260000000001</v>
      </c>
      <c r="N1692">
        <v>1015.655</v>
      </c>
      <c r="O1692">
        <v>1058.7919999999999</v>
      </c>
      <c r="P1692">
        <v>0</v>
      </c>
      <c r="Q1692">
        <v>0</v>
      </c>
      <c r="R1692">
        <v>1120.703</v>
      </c>
      <c r="S1692">
        <v>0</v>
      </c>
      <c r="T1692">
        <v>1139.825</v>
      </c>
      <c r="U1692">
        <v>1156.163</v>
      </c>
      <c r="V1692">
        <v>1160.3240000000001</v>
      </c>
      <c r="W1692">
        <v>1185.72</v>
      </c>
      <c r="X1692">
        <v>1191.4169999999999</v>
      </c>
      <c r="Y1692">
        <v>1178.5909999999999</v>
      </c>
    </row>
    <row r="1693" spans="1:25" x14ac:dyDescent="0.3">
      <c r="A1693">
        <v>45.316666663453603</v>
      </c>
      <c r="B1693">
        <v>1037.816</v>
      </c>
      <c r="C1693">
        <v>1068.037</v>
      </c>
      <c r="D1693">
        <v>1065.788</v>
      </c>
      <c r="E1693">
        <v>1090.4280000000001</v>
      </c>
      <c r="F1693">
        <v>1105.6780000000001</v>
      </c>
      <c r="G1693">
        <v>1121.798</v>
      </c>
      <c r="H1693">
        <v>1142.17</v>
      </c>
      <c r="I1693">
        <v>1161.1669999999999</v>
      </c>
      <c r="J1693">
        <v>1166.0429999999999</v>
      </c>
      <c r="K1693">
        <v>1168.741</v>
      </c>
      <c r="L1693">
        <v>1173.136</v>
      </c>
      <c r="M1693">
        <v>1159.479</v>
      </c>
      <c r="N1693">
        <v>1004.937</v>
      </c>
      <c r="O1693">
        <v>1059.088</v>
      </c>
      <c r="P1693">
        <v>0</v>
      </c>
      <c r="Q1693">
        <v>0</v>
      </c>
      <c r="R1693">
        <v>1114.335</v>
      </c>
      <c r="S1693">
        <v>0</v>
      </c>
      <c r="T1693">
        <v>1135.67</v>
      </c>
      <c r="U1693">
        <v>1157.4469999999999</v>
      </c>
      <c r="V1693">
        <v>1164.7139999999999</v>
      </c>
      <c r="W1693">
        <v>1189.2260000000001</v>
      </c>
      <c r="X1693">
        <v>1197.271</v>
      </c>
      <c r="Y1693">
        <v>1180.0219999999999</v>
      </c>
    </row>
    <row r="1694" spans="1:25" x14ac:dyDescent="0.3">
      <c r="A1694">
        <v>45.333333334016302</v>
      </c>
      <c r="B1694">
        <v>1042.799</v>
      </c>
      <c r="C1694">
        <v>1069.6780000000001</v>
      </c>
      <c r="D1694">
        <v>1067.33</v>
      </c>
      <c r="E1694">
        <v>1092.376</v>
      </c>
      <c r="F1694">
        <v>1106.4870000000001</v>
      </c>
      <c r="G1694">
        <v>1122.6869999999999</v>
      </c>
      <c r="H1694">
        <v>1141.58</v>
      </c>
      <c r="I1694">
        <v>1160.4390000000001</v>
      </c>
      <c r="J1694">
        <v>1161.2439999999999</v>
      </c>
      <c r="K1694">
        <v>1162.701</v>
      </c>
      <c r="L1694">
        <v>1168.106</v>
      </c>
      <c r="M1694">
        <v>1153.8240000000001</v>
      </c>
      <c r="N1694">
        <v>1009.487</v>
      </c>
      <c r="O1694">
        <v>1062.597</v>
      </c>
      <c r="P1694">
        <v>0</v>
      </c>
      <c r="Q1694">
        <v>0</v>
      </c>
      <c r="R1694">
        <v>1116.1310000000001</v>
      </c>
      <c r="S1694">
        <v>0</v>
      </c>
      <c r="T1694">
        <v>1130.7159999999999</v>
      </c>
      <c r="U1694">
        <v>1151.1780000000001</v>
      </c>
      <c r="V1694">
        <v>1159.998</v>
      </c>
      <c r="W1694">
        <v>1189.1880000000001</v>
      </c>
      <c r="X1694">
        <v>1198.2850000000001</v>
      </c>
      <c r="Y1694">
        <v>1186.7460000000001</v>
      </c>
    </row>
    <row r="1695" spans="1:25" x14ac:dyDescent="0.3">
      <c r="A1695">
        <v>45.366666664664322</v>
      </c>
      <c r="B1695">
        <v>1049.029</v>
      </c>
      <c r="C1695">
        <v>1070.107</v>
      </c>
      <c r="D1695">
        <v>1070.2750000000001</v>
      </c>
      <c r="E1695">
        <v>1095.9000000000001</v>
      </c>
      <c r="F1695">
        <v>1107.973</v>
      </c>
      <c r="G1695">
        <v>1125.021</v>
      </c>
      <c r="H1695">
        <v>1142.4570000000001</v>
      </c>
      <c r="I1695">
        <v>1158.2719999999999</v>
      </c>
      <c r="J1695">
        <v>1160.4960000000001</v>
      </c>
      <c r="K1695">
        <v>1163.5260000000001</v>
      </c>
      <c r="L1695">
        <v>1169.6279999999999</v>
      </c>
      <c r="M1695">
        <v>1158.636</v>
      </c>
      <c r="N1695">
        <v>1017.837</v>
      </c>
      <c r="O1695">
        <v>1059.6079999999999</v>
      </c>
      <c r="P1695">
        <v>0</v>
      </c>
      <c r="Q1695">
        <v>0</v>
      </c>
      <c r="R1695">
        <v>1122.6869999999999</v>
      </c>
      <c r="S1695">
        <v>0</v>
      </c>
      <c r="T1695">
        <v>1137.001</v>
      </c>
      <c r="U1695">
        <v>1154.0350000000001</v>
      </c>
      <c r="V1695">
        <v>1161.3969999999999</v>
      </c>
      <c r="W1695">
        <v>1190.0409999999999</v>
      </c>
      <c r="X1695">
        <v>1202.299</v>
      </c>
      <c r="Y1695">
        <v>1187.7149999999999</v>
      </c>
    </row>
    <row r="1696" spans="1:25" x14ac:dyDescent="0.3">
      <c r="A1696">
        <v>45.400000005789721</v>
      </c>
      <c r="B1696">
        <v>1045.3130000000001</v>
      </c>
      <c r="C1696">
        <v>1069.79</v>
      </c>
      <c r="D1696">
        <v>1069.3610000000001</v>
      </c>
      <c r="E1696">
        <v>1095.731</v>
      </c>
      <c r="F1696">
        <v>1109.462</v>
      </c>
      <c r="G1696">
        <v>1132.1590000000001</v>
      </c>
      <c r="H1696">
        <v>1151.9449999999999</v>
      </c>
      <c r="I1696">
        <v>1161.1669999999999</v>
      </c>
      <c r="J1696">
        <v>1161.723</v>
      </c>
      <c r="K1696">
        <v>1166.8530000000001</v>
      </c>
      <c r="L1696">
        <v>1172.173</v>
      </c>
      <c r="M1696">
        <v>1159.173</v>
      </c>
      <c r="N1696">
        <v>1022.771</v>
      </c>
      <c r="O1696">
        <v>1058.9590000000001</v>
      </c>
      <c r="P1696">
        <v>0</v>
      </c>
      <c r="Q1696">
        <v>0</v>
      </c>
      <c r="R1696">
        <v>1123.579</v>
      </c>
      <c r="S1696">
        <v>0</v>
      </c>
      <c r="T1696">
        <v>1135.0060000000001</v>
      </c>
      <c r="U1696">
        <v>1154.0150000000001</v>
      </c>
      <c r="V1696">
        <v>1160.8219999999999</v>
      </c>
      <c r="W1696">
        <v>1191.107</v>
      </c>
      <c r="X1696">
        <v>1203.9359999999999</v>
      </c>
      <c r="Y1696">
        <v>1191.3</v>
      </c>
    </row>
    <row r="1697" spans="1:25" x14ac:dyDescent="0.3">
      <c r="A1697">
        <v>45.416666665875042</v>
      </c>
      <c r="B1697">
        <v>1034.3009999999999</v>
      </c>
      <c r="C1697">
        <v>1069.511</v>
      </c>
      <c r="D1697">
        <v>1069.4179999999999</v>
      </c>
      <c r="E1697">
        <v>1094.211</v>
      </c>
      <c r="F1697">
        <v>1107.221</v>
      </c>
      <c r="G1697">
        <v>1128.819</v>
      </c>
      <c r="H1697">
        <v>1147.6469999999999</v>
      </c>
      <c r="I1697">
        <v>1154.9359999999999</v>
      </c>
      <c r="J1697">
        <v>1155.933</v>
      </c>
      <c r="K1697">
        <v>1163.373</v>
      </c>
      <c r="L1697">
        <v>1173.4259999999999</v>
      </c>
      <c r="M1697">
        <v>1160.9380000000001</v>
      </c>
      <c r="N1697">
        <v>1019.8</v>
      </c>
      <c r="O1697">
        <v>1067.2190000000001</v>
      </c>
      <c r="P1697">
        <v>0</v>
      </c>
      <c r="Q1697">
        <v>0</v>
      </c>
      <c r="R1697">
        <v>1126.806</v>
      </c>
      <c r="S1697">
        <v>0</v>
      </c>
      <c r="T1697">
        <v>1134.21</v>
      </c>
      <c r="U1697">
        <v>1152.0029999999999</v>
      </c>
      <c r="V1697">
        <v>1159.155</v>
      </c>
      <c r="W1697">
        <v>1188.7619999999999</v>
      </c>
      <c r="X1697">
        <v>1206.1969999999999</v>
      </c>
      <c r="Y1697">
        <v>1196.317</v>
      </c>
    </row>
    <row r="1698" spans="1:25" x14ac:dyDescent="0.3">
      <c r="A1698">
        <v>45.449999996523061</v>
      </c>
      <c r="B1698">
        <v>1031.576</v>
      </c>
      <c r="C1698">
        <v>1069.4739999999999</v>
      </c>
      <c r="D1698">
        <v>1072.923</v>
      </c>
      <c r="E1698">
        <v>1097.4059999999999</v>
      </c>
      <c r="F1698">
        <v>1109.104</v>
      </c>
      <c r="G1698">
        <v>1129.2560000000001</v>
      </c>
      <c r="H1698">
        <v>1149.8599999999999</v>
      </c>
      <c r="I1698">
        <v>1155.3589999999999</v>
      </c>
      <c r="J1698">
        <v>1160.3820000000001</v>
      </c>
      <c r="K1698">
        <v>1171.306</v>
      </c>
      <c r="L1698">
        <v>1180.973</v>
      </c>
      <c r="M1698">
        <v>1163.6610000000001</v>
      </c>
      <c r="N1698">
        <v>1010.859</v>
      </c>
      <c r="O1698">
        <v>1070.6859999999999</v>
      </c>
      <c r="P1698">
        <v>0</v>
      </c>
      <c r="Q1698">
        <v>0</v>
      </c>
      <c r="R1698">
        <v>1126.845</v>
      </c>
      <c r="S1698">
        <v>0</v>
      </c>
      <c r="T1698">
        <v>1135.425</v>
      </c>
      <c r="U1698">
        <v>1152.1759999999999</v>
      </c>
      <c r="V1698">
        <v>1157.3720000000001</v>
      </c>
      <c r="W1698">
        <v>1187.193</v>
      </c>
      <c r="X1698">
        <v>1205.087</v>
      </c>
      <c r="Y1698">
        <v>1193.9010000000001</v>
      </c>
    </row>
    <row r="1699" spans="1:25" x14ac:dyDescent="0.3">
      <c r="A1699">
        <v>45.466666667085761</v>
      </c>
      <c r="B1699">
        <v>1033.5640000000001</v>
      </c>
      <c r="C1699">
        <v>1069.7529999999999</v>
      </c>
      <c r="D1699">
        <v>1074.0219999999999</v>
      </c>
      <c r="E1699">
        <v>1098.759</v>
      </c>
      <c r="F1699">
        <v>1108.3119999999999</v>
      </c>
      <c r="G1699">
        <v>1128.325</v>
      </c>
      <c r="H1699">
        <v>1147.1510000000001</v>
      </c>
      <c r="I1699">
        <v>1155.876</v>
      </c>
      <c r="J1699">
        <v>1159.078</v>
      </c>
      <c r="K1699">
        <v>1165.9860000000001</v>
      </c>
      <c r="L1699">
        <v>1173.8889999999999</v>
      </c>
      <c r="M1699">
        <v>1157.6590000000001</v>
      </c>
      <c r="N1699">
        <v>1008.848</v>
      </c>
      <c r="O1699">
        <v>1060.463</v>
      </c>
      <c r="P1699">
        <v>0</v>
      </c>
      <c r="Q1699">
        <v>0</v>
      </c>
      <c r="R1699">
        <v>1126.028</v>
      </c>
      <c r="S1699">
        <v>0</v>
      </c>
      <c r="T1699">
        <v>1137.002</v>
      </c>
      <c r="U1699">
        <v>1152.789</v>
      </c>
      <c r="V1699">
        <v>1156.317</v>
      </c>
      <c r="W1699">
        <v>1185.914</v>
      </c>
      <c r="X1699">
        <v>1200.4090000000001</v>
      </c>
      <c r="Y1699">
        <v>1191.7850000000001</v>
      </c>
    </row>
    <row r="1700" spans="1:25" x14ac:dyDescent="0.3">
      <c r="A1700">
        <v>45.499999997733781</v>
      </c>
      <c r="B1700">
        <v>1039.806</v>
      </c>
      <c r="C1700">
        <v>1068.635</v>
      </c>
      <c r="D1700">
        <v>1073.6310000000001</v>
      </c>
      <c r="E1700">
        <v>1097.6310000000001</v>
      </c>
      <c r="F1700">
        <v>1106.0930000000001</v>
      </c>
      <c r="G1700">
        <v>1125.838</v>
      </c>
      <c r="H1700">
        <v>1145.9490000000001</v>
      </c>
      <c r="I1700">
        <v>1158.1959999999999</v>
      </c>
      <c r="J1700">
        <v>1161.896</v>
      </c>
      <c r="K1700">
        <v>1170.8820000000001</v>
      </c>
      <c r="L1700">
        <v>1175.777</v>
      </c>
      <c r="M1700">
        <v>1159.481</v>
      </c>
      <c r="N1700">
        <v>1005.797</v>
      </c>
      <c r="O1700">
        <v>1054.894</v>
      </c>
      <c r="P1700">
        <v>0</v>
      </c>
      <c r="Q1700">
        <v>0</v>
      </c>
      <c r="R1700">
        <v>1124.566</v>
      </c>
      <c r="S1700">
        <v>0</v>
      </c>
      <c r="T1700">
        <v>1138.242</v>
      </c>
      <c r="U1700">
        <v>1154.9169999999999</v>
      </c>
      <c r="V1700">
        <v>1166.2950000000001</v>
      </c>
      <c r="W1700">
        <v>1189.402</v>
      </c>
      <c r="X1700">
        <v>1202.5530000000001</v>
      </c>
      <c r="Y1700">
        <v>1193.433</v>
      </c>
    </row>
    <row r="1701" spans="1:25" x14ac:dyDescent="0.3">
      <c r="A1701">
        <v>45.53333333885918</v>
      </c>
      <c r="B1701">
        <v>1029.165</v>
      </c>
      <c r="C1701">
        <v>1071.5809999999999</v>
      </c>
      <c r="D1701">
        <v>1072.308</v>
      </c>
      <c r="E1701">
        <v>1097.1420000000001</v>
      </c>
      <c r="F1701">
        <v>1106.5820000000001</v>
      </c>
      <c r="G1701">
        <v>1130.1099999999999</v>
      </c>
      <c r="H1701">
        <v>1156.337</v>
      </c>
      <c r="I1701">
        <v>1164.7729999999999</v>
      </c>
      <c r="J1701">
        <v>1165.2349999999999</v>
      </c>
      <c r="K1701">
        <v>1173.8889999999999</v>
      </c>
      <c r="L1701">
        <v>1181.5350000000001</v>
      </c>
      <c r="M1701">
        <v>1164.7919999999999</v>
      </c>
      <c r="N1701">
        <v>1013.5650000000001</v>
      </c>
      <c r="O1701">
        <v>1049.4000000000001</v>
      </c>
      <c r="P1701">
        <v>0</v>
      </c>
      <c r="Q1701">
        <v>0</v>
      </c>
      <c r="R1701">
        <v>1122.6310000000001</v>
      </c>
      <c r="S1701">
        <v>0</v>
      </c>
      <c r="T1701">
        <v>1144.0229999999999</v>
      </c>
      <c r="U1701">
        <v>1160.306</v>
      </c>
      <c r="V1701">
        <v>1169.1089999999999</v>
      </c>
      <c r="W1701">
        <v>1189.9639999999999</v>
      </c>
      <c r="X1701">
        <v>1203.664</v>
      </c>
      <c r="Y1701">
        <v>1193.7840000000001</v>
      </c>
    </row>
    <row r="1702" spans="1:25" x14ac:dyDescent="0.3">
      <c r="A1702">
        <v>45.5499999989445</v>
      </c>
      <c r="B1702">
        <v>1036.0139999999999</v>
      </c>
      <c r="C1702">
        <v>1071.972</v>
      </c>
      <c r="D1702">
        <v>1070.4059999999999</v>
      </c>
      <c r="E1702">
        <v>1095.337</v>
      </c>
      <c r="F1702">
        <v>1106.2809999999999</v>
      </c>
      <c r="G1702">
        <v>1128.895</v>
      </c>
      <c r="H1702">
        <v>1154.5340000000001</v>
      </c>
      <c r="I1702">
        <v>1161.8779999999999</v>
      </c>
      <c r="J1702">
        <v>1165.2349999999999</v>
      </c>
      <c r="K1702">
        <v>1167.529</v>
      </c>
      <c r="L1702">
        <v>1176.549</v>
      </c>
      <c r="M1702">
        <v>1165.2929999999999</v>
      </c>
      <c r="N1702">
        <v>1009.708</v>
      </c>
      <c r="O1702">
        <v>1050.5640000000001</v>
      </c>
      <c r="P1702">
        <v>0</v>
      </c>
      <c r="Q1702">
        <v>0</v>
      </c>
      <c r="R1702">
        <v>1124.9659999999999</v>
      </c>
      <c r="S1702">
        <v>0</v>
      </c>
      <c r="T1702">
        <v>1144.175</v>
      </c>
      <c r="U1702">
        <v>1159.251</v>
      </c>
      <c r="V1702">
        <v>1165.3889999999999</v>
      </c>
      <c r="W1702">
        <v>1192.5809999999999</v>
      </c>
      <c r="X1702">
        <v>1201.248</v>
      </c>
      <c r="Y1702">
        <v>1193.8040000000001</v>
      </c>
    </row>
    <row r="1703" spans="1:25" x14ac:dyDescent="0.3">
      <c r="A1703">
        <v>45.583333340069899</v>
      </c>
      <c r="B1703">
        <v>1035.203</v>
      </c>
      <c r="C1703">
        <v>1069.4369999999999</v>
      </c>
      <c r="D1703">
        <v>1069.027</v>
      </c>
      <c r="E1703">
        <v>1095.694</v>
      </c>
      <c r="F1703">
        <v>1105.529</v>
      </c>
      <c r="G1703">
        <v>1125.972</v>
      </c>
      <c r="H1703">
        <v>1149.5360000000001</v>
      </c>
      <c r="I1703">
        <v>1162.76</v>
      </c>
      <c r="J1703">
        <v>1160.8040000000001</v>
      </c>
      <c r="K1703">
        <v>1165.4860000000001</v>
      </c>
      <c r="L1703">
        <v>1175.18</v>
      </c>
      <c r="M1703">
        <v>1162.875</v>
      </c>
      <c r="N1703">
        <v>1004.482</v>
      </c>
      <c r="O1703">
        <v>1056.3610000000001</v>
      </c>
      <c r="P1703">
        <v>0</v>
      </c>
      <c r="Q1703">
        <v>0</v>
      </c>
      <c r="R1703">
        <v>1121.46</v>
      </c>
      <c r="S1703">
        <v>0</v>
      </c>
      <c r="T1703">
        <v>1143.164</v>
      </c>
      <c r="U1703">
        <v>1159.309</v>
      </c>
      <c r="V1703">
        <v>1166.18</v>
      </c>
      <c r="W1703">
        <v>1192.9680000000001</v>
      </c>
      <c r="X1703">
        <v>1203.723</v>
      </c>
      <c r="Y1703">
        <v>1199.0070000000001</v>
      </c>
    </row>
    <row r="1704" spans="1:25" x14ac:dyDescent="0.3">
      <c r="A1704">
        <v>45.600000000155219</v>
      </c>
      <c r="B1704">
        <v>1038.1880000000001</v>
      </c>
      <c r="C1704">
        <v>1070.6880000000001</v>
      </c>
      <c r="D1704">
        <v>1067.855</v>
      </c>
      <c r="E1704">
        <v>1094.1579999999999</v>
      </c>
      <c r="F1704">
        <v>1104.1400000000001</v>
      </c>
      <c r="G1704">
        <v>1127.075</v>
      </c>
      <c r="H1704">
        <v>1149.29</v>
      </c>
      <c r="I1704">
        <v>1162.8579999999999</v>
      </c>
      <c r="J1704">
        <v>1167.415</v>
      </c>
      <c r="K1704">
        <v>1173.3130000000001</v>
      </c>
      <c r="L1704">
        <v>1179.5029999999999</v>
      </c>
      <c r="M1704">
        <v>1161.6310000000001</v>
      </c>
      <c r="N1704">
        <v>1008.723</v>
      </c>
      <c r="O1704">
        <v>1064.326</v>
      </c>
      <c r="P1704">
        <v>0</v>
      </c>
      <c r="Q1704">
        <v>0</v>
      </c>
      <c r="R1704">
        <v>1123.26</v>
      </c>
      <c r="S1704">
        <v>0</v>
      </c>
      <c r="T1704">
        <v>1143.8530000000001</v>
      </c>
      <c r="U1704">
        <v>1159.1579999999999</v>
      </c>
      <c r="V1704">
        <v>1166.452</v>
      </c>
      <c r="W1704">
        <v>1192.1569999999999</v>
      </c>
      <c r="X1704">
        <v>1202.9849999999999</v>
      </c>
      <c r="Y1704">
        <v>1197.704</v>
      </c>
    </row>
    <row r="1705" spans="1:25" x14ac:dyDescent="0.3">
      <c r="A1705">
        <v>45.633333330803239</v>
      </c>
      <c r="B1705">
        <v>1041.952</v>
      </c>
      <c r="C1705">
        <v>1070.0909999999999</v>
      </c>
      <c r="D1705">
        <v>1068.768</v>
      </c>
      <c r="E1705">
        <v>1096.787</v>
      </c>
      <c r="F1705">
        <v>1110.0119999999999</v>
      </c>
      <c r="G1705">
        <v>1131.6300000000001</v>
      </c>
      <c r="H1705">
        <v>1149.7860000000001</v>
      </c>
      <c r="I1705">
        <v>1163.528</v>
      </c>
      <c r="J1705">
        <v>1168.2819999999999</v>
      </c>
      <c r="K1705">
        <v>1175.336</v>
      </c>
      <c r="L1705">
        <v>1183.4159999999999</v>
      </c>
      <c r="M1705">
        <v>1163.183</v>
      </c>
      <c r="N1705">
        <v>1008.705</v>
      </c>
      <c r="O1705">
        <v>1060.7059999999999</v>
      </c>
      <c r="P1705">
        <v>0</v>
      </c>
      <c r="Q1705">
        <v>0</v>
      </c>
      <c r="R1705">
        <v>1123.4870000000001</v>
      </c>
      <c r="S1705">
        <v>0</v>
      </c>
      <c r="T1705">
        <v>1141.9639999999999</v>
      </c>
      <c r="U1705">
        <v>1155.7439999999999</v>
      </c>
      <c r="V1705">
        <v>1159.521</v>
      </c>
      <c r="W1705">
        <v>1186.1099999999999</v>
      </c>
      <c r="X1705">
        <v>1202.809</v>
      </c>
      <c r="Y1705">
        <v>1193.164</v>
      </c>
    </row>
    <row r="1706" spans="1:25" x14ac:dyDescent="0.3">
      <c r="A1706">
        <v>45.666666671928638</v>
      </c>
      <c r="B1706">
        <v>1039.5319999999999</v>
      </c>
      <c r="C1706">
        <v>1070.9670000000001</v>
      </c>
      <c r="D1706">
        <v>1070.501</v>
      </c>
      <c r="E1706">
        <v>1096.1659999999999</v>
      </c>
      <c r="F1706">
        <v>1107.75</v>
      </c>
      <c r="G1706">
        <v>1128.0619999999999</v>
      </c>
      <c r="H1706">
        <v>1147.172</v>
      </c>
      <c r="I1706">
        <v>1157.9110000000001</v>
      </c>
      <c r="J1706">
        <v>1161.2280000000001</v>
      </c>
      <c r="K1706">
        <v>1173.4860000000001</v>
      </c>
      <c r="L1706">
        <v>1182.3510000000001</v>
      </c>
      <c r="M1706">
        <v>1162.704</v>
      </c>
      <c r="N1706">
        <v>1010.7329999999999</v>
      </c>
      <c r="O1706">
        <v>1057.124</v>
      </c>
      <c r="P1706">
        <v>0</v>
      </c>
      <c r="Q1706">
        <v>0</v>
      </c>
      <c r="R1706">
        <v>1124.2460000000001</v>
      </c>
      <c r="S1706">
        <v>0</v>
      </c>
      <c r="T1706">
        <v>1142.365</v>
      </c>
      <c r="U1706">
        <v>1157.431</v>
      </c>
      <c r="V1706">
        <v>1163.778</v>
      </c>
      <c r="W1706">
        <v>1185.8</v>
      </c>
      <c r="X1706">
        <v>1203.1790000000001</v>
      </c>
      <c r="Y1706">
        <v>1192.5820000000001</v>
      </c>
    </row>
    <row r="1707" spans="1:25" x14ac:dyDescent="0.3">
      <c r="A1707">
        <v>45.683333332013959</v>
      </c>
      <c r="B1707">
        <v>1042.615</v>
      </c>
      <c r="C1707">
        <v>1072.289</v>
      </c>
      <c r="D1707">
        <v>1073.799</v>
      </c>
      <c r="E1707">
        <v>1095.8820000000001</v>
      </c>
      <c r="F1707">
        <v>1107.4659999999999</v>
      </c>
      <c r="G1707">
        <v>1126.845</v>
      </c>
      <c r="H1707">
        <v>1143.0309999999999</v>
      </c>
      <c r="I1707">
        <v>1159.711</v>
      </c>
      <c r="J1707">
        <v>1162.913</v>
      </c>
      <c r="K1707">
        <v>1171.268</v>
      </c>
      <c r="L1707">
        <v>1175.72</v>
      </c>
      <c r="M1707">
        <v>1161.3789999999999</v>
      </c>
      <c r="N1707">
        <v>1011.078</v>
      </c>
      <c r="O1707">
        <v>1062.3009999999999</v>
      </c>
      <c r="P1707">
        <v>0</v>
      </c>
      <c r="Q1707">
        <v>0</v>
      </c>
      <c r="R1707">
        <v>1126.124</v>
      </c>
      <c r="S1707">
        <v>0</v>
      </c>
      <c r="T1707">
        <v>1144.8430000000001</v>
      </c>
      <c r="U1707">
        <v>1160.421</v>
      </c>
      <c r="V1707">
        <v>1168.4349999999999</v>
      </c>
      <c r="W1707">
        <v>1194.038</v>
      </c>
      <c r="X1707">
        <v>1203.567</v>
      </c>
      <c r="Y1707">
        <v>1195.0709999999999</v>
      </c>
    </row>
    <row r="1708" spans="1:25" x14ac:dyDescent="0.3">
      <c r="A1708">
        <v>45.716666673139358</v>
      </c>
      <c r="B1708">
        <v>1046.777</v>
      </c>
      <c r="C1708">
        <v>1072.2170000000001</v>
      </c>
      <c r="D1708">
        <v>1074.0999999999999</v>
      </c>
      <c r="E1708">
        <v>1099.8340000000001</v>
      </c>
      <c r="F1708">
        <v>1109.3330000000001</v>
      </c>
      <c r="G1708">
        <v>1127.645</v>
      </c>
      <c r="H1708">
        <v>1145.5129999999999</v>
      </c>
      <c r="I1708">
        <v>1164.239</v>
      </c>
      <c r="J1708">
        <v>1166.895</v>
      </c>
      <c r="K1708">
        <v>1174.817</v>
      </c>
      <c r="L1708">
        <v>1180.568</v>
      </c>
      <c r="M1708">
        <v>1160.5</v>
      </c>
      <c r="N1708">
        <v>1013.641</v>
      </c>
      <c r="O1708">
        <v>1062.5999999999999</v>
      </c>
      <c r="P1708">
        <v>0</v>
      </c>
      <c r="Q1708">
        <v>0</v>
      </c>
      <c r="R1708">
        <v>1120.895</v>
      </c>
      <c r="S1708">
        <v>0</v>
      </c>
      <c r="T1708">
        <v>1140.82</v>
      </c>
      <c r="U1708">
        <v>1156.0899999999999</v>
      </c>
      <c r="V1708">
        <v>1165.835</v>
      </c>
      <c r="W1708">
        <v>1194.9559999999999</v>
      </c>
      <c r="X1708">
        <v>1199.1849999999999</v>
      </c>
      <c r="Y1708">
        <v>1197.3530000000001</v>
      </c>
    </row>
    <row r="1709" spans="1:25" x14ac:dyDescent="0.3">
      <c r="A1709">
        <v>45.733333333224678</v>
      </c>
      <c r="B1709">
        <v>1038.298</v>
      </c>
      <c r="C1709">
        <v>1072.104</v>
      </c>
      <c r="D1709">
        <v>1075.1610000000001</v>
      </c>
      <c r="E1709">
        <v>1099.5129999999999</v>
      </c>
      <c r="F1709">
        <v>1107.712</v>
      </c>
      <c r="G1709">
        <v>1125.992</v>
      </c>
      <c r="H1709">
        <v>1143.681</v>
      </c>
      <c r="I1709">
        <v>1162.857</v>
      </c>
      <c r="J1709">
        <v>1161.8989999999999</v>
      </c>
      <c r="K1709">
        <v>1170.537</v>
      </c>
      <c r="L1709">
        <v>1177.6690000000001</v>
      </c>
      <c r="M1709">
        <v>1161.3810000000001</v>
      </c>
      <c r="N1709">
        <v>1010.806</v>
      </c>
      <c r="O1709">
        <v>1058.646</v>
      </c>
      <c r="P1709">
        <v>0</v>
      </c>
      <c r="Q1709">
        <v>0</v>
      </c>
      <c r="R1709">
        <v>1120.7809999999999</v>
      </c>
      <c r="S1709">
        <v>0</v>
      </c>
      <c r="T1709">
        <v>1137.8820000000001</v>
      </c>
      <c r="U1709">
        <v>1154.7280000000001</v>
      </c>
      <c r="V1709">
        <v>1163.068</v>
      </c>
      <c r="W1709">
        <v>1186.3420000000001</v>
      </c>
      <c r="X1709">
        <v>1198.249</v>
      </c>
      <c r="Y1709">
        <v>1196.4169999999999</v>
      </c>
    </row>
    <row r="1710" spans="1:25" x14ac:dyDescent="0.3">
      <c r="A1710">
        <v>45.766666663872698</v>
      </c>
      <c r="B1710">
        <v>1037.2860000000001</v>
      </c>
      <c r="C1710">
        <v>1070.222</v>
      </c>
      <c r="D1710">
        <v>1069.7370000000001</v>
      </c>
      <c r="E1710">
        <v>1096.674</v>
      </c>
      <c r="F1710">
        <v>1104.6849999999999</v>
      </c>
      <c r="G1710">
        <v>1123.866</v>
      </c>
      <c r="H1710">
        <v>1144.2529999999999</v>
      </c>
      <c r="I1710">
        <v>1152.2929999999999</v>
      </c>
      <c r="J1710">
        <v>1153.136</v>
      </c>
      <c r="K1710">
        <v>1165.3330000000001</v>
      </c>
      <c r="L1710">
        <v>1171.25</v>
      </c>
      <c r="M1710">
        <v>1156.0319999999999</v>
      </c>
      <c r="N1710">
        <v>1010.696</v>
      </c>
      <c r="O1710">
        <v>1056.549</v>
      </c>
      <c r="P1710">
        <v>0</v>
      </c>
      <c r="Q1710">
        <v>0</v>
      </c>
      <c r="R1710">
        <v>1121.348</v>
      </c>
      <c r="S1710">
        <v>0</v>
      </c>
      <c r="T1710">
        <v>1139.866</v>
      </c>
      <c r="U1710">
        <v>1156.645</v>
      </c>
      <c r="V1710">
        <v>1166.027</v>
      </c>
      <c r="W1710">
        <v>1193.962</v>
      </c>
      <c r="X1710">
        <v>1199.886</v>
      </c>
      <c r="Y1710">
        <v>1194.663</v>
      </c>
    </row>
    <row r="1711" spans="1:25" x14ac:dyDescent="0.3">
      <c r="A1711">
        <v>45.800000004998097</v>
      </c>
      <c r="B1711">
        <v>1039.367</v>
      </c>
      <c r="C1711">
        <v>1069.5329999999999</v>
      </c>
      <c r="D1711">
        <v>1067.1289999999999</v>
      </c>
      <c r="E1711">
        <v>1094.289</v>
      </c>
      <c r="F1711">
        <v>1103.2</v>
      </c>
      <c r="G1711">
        <v>1122.7470000000001</v>
      </c>
      <c r="H1711">
        <v>1145.2650000000001</v>
      </c>
      <c r="I1711">
        <v>1156.492</v>
      </c>
      <c r="J1711">
        <v>1159.33</v>
      </c>
      <c r="K1711">
        <v>1174.1420000000001</v>
      </c>
      <c r="L1711">
        <v>1180.0060000000001</v>
      </c>
      <c r="M1711">
        <v>1161.3620000000001</v>
      </c>
      <c r="N1711">
        <v>1013.439</v>
      </c>
      <c r="O1711">
        <v>1052.0640000000001</v>
      </c>
      <c r="P1711">
        <v>0</v>
      </c>
      <c r="Q1711">
        <v>0</v>
      </c>
      <c r="R1711">
        <v>1120.7819999999999</v>
      </c>
      <c r="S1711">
        <v>0</v>
      </c>
      <c r="T1711">
        <v>1141.163</v>
      </c>
      <c r="U1711">
        <v>1157.451</v>
      </c>
      <c r="V1711">
        <v>1166.201</v>
      </c>
      <c r="W1711">
        <v>1193.6110000000001</v>
      </c>
      <c r="X1711">
        <v>1202.4000000000001</v>
      </c>
      <c r="Y1711">
        <v>1191.595</v>
      </c>
    </row>
    <row r="1712" spans="1:25" x14ac:dyDescent="0.3">
      <c r="A1712">
        <v>45.816666665083417</v>
      </c>
      <c r="B1712">
        <v>1038.3150000000001</v>
      </c>
      <c r="C1712">
        <v>1068.691</v>
      </c>
      <c r="D1712">
        <v>1068.095</v>
      </c>
      <c r="E1712">
        <v>1095.356</v>
      </c>
      <c r="F1712">
        <v>1106.6199999999999</v>
      </c>
      <c r="G1712">
        <v>1126.162</v>
      </c>
      <c r="H1712">
        <v>1150.623</v>
      </c>
      <c r="I1712">
        <v>1160.114</v>
      </c>
      <c r="J1712">
        <v>1162.511</v>
      </c>
      <c r="K1712">
        <v>1171.345</v>
      </c>
      <c r="L1712">
        <v>1180.702</v>
      </c>
      <c r="M1712">
        <v>1163.9490000000001</v>
      </c>
      <c r="N1712">
        <v>1014.354</v>
      </c>
      <c r="O1712">
        <v>1052.4680000000001</v>
      </c>
      <c r="P1712">
        <v>0</v>
      </c>
      <c r="Q1712">
        <v>0</v>
      </c>
      <c r="R1712">
        <v>1123.6179999999999</v>
      </c>
      <c r="S1712">
        <v>0</v>
      </c>
      <c r="T1712">
        <v>1146.617</v>
      </c>
      <c r="U1712">
        <v>1161.2070000000001</v>
      </c>
      <c r="V1712">
        <v>1166.0250000000001</v>
      </c>
      <c r="W1712">
        <v>1189.325</v>
      </c>
      <c r="X1712">
        <v>1201.9690000000001</v>
      </c>
      <c r="Y1712">
        <v>1194.3879999999999</v>
      </c>
    </row>
    <row r="1713" spans="1:25" x14ac:dyDescent="0.3">
      <c r="A1713">
        <v>45.850000006208816</v>
      </c>
      <c r="B1713">
        <v>1027.6569999999999</v>
      </c>
      <c r="C1713">
        <v>1067.222</v>
      </c>
      <c r="D1713">
        <v>1065.941</v>
      </c>
      <c r="E1713">
        <v>1091.761</v>
      </c>
      <c r="F1713">
        <v>1102.5419999999999</v>
      </c>
      <c r="G1713">
        <v>1128.8969999999999</v>
      </c>
      <c r="H1713">
        <v>1143.9110000000001</v>
      </c>
      <c r="I1713">
        <v>1153.329</v>
      </c>
      <c r="J1713">
        <v>1159.3109999999999</v>
      </c>
      <c r="K1713">
        <v>1167.4349999999999</v>
      </c>
      <c r="L1713">
        <v>1179.5409999999999</v>
      </c>
      <c r="M1713">
        <v>1164.9100000000001</v>
      </c>
      <c r="N1713">
        <v>1016.263</v>
      </c>
      <c r="O1713">
        <v>1049.0319999999999</v>
      </c>
      <c r="P1713">
        <v>0</v>
      </c>
      <c r="Q1713">
        <v>0</v>
      </c>
      <c r="R1713">
        <v>1123.4870000000001</v>
      </c>
      <c r="S1713">
        <v>0</v>
      </c>
      <c r="T1713">
        <v>1146.162</v>
      </c>
      <c r="U1713">
        <v>1158.4290000000001</v>
      </c>
      <c r="V1713">
        <v>1161.5730000000001</v>
      </c>
      <c r="W1713">
        <v>1187.2539999999999</v>
      </c>
      <c r="X1713">
        <v>1196.749</v>
      </c>
      <c r="Y1713">
        <v>1190.451</v>
      </c>
    </row>
    <row r="1714" spans="1:25" x14ac:dyDescent="0.3">
      <c r="A1714">
        <v>45.883333336856836</v>
      </c>
      <c r="B1714">
        <v>1028.8910000000001</v>
      </c>
      <c r="C1714">
        <v>1066.5909999999999</v>
      </c>
      <c r="D1714">
        <v>1065.7</v>
      </c>
      <c r="E1714">
        <v>1090.713</v>
      </c>
      <c r="F1714">
        <v>1102.297</v>
      </c>
      <c r="G1714">
        <v>1130.492</v>
      </c>
      <c r="H1714">
        <v>1141.6590000000001</v>
      </c>
      <c r="I1714">
        <v>1150.3209999999999</v>
      </c>
      <c r="J1714">
        <v>1162.2059999999999</v>
      </c>
      <c r="K1714">
        <v>1170.865</v>
      </c>
      <c r="L1714">
        <v>1183.4939999999999</v>
      </c>
      <c r="M1714">
        <v>1167.049</v>
      </c>
      <c r="N1714">
        <v>1011.957</v>
      </c>
      <c r="O1714">
        <v>1050.067</v>
      </c>
      <c r="P1714">
        <v>0</v>
      </c>
      <c r="Q1714">
        <v>0</v>
      </c>
      <c r="R1714">
        <v>1118.723</v>
      </c>
      <c r="S1714">
        <v>0</v>
      </c>
      <c r="T1714">
        <v>1144.4639999999999</v>
      </c>
      <c r="U1714">
        <v>1160.711</v>
      </c>
      <c r="V1714">
        <v>1164.7560000000001</v>
      </c>
      <c r="W1714">
        <v>1185.8389999999999</v>
      </c>
      <c r="X1714">
        <v>1197.7819999999999</v>
      </c>
      <c r="Y1714">
        <v>1188.145</v>
      </c>
    </row>
    <row r="1715" spans="1:25" x14ac:dyDescent="0.3">
      <c r="A1715">
        <v>45.899999996942157</v>
      </c>
      <c r="B1715">
        <v>1019.143</v>
      </c>
      <c r="C1715">
        <v>1065.4960000000001</v>
      </c>
      <c r="D1715">
        <v>1065.83</v>
      </c>
      <c r="E1715">
        <v>1092.998</v>
      </c>
      <c r="F1715">
        <v>1102.0719999999999</v>
      </c>
      <c r="G1715">
        <v>1132.751</v>
      </c>
      <c r="H1715">
        <v>1139.008</v>
      </c>
      <c r="I1715">
        <v>1148.6420000000001</v>
      </c>
      <c r="J1715">
        <v>1159.0619999999999</v>
      </c>
      <c r="K1715">
        <v>1168.6880000000001</v>
      </c>
      <c r="L1715">
        <v>1184.038</v>
      </c>
      <c r="M1715">
        <v>1170.095</v>
      </c>
      <c r="N1715">
        <v>1010.6420000000001</v>
      </c>
      <c r="O1715">
        <v>1051.3989999999999</v>
      </c>
      <c r="P1715">
        <v>0</v>
      </c>
      <c r="Q1715">
        <v>0</v>
      </c>
      <c r="R1715">
        <v>1124.2660000000001</v>
      </c>
      <c r="S1715">
        <v>0</v>
      </c>
      <c r="T1715">
        <v>1150.4929999999999</v>
      </c>
      <c r="U1715">
        <v>1167.069</v>
      </c>
      <c r="V1715">
        <v>1169.0540000000001</v>
      </c>
      <c r="W1715">
        <v>1191.1300000000001</v>
      </c>
      <c r="X1715">
        <v>1203.998</v>
      </c>
      <c r="Y1715">
        <v>1187.4100000000001</v>
      </c>
    </row>
    <row r="1716" spans="1:25" x14ac:dyDescent="0.3">
      <c r="A1716">
        <v>45.933333338067555</v>
      </c>
      <c r="B1716">
        <v>1018.171</v>
      </c>
      <c r="C1716">
        <v>1065.2539999999999</v>
      </c>
      <c r="D1716">
        <v>1063.6769999999999</v>
      </c>
      <c r="E1716">
        <v>1095.057</v>
      </c>
      <c r="F1716">
        <v>1107.0360000000001</v>
      </c>
      <c r="G1716">
        <v>1135.086</v>
      </c>
      <c r="H1716">
        <v>1145.4369999999999</v>
      </c>
      <c r="I1716">
        <v>1154.8430000000001</v>
      </c>
      <c r="J1716">
        <v>1165.18</v>
      </c>
      <c r="K1716">
        <v>1171.29</v>
      </c>
      <c r="L1716">
        <v>1182.2539999999999</v>
      </c>
      <c r="M1716">
        <v>1165.0450000000001</v>
      </c>
      <c r="N1716">
        <v>1008.504</v>
      </c>
      <c r="O1716">
        <v>1054.192</v>
      </c>
      <c r="P1716">
        <v>0</v>
      </c>
      <c r="Q1716">
        <v>0</v>
      </c>
      <c r="R1716">
        <v>1125.424</v>
      </c>
      <c r="S1716">
        <v>0</v>
      </c>
      <c r="T1716">
        <v>1152.2170000000001</v>
      </c>
      <c r="U1716">
        <v>1165.835</v>
      </c>
      <c r="V1716">
        <v>1168.6099999999999</v>
      </c>
      <c r="W1716">
        <v>1192.8150000000001</v>
      </c>
      <c r="X1716">
        <v>1203.1020000000001</v>
      </c>
      <c r="Y1716">
        <v>1184.7729999999999</v>
      </c>
    </row>
    <row r="1717" spans="1:25" x14ac:dyDescent="0.3">
      <c r="A1717">
        <v>45.949999998152876</v>
      </c>
      <c r="B1717">
        <v>1024.3320000000001</v>
      </c>
      <c r="C1717">
        <v>1067.0540000000001</v>
      </c>
      <c r="D1717">
        <v>1065.885</v>
      </c>
      <c r="E1717">
        <v>1094.681</v>
      </c>
      <c r="F1717">
        <v>1109.634</v>
      </c>
      <c r="G1717">
        <v>1136.0340000000001</v>
      </c>
      <c r="H1717">
        <v>1147.5350000000001</v>
      </c>
      <c r="I1717">
        <v>1164.2950000000001</v>
      </c>
      <c r="J1717">
        <v>1169.0530000000001</v>
      </c>
      <c r="K1717">
        <v>1175.433</v>
      </c>
      <c r="L1717">
        <v>1182.816</v>
      </c>
      <c r="M1717">
        <v>1164.1420000000001</v>
      </c>
      <c r="N1717">
        <v>1011.518</v>
      </c>
      <c r="O1717">
        <v>1055.9359999999999</v>
      </c>
      <c r="P1717">
        <v>0</v>
      </c>
      <c r="Q1717">
        <v>0</v>
      </c>
      <c r="R1717">
        <v>1124.3409999999999</v>
      </c>
      <c r="S1717">
        <v>0</v>
      </c>
      <c r="T1717">
        <v>1153.06</v>
      </c>
      <c r="U1717">
        <v>1170.1320000000001</v>
      </c>
      <c r="V1717">
        <v>1172.9849999999999</v>
      </c>
      <c r="W1717">
        <v>1194.624</v>
      </c>
      <c r="X1717">
        <v>1198.6969999999999</v>
      </c>
      <c r="Y1717">
        <v>1190.296</v>
      </c>
    </row>
    <row r="1718" spans="1:25" x14ac:dyDescent="0.3">
      <c r="A1718">
        <v>45.983333339278275</v>
      </c>
      <c r="B1718">
        <v>1016.282</v>
      </c>
      <c r="C1718">
        <v>1069.011</v>
      </c>
      <c r="D1718">
        <v>1066.5730000000001</v>
      </c>
      <c r="E1718">
        <v>1094.9259999999999</v>
      </c>
      <c r="F1718">
        <v>1107.1679999999999</v>
      </c>
      <c r="G1718">
        <v>1130.2270000000001</v>
      </c>
      <c r="H1718">
        <v>1144.617</v>
      </c>
      <c r="I1718">
        <v>1164.047</v>
      </c>
      <c r="J1718">
        <v>1170.538</v>
      </c>
      <c r="K1718">
        <v>1173.5840000000001</v>
      </c>
      <c r="L1718">
        <v>1185.297</v>
      </c>
      <c r="M1718">
        <v>1161.075</v>
      </c>
      <c r="N1718">
        <v>1014.393</v>
      </c>
      <c r="O1718">
        <v>1053.7660000000001</v>
      </c>
      <c r="P1718">
        <v>0</v>
      </c>
      <c r="Q1718">
        <v>0</v>
      </c>
      <c r="R1718">
        <v>1126.0889999999999</v>
      </c>
      <c r="S1718">
        <v>0</v>
      </c>
      <c r="T1718">
        <v>1149.615</v>
      </c>
      <c r="U1718">
        <v>1167.57</v>
      </c>
      <c r="V1718">
        <v>1172.3309999999999</v>
      </c>
      <c r="W1718">
        <v>1195.0150000000001</v>
      </c>
      <c r="X1718">
        <v>1198.211</v>
      </c>
      <c r="Y1718">
        <v>1192.4090000000001</v>
      </c>
    </row>
    <row r="1719" spans="1:25" x14ac:dyDescent="0.3">
      <c r="A1719">
        <v>46.016666669926295</v>
      </c>
      <c r="B1719">
        <v>1019.675</v>
      </c>
      <c r="C1719">
        <v>1069.682</v>
      </c>
      <c r="D1719">
        <v>1068.2840000000001</v>
      </c>
      <c r="E1719">
        <v>1096.9749999999999</v>
      </c>
      <c r="F1719">
        <v>1107.318</v>
      </c>
      <c r="G1719">
        <v>1128.8019999999999</v>
      </c>
      <c r="H1719">
        <v>1143.586</v>
      </c>
      <c r="I1719">
        <v>1160.941</v>
      </c>
      <c r="J1719">
        <v>1164.7950000000001</v>
      </c>
      <c r="K1719">
        <v>1167.8589999999999</v>
      </c>
      <c r="L1719">
        <v>1178.325</v>
      </c>
      <c r="M1719">
        <v>1159.771</v>
      </c>
      <c r="N1719">
        <v>1019.051</v>
      </c>
      <c r="O1719">
        <v>1050.4369999999999</v>
      </c>
      <c r="P1719">
        <v>0</v>
      </c>
      <c r="Q1719">
        <v>0</v>
      </c>
      <c r="R1719">
        <v>1129.3340000000001</v>
      </c>
      <c r="S1719">
        <v>0</v>
      </c>
      <c r="T1719">
        <v>1154.8630000000001</v>
      </c>
      <c r="U1719">
        <v>1180.8399999999999</v>
      </c>
      <c r="V1719">
        <v>1178.5170000000001</v>
      </c>
      <c r="W1719">
        <v>1196.5930000000001</v>
      </c>
      <c r="X1719">
        <v>1201.0360000000001</v>
      </c>
      <c r="Y1719">
        <v>1194.04</v>
      </c>
    </row>
    <row r="1720" spans="1:25" x14ac:dyDescent="0.3">
      <c r="A1720">
        <v>46.033333330011615</v>
      </c>
      <c r="B1720">
        <v>1013.035</v>
      </c>
      <c r="C1720">
        <v>1068.991</v>
      </c>
      <c r="D1720">
        <v>1065.309</v>
      </c>
      <c r="E1720">
        <v>1095.452</v>
      </c>
      <c r="F1720">
        <v>1107.6369999999999</v>
      </c>
      <c r="G1720">
        <v>1127.037</v>
      </c>
      <c r="H1720">
        <v>1143.586</v>
      </c>
      <c r="I1720">
        <v>1161.3810000000001</v>
      </c>
      <c r="J1720">
        <v>1168.9179999999999</v>
      </c>
      <c r="K1720">
        <v>1172.4449999999999</v>
      </c>
      <c r="L1720">
        <v>1181.711</v>
      </c>
      <c r="M1720">
        <v>1158.8499999999999</v>
      </c>
      <c r="N1720">
        <v>1012.048</v>
      </c>
      <c r="O1720">
        <v>1050.751</v>
      </c>
      <c r="P1720">
        <v>0</v>
      </c>
      <c r="Q1720">
        <v>0</v>
      </c>
      <c r="R1720">
        <v>1126.4480000000001</v>
      </c>
      <c r="S1720">
        <v>0</v>
      </c>
      <c r="T1720">
        <v>1152.0429999999999</v>
      </c>
      <c r="U1720">
        <v>1171.193</v>
      </c>
      <c r="V1720">
        <v>1171.231</v>
      </c>
      <c r="W1720">
        <v>1193.884</v>
      </c>
      <c r="X1720">
        <v>1195.7149999999999</v>
      </c>
      <c r="Y1720">
        <v>1194.078</v>
      </c>
    </row>
    <row r="1721" spans="1:25" x14ac:dyDescent="0.3">
      <c r="A1721">
        <v>46.066666671137014</v>
      </c>
      <c r="B1721">
        <v>1022.957</v>
      </c>
      <c r="C1721">
        <v>1066.72</v>
      </c>
      <c r="D1721">
        <v>1063.9179999999999</v>
      </c>
      <c r="E1721">
        <v>1095.1510000000001</v>
      </c>
      <c r="F1721">
        <v>1108.4839999999999</v>
      </c>
      <c r="G1721">
        <v>1129.125</v>
      </c>
      <c r="H1721">
        <v>1147.192</v>
      </c>
      <c r="I1721">
        <v>1162.7239999999999</v>
      </c>
      <c r="J1721">
        <v>1167.223</v>
      </c>
      <c r="K1721">
        <v>1170.865</v>
      </c>
      <c r="L1721">
        <v>1179.4639999999999</v>
      </c>
      <c r="M1721">
        <v>1157.451</v>
      </c>
      <c r="N1721">
        <v>1000.41</v>
      </c>
      <c r="O1721">
        <v>1059.7049999999999</v>
      </c>
      <c r="P1721">
        <v>0</v>
      </c>
      <c r="Q1721">
        <v>0</v>
      </c>
      <c r="R1721">
        <v>1121.2159999999999</v>
      </c>
      <c r="S1721">
        <v>0</v>
      </c>
      <c r="T1721">
        <v>1145.3409999999999</v>
      </c>
      <c r="U1721">
        <v>1166.259</v>
      </c>
      <c r="V1721">
        <v>1171.579</v>
      </c>
      <c r="W1721">
        <v>1194.508</v>
      </c>
      <c r="X1721">
        <v>1197.8989999999999</v>
      </c>
      <c r="Y1721">
        <v>1195.7739999999999</v>
      </c>
    </row>
    <row r="1722" spans="1:25" x14ac:dyDescent="0.3">
      <c r="A1722">
        <v>46.083333331222335</v>
      </c>
      <c r="B1722">
        <v>1028.7439999999999</v>
      </c>
      <c r="C1722">
        <v>1065.7929999999999</v>
      </c>
      <c r="D1722">
        <v>1064.03</v>
      </c>
      <c r="E1722">
        <v>1094.57</v>
      </c>
      <c r="F1722">
        <v>1105.1369999999999</v>
      </c>
      <c r="G1722">
        <v>1126.5440000000001</v>
      </c>
      <c r="H1722">
        <v>1147.46</v>
      </c>
      <c r="I1722">
        <v>1160.865</v>
      </c>
      <c r="J1722">
        <v>1162.8779999999999</v>
      </c>
      <c r="K1722">
        <v>1169.1120000000001</v>
      </c>
      <c r="L1722">
        <v>1178.903</v>
      </c>
      <c r="M1722">
        <v>1156.838</v>
      </c>
      <c r="N1722">
        <v>997.56799999999998</v>
      </c>
      <c r="O1722">
        <v>1057.107</v>
      </c>
      <c r="P1722">
        <v>0</v>
      </c>
      <c r="Q1722">
        <v>0</v>
      </c>
      <c r="R1722">
        <v>1118.912</v>
      </c>
      <c r="S1722">
        <v>0</v>
      </c>
      <c r="T1722">
        <v>1139.027</v>
      </c>
      <c r="U1722">
        <v>1157.011</v>
      </c>
      <c r="V1722">
        <v>1161.9380000000001</v>
      </c>
      <c r="W1722">
        <v>1190.0060000000001</v>
      </c>
      <c r="X1722">
        <v>1198.4059999999999</v>
      </c>
      <c r="Y1722">
        <v>1194.8589999999999</v>
      </c>
    </row>
    <row r="1723" spans="1:25" x14ac:dyDescent="0.3">
      <c r="A1723">
        <v>46.116666672347733</v>
      </c>
      <c r="B1723">
        <v>1014.54</v>
      </c>
      <c r="C1723">
        <v>1061.3009999999999</v>
      </c>
      <c r="D1723">
        <v>1057.923</v>
      </c>
      <c r="E1723">
        <v>1092.96</v>
      </c>
      <c r="F1723">
        <v>1101.433</v>
      </c>
      <c r="G1723">
        <v>1122.558</v>
      </c>
      <c r="H1723">
        <v>1140.6489999999999</v>
      </c>
      <c r="I1723">
        <v>1155.2280000000001</v>
      </c>
      <c r="J1723">
        <v>1155.3810000000001</v>
      </c>
      <c r="K1723">
        <v>1165.296</v>
      </c>
      <c r="L1723">
        <v>1175.376</v>
      </c>
      <c r="M1723">
        <v>1156.4159999999999</v>
      </c>
      <c r="N1723">
        <v>997.404</v>
      </c>
      <c r="O1723">
        <v>1057.107</v>
      </c>
      <c r="P1723">
        <v>0</v>
      </c>
      <c r="Q1723">
        <v>0</v>
      </c>
      <c r="R1723">
        <v>1118.5150000000001</v>
      </c>
      <c r="S1723">
        <v>0</v>
      </c>
      <c r="T1723">
        <v>1134.5360000000001</v>
      </c>
      <c r="U1723">
        <v>1151.7760000000001</v>
      </c>
      <c r="V1723">
        <v>1155.5340000000001</v>
      </c>
      <c r="W1723">
        <v>1184.7929999999999</v>
      </c>
      <c r="X1723">
        <v>1199.867</v>
      </c>
      <c r="Y1723">
        <v>1191.905</v>
      </c>
    </row>
    <row r="1724" spans="1:25" x14ac:dyDescent="0.3">
      <c r="A1724">
        <v>46.150000002995753</v>
      </c>
      <c r="B1724">
        <v>1017.5839999999999</v>
      </c>
      <c r="C1724">
        <v>1061.097</v>
      </c>
      <c r="D1724">
        <v>1060.9110000000001</v>
      </c>
      <c r="E1724">
        <v>1092.566</v>
      </c>
      <c r="F1724">
        <v>1101.2059999999999</v>
      </c>
      <c r="G1724">
        <v>1120.1210000000001</v>
      </c>
      <c r="H1724">
        <v>1141.183</v>
      </c>
      <c r="I1724">
        <v>1155.1120000000001</v>
      </c>
      <c r="J1724">
        <v>1160.04</v>
      </c>
      <c r="K1724">
        <v>1173.1400000000001</v>
      </c>
      <c r="L1724">
        <v>1183.4359999999999</v>
      </c>
      <c r="M1724">
        <v>1163.203</v>
      </c>
      <c r="N1724">
        <v>1000.502</v>
      </c>
      <c r="O1724">
        <v>1057.403</v>
      </c>
      <c r="P1724">
        <v>0</v>
      </c>
      <c r="Q1724">
        <v>0</v>
      </c>
      <c r="R1724">
        <v>1121.953</v>
      </c>
      <c r="S1724">
        <v>0</v>
      </c>
      <c r="T1724">
        <v>1141.259</v>
      </c>
      <c r="U1724">
        <v>1158.5060000000001</v>
      </c>
      <c r="V1724">
        <v>1159.5029999999999</v>
      </c>
      <c r="W1724">
        <v>1188.01</v>
      </c>
      <c r="X1724">
        <v>1206.356</v>
      </c>
      <c r="Y1724">
        <v>1198.5219999999999</v>
      </c>
    </row>
    <row r="1725" spans="1:25" x14ac:dyDescent="0.3">
      <c r="A1725">
        <v>46.166666663081074</v>
      </c>
      <c r="B1725">
        <v>1022.4829999999999</v>
      </c>
      <c r="C1725">
        <v>1065.0160000000001</v>
      </c>
      <c r="D1725">
        <v>1062.9369999999999</v>
      </c>
      <c r="E1725">
        <v>1092.925</v>
      </c>
      <c r="F1725">
        <v>1103.4469999999999</v>
      </c>
      <c r="G1725">
        <v>1121.635</v>
      </c>
      <c r="H1725">
        <v>1147.92</v>
      </c>
      <c r="I1725">
        <v>1156.8019999999999</v>
      </c>
      <c r="J1725">
        <v>1166.3779999999999</v>
      </c>
      <c r="K1725">
        <v>1174.55</v>
      </c>
      <c r="L1725">
        <v>1185.8030000000001</v>
      </c>
      <c r="M1725">
        <v>1165.125</v>
      </c>
      <c r="N1725">
        <v>1004.213</v>
      </c>
      <c r="O1725">
        <v>1056.886</v>
      </c>
      <c r="P1725">
        <v>0</v>
      </c>
      <c r="Q1725">
        <v>0</v>
      </c>
      <c r="R1725">
        <v>1121.9369999999999</v>
      </c>
      <c r="S1725">
        <v>0</v>
      </c>
      <c r="T1725">
        <v>1142.1969999999999</v>
      </c>
      <c r="U1725">
        <v>1162.1130000000001</v>
      </c>
      <c r="V1725">
        <v>1169.481</v>
      </c>
      <c r="W1725">
        <v>1194.7840000000001</v>
      </c>
      <c r="X1725">
        <v>1208.4090000000001</v>
      </c>
      <c r="Y1725">
        <v>1199.0119999999999</v>
      </c>
    </row>
    <row r="1726" spans="1:25" x14ac:dyDescent="0.3">
      <c r="A1726">
        <v>46.200000004206473</v>
      </c>
      <c r="B1726">
        <v>1024.5360000000001</v>
      </c>
      <c r="C1726">
        <v>1067.875</v>
      </c>
      <c r="D1726">
        <v>1065.2739999999999</v>
      </c>
      <c r="E1726">
        <v>1093.373</v>
      </c>
      <c r="F1726">
        <v>1104.837</v>
      </c>
      <c r="G1726">
        <v>1122.8620000000001</v>
      </c>
      <c r="H1726">
        <v>1149.807</v>
      </c>
      <c r="I1726">
        <v>1160.1559999999999</v>
      </c>
      <c r="J1726">
        <v>1164.777</v>
      </c>
      <c r="K1726">
        <v>1170.173</v>
      </c>
      <c r="L1726">
        <v>1181.19</v>
      </c>
      <c r="M1726">
        <v>1159.6379999999999</v>
      </c>
      <c r="N1726">
        <v>1006.0940000000001</v>
      </c>
      <c r="O1726">
        <v>1058.4059999999999</v>
      </c>
      <c r="P1726">
        <v>0</v>
      </c>
      <c r="Q1726">
        <v>0</v>
      </c>
      <c r="R1726">
        <v>1123.375</v>
      </c>
      <c r="S1726">
        <v>0</v>
      </c>
      <c r="T1726">
        <v>1141.9849999999999</v>
      </c>
      <c r="U1726">
        <v>1163.0319999999999</v>
      </c>
      <c r="V1726">
        <v>1173.893</v>
      </c>
      <c r="W1726">
        <v>1196.2429999999999</v>
      </c>
      <c r="X1726">
        <v>1206.299</v>
      </c>
      <c r="Y1726">
        <v>1202.499</v>
      </c>
    </row>
    <row r="1727" spans="1:25" x14ac:dyDescent="0.3">
      <c r="A1727">
        <v>46.216666664291793</v>
      </c>
      <c r="B1727">
        <v>1029.886</v>
      </c>
      <c r="C1727">
        <v>1068.117</v>
      </c>
      <c r="D1727">
        <v>1068.415</v>
      </c>
      <c r="E1727">
        <v>1094.683</v>
      </c>
      <c r="F1727">
        <v>1104.95</v>
      </c>
      <c r="G1727">
        <v>1124.912</v>
      </c>
      <c r="H1727">
        <v>1148.0709999999999</v>
      </c>
      <c r="I1727">
        <v>1160.443</v>
      </c>
      <c r="J1727">
        <v>1163.0509999999999</v>
      </c>
      <c r="K1727">
        <v>1171.3679999999999</v>
      </c>
      <c r="L1727">
        <v>1183.2239999999999</v>
      </c>
      <c r="M1727">
        <v>1156.7049999999999</v>
      </c>
      <c r="N1727">
        <v>1004.778</v>
      </c>
      <c r="O1727">
        <v>1058.481</v>
      </c>
      <c r="P1727">
        <v>0</v>
      </c>
      <c r="Q1727">
        <v>0</v>
      </c>
      <c r="R1727">
        <v>1123.0519999999999</v>
      </c>
      <c r="S1727">
        <v>0</v>
      </c>
      <c r="T1727">
        <v>1142.8430000000001</v>
      </c>
      <c r="U1727">
        <v>1160.75</v>
      </c>
      <c r="V1727">
        <v>1168.9010000000001</v>
      </c>
      <c r="W1727">
        <v>1193.9829999999999</v>
      </c>
      <c r="X1727">
        <v>1206.864</v>
      </c>
      <c r="Y1727">
        <v>1196.5550000000001</v>
      </c>
    </row>
    <row r="1728" spans="1:25" x14ac:dyDescent="0.3">
      <c r="A1728">
        <v>46.250000005417192</v>
      </c>
      <c r="B1728">
        <v>1030.6769999999999</v>
      </c>
      <c r="C1728">
        <v>1066.8879999999999</v>
      </c>
      <c r="D1728">
        <v>1064.9390000000001</v>
      </c>
      <c r="E1728">
        <v>1092.885</v>
      </c>
      <c r="F1728">
        <v>1103.952</v>
      </c>
      <c r="G1728">
        <v>1123.8679999999999</v>
      </c>
      <c r="H1728">
        <v>1148.68</v>
      </c>
      <c r="I1728">
        <v>1156.915</v>
      </c>
      <c r="J1728">
        <v>1163.28</v>
      </c>
      <c r="K1728">
        <v>1170.596</v>
      </c>
      <c r="L1728">
        <v>1180.7629999999999</v>
      </c>
      <c r="M1728">
        <v>1161.7080000000001</v>
      </c>
      <c r="N1728">
        <v>1009.857</v>
      </c>
      <c r="O1728">
        <v>1053.729</v>
      </c>
      <c r="P1728">
        <v>0</v>
      </c>
      <c r="Q1728">
        <v>0</v>
      </c>
      <c r="R1728">
        <v>1120.7070000000001</v>
      </c>
      <c r="S1728">
        <v>0</v>
      </c>
      <c r="T1728">
        <v>1140.134</v>
      </c>
      <c r="U1728">
        <v>1159.0239999999999</v>
      </c>
      <c r="V1728">
        <v>1168.5530000000001</v>
      </c>
      <c r="W1728">
        <v>1192.2349999999999</v>
      </c>
      <c r="X1728">
        <v>1208.0730000000001</v>
      </c>
      <c r="Y1728">
        <v>1195.5999999999999</v>
      </c>
    </row>
    <row r="1729" spans="1:25" x14ac:dyDescent="0.3">
      <c r="A1729">
        <v>46.283333336065212</v>
      </c>
      <c r="B1729">
        <v>1024.2049999999999</v>
      </c>
      <c r="C1729">
        <v>1065.4960000000001</v>
      </c>
      <c r="D1729">
        <v>1065.125</v>
      </c>
      <c r="E1729">
        <v>1093.615</v>
      </c>
      <c r="F1729">
        <v>1103.934</v>
      </c>
      <c r="G1729">
        <v>1124.2280000000001</v>
      </c>
      <c r="H1729">
        <v>1148.394</v>
      </c>
      <c r="I1729">
        <v>1158.5830000000001</v>
      </c>
      <c r="J1729">
        <v>1166.684</v>
      </c>
      <c r="K1729">
        <v>1170.905</v>
      </c>
      <c r="L1729">
        <v>1186.0530000000001</v>
      </c>
      <c r="M1729">
        <v>1162.6859999999999</v>
      </c>
      <c r="N1729">
        <v>1011.684</v>
      </c>
      <c r="O1729">
        <v>1061.45</v>
      </c>
      <c r="P1729">
        <v>0</v>
      </c>
      <c r="Q1729">
        <v>0</v>
      </c>
      <c r="R1729">
        <v>1123.184</v>
      </c>
      <c r="S1729">
        <v>0</v>
      </c>
      <c r="T1729">
        <v>1143.0340000000001</v>
      </c>
      <c r="U1729">
        <v>1161.075</v>
      </c>
      <c r="V1729">
        <v>1174.702</v>
      </c>
      <c r="W1729">
        <v>1194.567</v>
      </c>
      <c r="X1729">
        <v>1206.4929999999999</v>
      </c>
      <c r="Y1729">
        <v>1195.0150000000001</v>
      </c>
    </row>
    <row r="1730" spans="1:25" x14ac:dyDescent="0.3">
      <c r="A1730">
        <v>46.300000006627911</v>
      </c>
      <c r="B1730">
        <v>1028.155</v>
      </c>
      <c r="C1730">
        <v>1062.9169999999999</v>
      </c>
      <c r="D1730">
        <v>1065.33</v>
      </c>
      <c r="E1730">
        <v>1094.44</v>
      </c>
      <c r="F1730">
        <v>1103.3889999999999</v>
      </c>
      <c r="G1730">
        <v>1125.33</v>
      </c>
      <c r="H1730">
        <v>1146.7729999999999</v>
      </c>
      <c r="I1730">
        <v>1157.606</v>
      </c>
      <c r="J1730">
        <v>1161.057</v>
      </c>
      <c r="K1730">
        <v>1173.912</v>
      </c>
      <c r="L1730">
        <v>1186.306</v>
      </c>
      <c r="M1730">
        <v>1161.229</v>
      </c>
      <c r="N1730">
        <v>1012.854</v>
      </c>
      <c r="O1730">
        <v>1060.838</v>
      </c>
      <c r="P1730">
        <v>0</v>
      </c>
      <c r="Q1730">
        <v>0</v>
      </c>
      <c r="R1730">
        <v>1123.375</v>
      </c>
      <c r="S1730">
        <v>0</v>
      </c>
      <c r="T1730">
        <v>1148.8910000000001</v>
      </c>
      <c r="U1730">
        <v>1163.856</v>
      </c>
      <c r="V1730">
        <v>1171.4259999999999</v>
      </c>
      <c r="W1730">
        <v>1195.133</v>
      </c>
      <c r="X1730">
        <v>1205.7329999999999</v>
      </c>
      <c r="Y1730">
        <v>1198.952</v>
      </c>
    </row>
    <row r="1731" spans="1:25" x14ac:dyDescent="0.3">
      <c r="A1731">
        <v>46.333333337275931</v>
      </c>
      <c r="B1731">
        <v>1020.943</v>
      </c>
      <c r="C1731">
        <v>1062.6959999999999</v>
      </c>
      <c r="D1731">
        <v>1063.29</v>
      </c>
      <c r="E1731">
        <v>1091.671</v>
      </c>
      <c r="F1731">
        <v>1100.3820000000001</v>
      </c>
      <c r="G1731">
        <v>1122.4100000000001</v>
      </c>
      <c r="H1731">
        <v>1143.2270000000001</v>
      </c>
      <c r="I1731">
        <v>1152.3150000000001</v>
      </c>
      <c r="J1731">
        <v>1162.1320000000001</v>
      </c>
      <c r="K1731">
        <v>1173.123</v>
      </c>
      <c r="L1731">
        <v>1182.877</v>
      </c>
      <c r="M1731">
        <v>1160.6559999999999</v>
      </c>
      <c r="N1731">
        <v>1009.987</v>
      </c>
      <c r="O1731">
        <v>1058.241</v>
      </c>
      <c r="P1731">
        <v>0</v>
      </c>
      <c r="Q1731">
        <v>0</v>
      </c>
      <c r="R1731">
        <v>1118.6500000000001</v>
      </c>
      <c r="S1731">
        <v>0</v>
      </c>
      <c r="T1731">
        <v>1142.521</v>
      </c>
      <c r="U1731">
        <v>1161.806</v>
      </c>
      <c r="V1731">
        <v>1172.0630000000001</v>
      </c>
      <c r="W1731">
        <v>1196.693</v>
      </c>
      <c r="X1731">
        <v>1201.74</v>
      </c>
      <c r="Y1731">
        <v>1197.7260000000001</v>
      </c>
    </row>
    <row r="1732" spans="1:25" x14ac:dyDescent="0.3">
      <c r="A1732">
        <v>46.349999997361252</v>
      </c>
      <c r="B1732">
        <v>1008.56</v>
      </c>
      <c r="C1732">
        <v>1063.306</v>
      </c>
      <c r="D1732">
        <v>1062.0809999999999</v>
      </c>
      <c r="E1732">
        <v>1092.0239999999999</v>
      </c>
      <c r="F1732">
        <v>1106.2650000000001</v>
      </c>
      <c r="G1732">
        <v>1127.2280000000001</v>
      </c>
      <c r="H1732">
        <v>1141.393</v>
      </c>
      <c r="I1732">
        <v>1152.9269999999999</v>
      </c>
      <c r="J1732">
        <v>1161.8420000000001</v>
      </c>
      <c r="K1732">
        <v>1176.2239999999999</v>
      </c>
      <c r="L1732">
        <v>1184.5419999999999</v>
      </c>
      <c r="M1732">
        <v>1161.7850000000001</v>
      </c>
      <c r="N1732">
        <v>1007.7190000000001</v>
      </c>
      <c r="O1732">
        <v>1062.0989999999999</v>
      </c>
      <c r="P1732">
        <v>0</v>
      </c>
      <c r="Q1732">
        <v>0</v>
      </c>
      <c r="R1732">
        <v>1117.4949999999999</v>
      </c>
      <c r="S1732">
        <v>0</v>
      </c>
      <c r="T1732">
        <v>1141.8889999999999</v>
      </c>
      <c r="U1732">
        <v>1162.1110000000001</v>
      </c>
      <c r="V1732">
        <v>1171.6179999999999</v>
      </c>
      <c r="W1732">
        <v>1194.625</v>
      </c>
      <c r="X1732">
        <v>1206.454</v>
      </c>
      <c r="Y1732">
        <v>1198.367</v>
      </c>
    </row>
    <row r="1733" spans="1:25" x14ac:dyDescent="0.3">
      <c r="A1733">
        <v>46.383333338486651</v>
      </c>
      <c r="B1733">
        <v>1014.724</v>
      </c>
      <c r="C1733">
        <v>1064.2339999999999</v>
      </c>
      <c r="D1733">
        <v>1063.3989999999999</v>
      </c>
      <c r="E1733">
        <v>1092.0809999999999</v>
      </c>
      <c r="F1733">
        <v>1106.0219999999999</v>
      </c>
      <c r="G1733">
        <v>1127.5129999999999</v>
      </c>
      <c r="H1733">
        <v>1144.0830000000001</v>
      </c>
      <c r="I1733">
        <v>1155.9760000000001</v>
      </c>
      <c r="J1733">
        <v>1161.44</v>
      </c>
      <c r="K1733">
        <v>1170.963</v>
      </c>
      <c r="L1733">
        <v>1184.077</v>
      </c>
      <c r="M1733">
        <v>1162.5719999999999</v>
      </c>
      <c r="N1733">
        <v>1008.03</v>
      </c>
      <c r="O1733">
        <v>1052.694</v>
      </c>
      <c r="P1733">
        <v>0</v>
      </c>
      <c r="Q1733">
        <v>0</v>
      </c>
      <c r="R1733">
        <v>1117.855</v>
      </c>
      <c r="S1733">
        <v>0</v>
      </c>
      <c r="T1733">
        <v>1145.7049999999999</v>
      </c>
      <c r="U1733">
        <v>1167.05</v>
      </c>
      <c r="V1733">
        <v>1179.5809999999999</v>
      </c>
      <c r="W1733">
        <v>1196.4970000000001</v>
      </c>
      <c r="X1733">
        <v>1203.6679999999999</v>
      </c>
      <c r="Y1733">
        <v>1196.4970000000001</v>
      </c>
    </row>
    <row r="1734" spans="1:25" x14ac:dyDescent="0.3">
      <c r="A1734">
        <v>46.416666669134671</v>
      </c>
      <c r="B1734">
        <v>1017.55</v>
      </c>
      <c r="C1734">
        <v>1063.5309999999999</v>
      </c>
      <c r="D1734">
        <v>1062.807</v>
      </c>
      <c r="E1734">
        <v>1089.5740000000001</v>
      </c>
      <c r="F1734">
        <v>1103.9549999999999</v>
      </c>
      <c r="G1734">
        <v>1125.2370000000001</v>
      </c>
      <c r="H1734">
        <v>1145.4970000000001</v>
      </c>
      <c r="I1734">
        <v>1156.9749999999999</v>
      </c>
      <c r="J1734">
        <v>1157.703</v>
      </c>
      <c r="K1734">
        <v>1164.971</v>
      </c>
      <c r="L1734">
        <v>1177.2670000000001</v>
      </c>
      <c r="M1734">
        <v>1160.905</v>
      </c>
      <c r="N1734">
        <v>1005.62</v>
      </c>
      <c r="O1734">
        <v>1056.7190000000001</v>
      </c>
      <c r="P1734">
        <v>0</v>
      </c>
      <c r="Q1734">
        <v>0</v>
      </c>
      <c r="R1734">
        <v>1114.3989999999999</v>
      </c>
      <c r="S1734">
        <v>0</v>
      </c>
      <c r="T1734">
        <v>1143.5129999999999</v>
      </c>
      <c r="U1734">
        <v>1168.787</v>
      </c>
      <c r="V1734">
        <v>1179.5830000000001</v>
      </c>
      <c r="W1734">
        <v>1193.2059999999999</v>
      </c>
      <c r="X1734">
        <v>1201.019</v>
      </c>
      <c r="Y1734">
        <v>1197.2</v>
      </c>
    </row>
    <row r="1735" spans="1:25" x14ac:dyDescent="0.3">
      <c r="A1735">
        <v>46.43333333969737</v>
      </c>
      <c r="B1735">
        <v>1015.57</v>
      </c>
      <c r="C1735">
        <v>1063.884</v>
      </c>
      <c r="D1735">
        <v>1059.5219999999999</v>
      </c>
      <c r="E1735">
        <v>1087.8330000000001</v>
      </c>
      <c r="F1735">
        <v>1101.492</v>
      </c>
      <c r="G1735">
        <v>1122.5419999999999</v>
      </c>
      <c r="H1735">
        <v>1148.5309999999999</v>
      </c>
      <c r="I1735">
        <v>1160.0050000000001</v>
      </c>
      <c r="J1735">
        <v>1155.8440000000001</v>
      </c>
      <c r="K1735">
        <v>1162.4970000000001</v>
      </c>
      <c r="L1735">
        <v>1175.3979999999999</v>
      </c>
      <c r="M1735">
        <v>1158.49</v>
      </c>
      <c r="N1735">
        <v>1009.2380000000001</v>
      </c>
      <c r="O1735">
        <v>1054.4739999999999</v>
      </c>
      <c r="P1735">
        <v>0</v>
      </c>
      <c r="Q1735">
        <v>0</v>
      </c>
      <c r="R1735">
        <v>1111.925</v>
      </c>
      <c r="S1735">
        <v>0</v>
      </c>
      <c r="T1735">
        <v>1140.1179999999999</v>
      </c>
      <c r="U1735">
        <v>1164.53</v>
      </c>
      <c r="V1735">
        <v>1173.51</v>
      </c>
      <c r="W1735">
        <v>1189.912</v>
      </c>
      <c r="X1735">
        <v>1200.163</v>
      </c>
      <c r="Y1735">
        <v>1196.9079999999999</v>
      </c>
    </row>
    <row r="1736" spans="1:25" x14ac:dyDescent="0.3">
      <c r="A1736">
        <v>46.46666667034539</v>
      </c>
      <c r="B1736">
        <v>1027.4000000000001</v>
      </c>
      <c r="C1736">
        <v>1062.8230000000001</v>
      </c>
      <c r="D1736">
        <v>1062.8599999999999</v>
      </c>
      <c r="E1736">
        <v>1089.1969999999999</v>
      </c>
      <c r="F1736">
        <v>1105.0239999999999</v>
      </c>
      <c r="G1736">
        <v>1124.9880000000001</v>
      </c>
      <c r="H1736">
        <v>1146.6199999999999</v>
      </c>
      <c r="I1736">
        <v>1157.394</v>
      </c>
      <c r="J1736">
        <v>1162.2260000000001</v>
      </c>
      <c r="K1736">
        <v>1168.3989999999999</v>
      </c>
      <c r="L1736">
        <v>1178.287</v>
      </c>
      <c r="M1736">
        <v>1155.6880000000001</v>
      </c>
      <c r="N1736">
        <v>1014.8150000000001</v>
      </c>
      <c r="O1736">
        <v>1052.73</v>
      </c>
      <c r="P1736">
        <v>0</v>
      </c>
      <c r="Q1736">
        <v>0</v>
      </c>
      <c r="R1736">
        <v>1110.0139999999999</v>
      </c>
      <c r="S1736">
        <v>0</v>
      </c>
      <c r="T1736">
        <v>1136.434</v>
      </c>
      <c r="U1736">
        <v>1158.0650000000001</v>
      </c>
      <c r="V1736">
        <v>1166.337</v>
      </c>
      <c r="W1736">
        <v>1188.4169999999999</v>
      </c>
      <c r="X1736">
        <v>1202.42</v>
      </c>
      <c r="Y1736">
        <v>1201.153</v>
      </c>
    </row>
    <row r="1737" spans="1:25" x14ac:dyDescent="0.3">
      <c r="A1737">
        <v>46.48333333043071</v>
      </c>
      <c r="B1737">
        <v>1036.442</v>
      </c>
      <c r="C1737">
        <v>1062.0830000000001</v>
      </c>
      <c r="D1737">
        <v>1061.0070000000001</v>
      </c>
      <c r="E1737">
        <v>1087.1959999999999</v>
      </c>
      <c r="F1737">
        <v>1103.9549999999999</v>
      </c>
      <c r="G1737">
        <v>1125.521</v>
      </c>
      <c r="H1737">
        <v>1148.568</v>
      </c>
      <c r="I1737">
        <v>1158.95</v>
      </c>
      <c r="J1737">
        <v>1161.921</v>
      </c>
      <c r="K1737">
        <v>1167.2449999999999</v>
      </c>
      <c r="L1737">
        <v>1181.327</v>
      </c>
      <c r="M1737">
        <v>1160.3679999999999</v>
      </c>
      <c r="N1737">
        <v>1017.843</v>
      </c>
      <c r="O1737">
        <v>1055.309</v>
      </c>
      <c r="P1737">
        <v>0</v>
      </c>
      <c r="Q1737">
        <v>0</v>
      </c>
      <c r="R1737">
        <v>1115.74</v>
      </c>
      <c r="S1737">
        <v>0</v>
      </c>
      <c r="T1737">
        <v>1135.6389999999999</v>
      </c>
      <c r="U1737">
        <v>1158.183</v>
      </c>
      <c r="V1737">
        <v>1165.954</v>
      </c>
      <c r="W1737">
        <v>1188.6130000000001</v>
      </c>
      <c r="X1737">
        <v>1201.546</v>
      </c>
      <c r="Y1737">
        <v>1197.6869999999999</v>
      </c>
    </row>
    <row r="1738" spans="1:25" x14ac:dyDescent="0.3">
      <c r="A1738">
        <v>46.516666671556109</v>
      </c>
      <c r="B1738">
        <v>1039.462</v>
      </c>
      <c r="C1738">
        <v>1063.643</v>
      </c>
      <c r="D1738">
        <v>1062.028</v>
      </c>
      <c r="E1738">
        <v>1091.952</v>
      </c>
      <c r="F1738">
        <v>1108.5619999999999</v>
      </c>
      <c r="G1738">
        <v>1129.8309999999999</v>
      </c>
      <c r="H1738">
        <v>1148.798</v>
      </c>
      <c r="I1738">
        <v>1160.5219999999999</v>
      </c>
      <c r="J1738">
        <v>1161.711</v>
      </c>
      <c r="K1738">
        <v>1167.9970000000001</v>
      </c>
      <c r="L1738">
        <v>1179.1189999999999</v>
      </c>
      <c r="M1738">
        <v>1157.3779999999999</v>
      </c>
      <c r="N1738">
        <v>1007.448</v>
      </c>
      <c r="O1738">
        <v>1054.864</v>
      </c>
      <c r="P1738">
        <v>0</v>
      </c>
      <c r="Q1738">
        <v>0</v>
      </c>
      <c r="R1738">
        <v>1115.4390000000001</v>
      </c>
      <c r="S1738">
        <v>0</v>
      </c>
      <c r="T1738">
        <v>1138.4770000000001</v>
      </c>
      <c r="U1738">
        <v>1162.095</v>
      </c>
      <c r="V1738">
        <v>1166.8989999999999</v>
      </c>
      <c r="W1738">
        <v>1188.75</v>
      </c>
      <c r="X1738">
        <v>1202.0719999999999</v>
      </c>
      <c r="Y1738">
        <v>1199.7919999999999</v>
      </c>
    </row>
    <row r="1739" spans="1:25" x14ac:dyDescent="0.3">
      <c r="A1739">
        <v>46.550000002204129</v>
      </c>
      <c r="B1739">
        <v>1031.4159999999999</v>
      </c>
      <c r="C1739">
        <v>1064.125</v>
      </c>
      <c r="D1739">
        <v>1062.826</v>
      </c>
      <c r="E1739">
        <v>1093.8620000000001</v>
      </c>
      <c r="F1739">
        <v>1111.7360000000001</v>
      </c>
      <c r="G1739">
        <v>1133.5899999999999</v>
      </c>
      <c r="H1739">
        <v>1150.4960000000001</v>
      </c>
      <c r="I1739">
        <v>1162.6890000000001</v>
      </c>
      <c r="J1739">
        <v>1160.6369999999999</v>
      </c>
      <c r="K1739">
        <v>1164.319</v>
      </c>
      <c r="L1739">
        <v>1175.0129999999999</v>
      </c>
      <c r="M1739">
        <v>1157.4349999999999</v>
      </c>
      <c r="N1739">
        <v>1012.564</v>
      </c>
      <c r="O1739">
        <v>1047.3530000000001</v>
      </c>
      <c r="P1739">
        <v>0</v>
      </c>
      <c r="Q1739">
        <v>0</v>
      </c>
      <c r="R1739">
        <v>1119.7080000000001</v>
      </c>
      <c r="S1739">
        <v>0</v>
      </c>
      <c r="T1739">
        <v>1135.1079999999999</v>
      </c>
      <c r="U1739">
        <v>1158.509</v>
      </c>
      <c r="V1739">
        <v>1169.115</v>
      </c>
      <c r="W1739">
        <v>1189.893</v>
      </c>
      <c r="X1739">
        <v>1204.4110000000001</v>
      </c>
      <c r="Y1739">
        <v>1198.623</v>
      </c>
    </row>
    <row r="1740" spans="1:25" x14ac:dyDescent="0.3">
      <c r="A1740">
        <v>46.566666672766829</v>
      </c>
      <c r="B1740">
        <v>1035.633</v>
      </c>
      <c r="C1740">
        <v>1064.07</v>
      </c>
      <c r="D1740">
        <v>1065.0730000000001</v>
      </c>
      <c r="E1740">
        <v>1092.0650000000001</v>
      </c>
      <c r="F1740">
        <v>1108.356</v>
      </c>
      <c r="G1740">
        <v>1126.415</v>
      </c>
      <c r="H1740">
        <v>1142.2170000000001</v>
      </c>
      <c r="I1740">
        <v>1157.0139999999999</v>
      </c>
      <c r="J1740">
        <v>1154.5409999999999</v>
      </c>
      <c r="K1740">
        <v>1156.2090000000001</v>
      </c>
      <c r="L1740">
        <v>1163.6479999999999</v>
      </c>
      <c r="M1740">
        <v>1153.8889999999999</v>
      </c>
      <c r="N1740">
        <v>1016.616</v>
      </c>
      <c r="O1740">
        <v>1054.79</v>
      </c>
      <c r="P1740">
        <v>0</v>
      </c>
      <c r="Q1740">
        <v>0</v>
      </c>
      <c r="R1740">
        <v>1121.4090000000001</v>
      </c>
      <c r="S1740">
        <v>0</v>
      </c>
      <c r="T1740">
        <v>1137.905</v>
      </c>
      <c r="U1740">
        <v>1157.7429999999999</v>
      </c>
      <c r="V1740">
        <v>1164.722</v>
      </c>
      <c r="W1740">
        <v>1189.5640000000001</v>
      </c>
      <c r="X1740">
        <v>1204.509</v>
      </c>
      <c r="Y1740">
        <v>1199.7739999999999</v>
      </c>
    </row>
    <row r="1741" spans="1:25" x14ac:dyDescent="0.3">
      <c r="A1741">
        <v>46.600000003414848</v>
      </c>
      <c r="B1741">
        <v>1040.2729999999999</v>
      </c>
      <c r="C1741">
        <v>1067.8019999999999</v>
      </c>
      <c r="D1741">
        <v>1067.3920000000001</v>
      </c>
      <c r="E1741">
        <v>1092.42</v>
      </c>
      <c r="F1741">
        <v>1105.328</v>
      </c>
      <c r="G1741">
        <v>1122.94</v>
      </c>
      <c r="H1741">
        <v>1140.7850000000001</v>
      </c>
      <c r="I1741">
        <v>1156.6489999999999</v>
      </c>
      <c r="J1741">
        <v>1154.943</v>
      </c>
      <c r="K1741">
        <v>1162.5160000000001</v>
      </c>
      <c r="L1741">
        <v>1173.336</v>
      </c>
      <c r="M1741">
        <v>1159.9090000000001</v>
      </c>
      <c r="N1741">
        <v>1028.3230000000001</v>
      </c>
      <c r="O1741">
        <v>1063.569</v>
      </c>
      <c r="P1741">
        <v>0</v>
      </c>
      <c r="Q1741">
        <v>0</v>
      </c>
      <c r="R1741">
        <v>1123.7760000000001</v>
      </c>
      <c r="S1741">
        <v>0</v>
      </c>
      <c r="T1741">
        <v>1138.8589999999999</v>
      </c>
      <c r="U1741">
        <v>1155.633</v>
      </c>
      <c r="V1741">
        <v>1161.366</v>
      </c>
      <c r="W1741">
        <v>1187.703</v>
      </c>
      <c r="X1741">
        <v>1204.508</v>
      </c>
      <c r="Y1741">
        <v>1201.9159999999999</v>
      </c>
    </row>
    <row r="1742" spans="1:25" x14ac:dyDescent="0.3">
      <c r="A1742">
        <v>46.633333334062868</v>
      </c>
      <c r="B1742">
        <v>1043.377</v>
      </c>
      <c r="C1742">
        <v>1069.702</v>
      </c>
      <c r="D1742">
        <v>1070.4839999999999</v>
      </c>
      <c r="E1742">
        <v>1093.4290000000001</v>
      </c>
      <c r="F1742">
        <v>1105.777</v>
      </c>
      <c r="G1742">
        <v>1128.614</v>
      </c>
      <c r="H1742">
        <v>1144.1980000000001</v>
      </c>
      <c r="I1742">
        <v>1153.2919999999999</v>
      </c>
      <c r="J1742">
        <v>1154.289</v>
      </c>
      <c r="K1742">
        <v>1170.173</v>
      </c>
      <c r="L1742">
        <v>1179.9490000000001</v>
      </c>
      <c r="M1742">
        <v>1160.386</v>
      </c>
      <c r="N1742">
        <v>1025.453</v>
      </c>
      <c r="O1742">
        <v>1066.703</v>
      </c>
      <c r="P1742">
        <v>0</v>
      </c>
      <c r="Q1742">
        <v>0</v>
      </c>
      <c r="R1742">
        <v>1121.69</v>
      </c>
      <c r="S1742">
        <v>0</v>
      </c>
      <c r="T1742">
        <v>1141.432</v>
      </c>
      <c r="U1742">
        <v>1157.682</v>
      </c>
      <c r="V1742">
        <v>1163.1659999999999</v>
      </c>
      <c r="W1742">
        <v>1193.1659999999999</v>
      </c>
      <c r="X1742">
        <v>1204.2719999999999</v>
      </c>
      <c r="Y1742">
        <v>1203.337</v>
      </c>
    </row>
    <row r="1743" spans="1:25" x14ac:dyDescent="0.3">
      <c r="A1743">
        <v>46.650000004625568</v>
      </c>
      <c r="B1743">
        <v>1040.9570000000001</v>
      </c>
      <c r="C1743">
        <v>1069.6110000000001</v>
      </c>
      <c r="D1743">
        <v>1067.7840000000001</v>
      </c>
      <c r="E1743">
        <v>1091.877</v>
      </c>
      <c r="F1743">
        <v>1105.008</v>
      </c>
      <c r="G1743">
        <v>1128.502</v>
      </c>
      <c r="H1743">
        <v>1148.1300000000001</v>
      </c>
      <c r="I1743">
        <v>1150.9549999999999</v>
      </c>
      <c r="J1743">
        <v>1159.1420000000001</v>
      </c>
      <c r="K1743">
        <v>1170.252</v>
      </c>
      <c r="L1743">
        <v>1179.2149999999999</v>
      </c>
      <c r="M1743">
        <v>1159.5060000000001</v>
      </c>
      <c r="N1743">
        <v>1018.5410000000001</v>
      </c>
      <c r="O1743">
        <v>1061.8050000000001</v>
      </c>
      <c r="P1743">
        <v>0</v>
      </c>
      <c r="Q1743">
        <v>0</v>
      </c>
      <c r="R1743">
        <v>1120.181</v>
      </c>
      <c r="S1743">
        <v>0</v>
      </c>
      <c r="T1743">
        <v>1142.4069999999999</v>
      </c>
      <c r="U1743">
        <v>1160.0809999999999</v>
      </c>
      <c r="V1743">
        <v>1164.415</v>
      </c>
      <c r="W1743">
        <v>1189.6600000000001</v>
      </c>
      <c r="X1743">
        <v>1204.4690000000001</v>
      </c>
      <c r="Y1743">
        <v>1203.5530000000001</v>
      </c>
    </row>
    <row r="1744" spans="1:25" x14ac:dyDescent="0.3">
      <c r="A1744">
        <v>46.683333335273588</v>
      </c>
      <c r="B1744">
        <v>1028.3409999999999</v>
      </c>
      <c r="C1744">
        <v>1066.9829999999999</v>
      </c>
      <c r="D1744">
        <v>1066.8530000000001</v>
      </c>
      <c r="E1744">
        <v>1093.075</v>
      </c>
      <c r="F1744">
        <v>1108.1859999999999</v>
      </c>
      <c r="G1744">
        <v>1131.615</v>
      </c>
      <c r="H1744">
        <v>1147.8050000000001</v>
      </c>
      <c r="I1744">
        <v>1159.4290000000001</v>
      </c>
      <c r="J1744">
        <v>1165.722</v>
      </c>
      <c r="K1744">
        <v>1171.9290000000001</v>
      </c>
      <c r="L1744">
        <v>1181.54</v>
      </c>
      <c r="M1744">
        <v>1160.4069999999999</v>
      </c>
      <c r="N1744">
        <v>1015.294</v>
      </c>
      <c r="O1744">
        <v>1063.568</v>
      </c>
      <c r="P1744">
        <v>0</v>
      </c>
      <c r="Q1744">
        <v>0</v>
      </c>
      <c r="R1744">
        <v>1121.181</v>
      </c>
      <c r="S1744">
        <v>0</v>
      </c>
      <c r="T1744">
        <v>1139.8119999999999</v>
      </c>
      <c r="U1744">
        <v>1159.3520000000001</v>
      </c>
      <c r="V1744">
        <v>1166.127</v>
      </c>
      <c r="W1744">
        <v>1190.9970000000001</v>
      </c>
      <c r="X1744">
        <v>1200.7660000000001</v>
      </c>
      <c r="Y1744">
        <v>1202.7729999999999</v>
      </c>
    </row>
    <row r="1745" spans="1:25" x14ac:dyDescent="0.3">
      <c r="A1745">
        <v>46.700000005836287</v>
      </c>
      <c r="B1745">
        <v>1028.3040000000001</v>
      </c>
      <c r="C1745">
        <v>1066.9459999999999</v>
      </c>
      <c r="D1745">
        <v>1065.8879999999999</v>
      </c>
      <c r="E1745">
        <v>1092.4760000000001</v>
      </c>
      <c r="F1745">
        <v>1105.6849999999999</v>
      </c>
      <c r="G1745">
        <v>1128.0840000000001</v>
      </c>
      <c r="H1745">
        <v>1141.1849999999999</v>
      </c>
      <c r="I1745">
        <v>1153.0630000000001</v>
      </c>
      <c r="J1745">
        <v>1164.126</v>
      </c>
      <c r="K1745">
        <v>1170.232</v>
      </c>
      <c r="L1745">
        <v>1179.796</v>
      </c>
      <c r="M1745">
        <v>1158.259</v>
      </c>
      <c r="N1745">
        <v>1005.5650000000001</v>
      </c>
      <c r="O1745">
        <v>1057.8510000000001</v>
      </c>
      <c r="P1745">
        <v>0</v>
      </c>
      <c r="Q1745">
        <v>0</v>
      </c>
      <c r="R1745">
        <v>1121.9559999999999</v>
      </c>
      <c r="S1745">
        <v>0</v>
      </c>
      <c r="T1745">
        <v>1140.7080000000001</v>
      </c>
      <c r="U1745">
        <v>1159.6590000000001</v>
      </c>
      <c r="V1745">
        <v>1163.1679999999999</v>
      </c>
      <c r="W1745">
        <v>1187.799</v>
      </c>
      <c r="X1745">
        <v>1204.683</v>
      </c>
      <c r="Y1745">
        <v>1198.4079999999999</v>
      </c>
    </row>
    <row r="1746" spans="1:25" x14ac:dyDescent="0.3">
      <c r="A1746">
        <v>46.733333336484307</v>
      </c>
      <c r="B1746">
        <v>1027.6600000000001</v>
      </c>
      <c r="C1746">
        <v>1067.7840000000001</v>
      </c>
      <c r="D1746">
        <v>1066.056</v>
      </c>
      <c r="E1746">
        <v>1093.674</v>
      </c>
      <c r="F1746">
        <v>1107.19</v>
      </c>
      <c r="G1746">
        <v>1127.3440000000001</v>
      </c>
      <c r="H1746">
        <v>1142.2539999999999</v>
      </c>
      <c r="I1746">
        <v>1154.713</v>
      </c>
      <c r="J1746">
        <v>1169.308</v>
      </c>
      <c r="K1746">
        <v>1173.028</v>
      </c>
      <c r="L1746">
        <v>1179.932</v>
      </c>
      <c r="M1746">
        <v>1157.6659999999999</v>
      </c>
      <c r="N1746">
        <v>1007.247</v>
      </c>
      <c r="O1746">
        <v>1062.3810000000001</v>
      </c>
      <c r="P1746">
        <v>0</v>
      </c>
      <c r="Q1746">
        <v>0</v>
      </c>
      <c r="R1746">
        <v>1127.4010000000001</v>
      </c>
      <c r="S1746">
        <v>0</v>
      </c>
      <c r="T1746">
        <v>1142.1590000000001</v>
      </c>
      <c r="U1746">
        <v>1161.098</v>
      </c>
      <c r="V1746">
        <v>1169.154</v>
      </c>
      <c r="W1746">
        <v>1186.7149999999999</v>
      </c>
      <c r="X1746">
        <v>1201.4880000000001</v>
      </c>
      <c r="Y1746">
        <v>1199.2470000000001</v>
      </c>
    </row>
    <row r="1747" spans="1:25" x14ac:dyDescent="0.3">
      <c r="A1747">
        <v>46.766666667132327</v>
      </c>
      <c r="B1747">
        <v>1037.088</v>
      </c>
      <c r="C1747">
        <v>1067.375</v>
      </c>
      <c r="D1747">
        <v>1064.442</v>
      </c>
      <c r="E1747">
        <v>1095.3630000000001</v>
      </c>
      <c r="F1747">
        <v>1109.848</v>
      </c>
      <c r="G1747">
        <v>1130.307</v>
      </c>
      <c r="H1747">
        <v>1146.0709999999999</v>
      </c>
      <c r="I1747">
        <v>1154.0239999999999</v>
      </c>
      <c r="J1747">
        <v>1164.0129999999999</v>
      </c>
      <c r="K1747">
        <v>1166.9380000000001</v>
      </c>
      <c r="L1747">
        <v>1175.7850000000001</v>
      </c>
      <c r="M1747">
        <v>1155.864</v>
      </c>
      <c r="N1747">
        <v>1004.325</v>
      </c>
      <c r="O1747">
        <v>1066.354</v>
      </c>
      <c r="P1747">
        <v>0</v>
      </c>
      <c r="Q1747">
        <v>0</v>
      </c>
      <c r="R1747">
        <v>1120.787</v>
      </c>
      <c r="S1747">
        <v>0</v>
      </c>
      <c r="T1747">
        <v>1139.165</v>
      </c>
      <c r="U1747">
        <v>1156.44</v>
      </c>
      <c r="V1747">
        <v>1166.1479999999999</v>
      </c>
      <c r="W1747">
        <v>1186.6579999999999</v>
      </c>
      <c r="X1747">
        <v>1201.1189999999999</v>
      </c>
      <c r="Y1747">
        <v>1193.1690000000001</v>
      </c>
    </row>
    <row r="1748" spans="1:25" x14ac:dyDescent="0.3">
      <c r="A1748">
        <v>46.783333337695026</v>
      </c>
      <c r="B1748">
        <v>1030.1099999999999</v>
      </c>
      <c r="C1748">
        <v>1067.5050000000001</v>
      </c>
      <c r="D1748">
        <v>1066.557</v>
      </c>
      <c r="E1748">
        <v>1095.3810000000001</v>
      </c>
      <c r="F1748">
        <v>1105.028</v>
      </c>
      <c r="G1748">
        <v>1126.396</v>
      </c>
      <c r="H1748">
        <v>1147.501</v>
      </c>
      <c r="I1748">
        <v>1152.067</v>
      </c>
      <c r="J1748">
        <v>1164.434</v>
      </c>
      <c r="K1748">
        <v>1168.73</v>
      </c>
      <c r="L1748">
        <v>1174.7239999999999</v>
      </c>
      <c r="M1748">
        <v>1152.47</v>
      </c>
      <c r="N1748">
        <v>1011.34</v>
      </c>
      <c r="O1748">
        <v>1060.135</v>
      </c>
      <c r="P1748">
        <v>0</v>
      </c>
      <c r="Q1748">
        <v>0</v>
      </c>
      <c r="R1748">
        <v>1119.8979999999999</v>
      </c>
      <c r="S1748">
        <v>0</v>
      </c>
      <c r="T1748">
        <v>1138.5540000000001</v>
      </c>
      <c r="U1748">
        <v>1154.1189999999999</v>
      </c>
      <c r="V1748">
        <v>1163.5519999999999</v>
      </c>
      <c r="W1748">
        <v>1188.4010000000001</v>
      </c>
      <c r="X1748">
        <v>1198.9359999999999</v>
      </c>
      <c r="Y1748">
        <v>1197.24</v>
      </c>
    </row>
    <row r="1749" spans="1:25" x14ac:dyDescent="0.3">
      <c r="A1749">
        <v>46.816666668343046</v>
      </c>
      <c r="B1749">
        <v>1028.029</v>
      </c>
      <c r="C1749">
        <v>1068.1569999999999</v>
      </c>
      <c r="D1749">
        <v>1067.2260000000001</v>
      </c>
      <c r="E1749">
        <v>1093.8810000000001</v>
      </c>
      <c r="F1749">
        <v>1105.047</v>
      </c>
      <c r="G1749">
        <v>1124.877</v>
      </c>
      <c r="H1749">
        <v>1144.6400000000001</v>
      </c>
      <c r="I1749">
        <v>1154.0419999999999</v>
      </c>
      <c r="J1749">
        <v>1161.1369999999999</v>
      </c>
      <c r="K1749">
        <v>1171.7370000000001</v>
      </c>
      <c r="L1749">
        <v>1175.9000000000001</v>
      </c>
      <c r="M1749">
        <v>1153.1030000000001</v>
      </c>
      <c r="N1749">
        <v>1009.2569999999999</v>
      </c>
      <c r="O1749">
        <v>1057.3510000000001</v>
      </c>
      <c r="P1749">
        <v>0</v>
      </c>
      <c r="Q1749">
        <v>0</v>
      </c>
      <c r="R1749">
        <v>1116.875</v>
      </c>
      <c r="S1749">
        <v>0</v>
      </c>
      <c r="T1749">
        <v>1134.8810000000001</v>
      </c>
      <c r="U1749">
        <v>1151.1659999999999</v>
      </c>
      <c r="V1749">
        <v>1159.4110000000001</v>
      </c>
      <c r="W1749">
        <v>1184.991</v>
      </c>
      <c r="X1749">
        <v>1196.9670000000001</v>
      </c>
      <c r="Y1749">
        <v>1197.825</v>
      </c>
    </row>
    <row r="1750" spans="1:25" x14ac:dyDescent="0.3">
      <c r="A1750">
        <v>46.833333338905746</v>
      </c>
      <c r="B1750">
        <v>1036.259</v>
      </c>
      <c r="C1750">
        <v>1068.567</v>
      </c>
      <c r="D1750">
        <v>1065.6669999999999</v>
      </c>
      <c r="E1750">
        <v>1092.1210000000001</v>
      </c>
      <c r="F1750">
        <v>1105.2909999999999</v>
      </c>
      <c r="G1750">
        <v>1125.3140000000001</v>
      </c>
      <c r="H1750">
        <v>1144.5060000000001</v>
      </c>
      <c r="I1750">
        <v>1154.924</v>
      </c>
      <c r="J1750">
        <v>1164.3579999999999</v>
      </c>
      <c r="K1750">
        <v>1173.048</v>
      </c>
      <c r="L1750">
        <v>1175.1099999999999</v>
      </c>
      <c r="M1750">
        <v>1151.1849999999999</v>
      </c>
      <c r="N1750">
        <v>1008.599</v>
      </c>
      <c r="O1750">
        <v>1056.386</v>
      </c>
      <c r="P1750">
        <v>0</v>
      </c>
      <c r="Q1750">
        <v>0</v>
      </c>
      <c r="R1750">
        <v>1118.8589999999999</v>
      </c>
      <c r="S1750">
        <v>0</v>
      </c>
      <c r="T1750">
        <v>1136.5319999999999</v>
      </c>
      <c r="U1750">
        <v>1151.818</v>
      </c>
      <c r="V1750">
        <v>1156.3050000000001</v>
      </c>
      <c r="W1750">
        <v>1183.1110000000001</v>
      </c>
      <c r="X1750">
        <v>1199.598</v>
      </c>
      <c r="Y1750">
        <v>1198.799</v>
      </c>
    </row>
    <row r="1751" spans="1:25" x14ac:dyDescent="0.3">
      <c r="A1751">
        <v>46.866666669553766</v>
      </c>
      <c r="B1751">
        <v>1032.633</v>
      </c>
      <c r="C1751">
        <v>1069.5</v>
      </c>
      <c r="D1751">
        <v>1067.394</v>
      </c>
      <c r="E1751">
        <v>1096.2280000000001</v>
      </c>
      <c r="F1751">
        <v>1111.7370000000001</v>
      </c>
      <c r="G1751">
        <v>1130.136</v>
      </c>
      <c r="H1751">
        <v>1145.27</v>
      </c>
      <c r="I1751">
        <v>1153.9469999999999</v>
      </c>
      <c r="J1751">
        <v>1165.6469999999999</v>
      </c>
      <c r="K1751">
        <v>1175.7660000000001</v>
      </c>
      <c r="L1751">
        <v>1179.566</v>
      </c>
      <c r="M1751">
        <v>1156.2670000000001</v>
      </c>
      <c r="N1751">
        <v>1007.65</v>
      </c>
      <c r="O1751">
        <v>1051.9949999999999</v>
      </c>
      <c r="P1751">
        <v>0</v>
      </c>
      <c r="Q1751">
        <v>0</v>
      </c>
      <c r="R1751">
        <v>1120.4839999999999</v>
      </c>
      <c r="S1751">
        <v>0</v>
      </c>
      <c r="T1751">
        <v>1138.9739999999999</v>
      </c>
      <c r="U1751">
        <v>1156.075</v>
      </c>
      <c r="V1751">
        <v>1161.0219999999999</v>
      </c>
      <c r="W1751">
        <v>1180.4960000000001</v>
      </c>
      <c r="X1751">
        <v>1196.8900000000001</v>
      </c>
      <c r="Y1751">
        <v>1195.3119999999999</v>
      </c>
    </row>
    <row r="1752" spans="1:25" x14ac:dyDescent="0.3">
      <c r="A1752">
        <v>46.900000000201786</v>
      </c>
      <c r="B1752">
        <v>1030.79</v>
      </c>
      <c r="C1752">
        <v>1068.7529999999999</v>
      </c>
      <c r="D1752">
        <v>1066.4079999999999</v>
      </c>
      <c r="E1752">
        <v>1094.105</v>
      </c>
      <c r="F1752">
        <v>1108.6569999999999</v>
      </c>
      <c r="G1752">
        <v>1128.559</v>
      </c>
      <c r="H1752">
        <v>1141.9490000000001</v>
      </c>
      <c r="I1752">
        <v>1151.952</v>
      </c>
      <c r="J1752">
        <v>1161.788</v>
      </c>
      <c r="K1752">
        <v>1170.021</v>
      </c>
      <c r="L1752">
        <v>1173.587</v>
      </c>
      <c r="M1752">
        <v>1152.412</v>
      </c>
      <c r="N1752">
        <v>1007.649</v>
      </c>
      <c r="O1752">
        <v>1052.6959999999999</v>
      </c>
      <c r="P1752">
        <v>0</v>
      </c>
      <c r="Q1752">
        <v>0</v>
      </c>
      <c r="R1752">
        <v>1115.684</v>
      </c>
      <c r="S1752">
        <v>0</v>
      </c>
      <c r="T1752">
        <v>1138.4770000000001</v>
      </c>
      <c r="U1752">
        <v>1154.943</v>
      </c>
      <c r="V1752">
        <v>1164.875</v>
      </c>
      <c r="W1752">
        <v>1184.68</v>
      </c>
      <c r="X1752">
        <v>1197.5119999999999</v>
      </c>
      <c r="Y1752">
        <v>1196.48</v>
      </c>
    </row>
    <row r="1753" spans="1:25" x14ac:dyDescent="0.3">
      <c r="A1753">
        <v>46.916666670764485</v>
      </c>
      <c r="B1753">
        <v>1032.7249999999999</v>
      </c>
      <c r="C1753">
        <v>1068.2139999999999</v>
      </c>
      <c r="D1753">
        <v>1064.721</v>
      </c>
      <c r="E1753">
        <v>1093.9380000000001</v>
      </c>
      <c r="F1753">
        <v>1106.57</v>
      </c>
      <c r="G1753">
        <v>1125.3900000000001</v>
      </c>
      <c r="H1753">
        <v>1141.3209999999999</v>
      </c>
      <c r="I1753">
        <v>1153.4680000000001</v>
      </c>
      <c r="J1753">
        <v>1159.68</v>
      </c>
      <c r="K1753">
        <v>1171.68</v>
      </c>
      <c r="L1753">
        <v>1175.7470000000001</v>
      </c>
      <c r="M1753">
        <v>1154.963</v>
      </c>
      <c r="N1753">
        <v>1009.367</v>
      </c>
      <c r="O1753">
        <v>1055.886</v>
      </c>
      <c r="P1753">
        <v>0</v>
      </c>
      <c r="Q1753">
        <v>0</v>
      </c>
      <c r="R1753">
        <v>1115.6479999999999</v>
      </c>
      <c r="S1753">
        <v>0</v>
      </c>
      <c r="T1753">
        <v>1139.165</v>
      </c>
      <c r="U1753">
        <v>1153.6020000000001</v>
      </c>
      <c r="V1753">
        <v>1159.181</v>
      </c>
      <c r="W1753">
        <v>1180.806</v>
      </c>
      <c r="X1753">
        <v>1201.9760000000001</v>
      </c>
      <c r="Y1753">
        <v>1196.403</v>
      </c>
    </row>
    <row r="1754" spans="1:25" x14ac:dyDescent="0.3">
      <c r="A1754">
        <v>46.950000001412505</v>
      </c>
      <c r="B1754">
        <v>1034.144</v>
      </c>
      <c r="C1754">
        <v>1068.1780000000001</v>
      </c>
      <c r="D1754">
        <v>1066.3</v>
      </c>
      <c r="E1754">
        <v>1095.1199999999999</v>
      </c>
      <c r="F1754">
        <v>1106.1579999999999</v>
      </c>
      <c r="G1754">
        <v>1125.221</v>
      </c>
      <c r="H1754">
        <v>1140.1969999999999</v>
      </c>
      <c r="I1754">
        <v>1150.9580000000001</v>
      </c>
      <c r="J1754">
        <v>1162.385</v>
      </c>
      <c r="K1754">
        <v>1174.6300000000001</v>
      </c>
      <c r="L1754">
        <v>1182.067</v>
      </c>
      <c r="M1754">
        <v>1158.1089999999999</v>
      </c>
      <c r="N1754">
        <v>1000.636</v>
      </c>
      <c r="O1754">
        <v>1054.403</v>
      </c>
      <c r="P1754">
        <v>0</v>
      </c>
      <c r="Q1754">
        <v>0</v>
      </c>
      <c r="R1754">
        <v>1114.6289999999999</v>
      </c>
      <c r="S1754">
        <v>0</v>
      </c>
      <c r="T1754">
        <v>1137.164</v>
      </c>
      <c r="U1754">
        <v>1153.68</v>
      </c>
      <c r="V1754">
        <v>1160.5640000000001</v>
      </c>
      <c r="W1754">
        <v>1187.9000000000001</v>
      </c>
      <c r="X1754">
        <v>1203.712</v>
      </c>
      <c r="Y1754">
        <v>1199.328</v>
      </c>
    </row>
    <row r="1755" spans="1:25" x14ac:dyDescent="0.3">
      <c r="A1755">
        <v>46.966666671975204</v>
      </c>
      <c r="B1755">
        <v>1031.7860000000001</v>
      </c>
      <c r="C1755">
        <v>1066.6690000000001</v>
      </c>
      <c r="D1755">
        <v>1061.3050000000001</v>
      </c>
      <c r="E1755">
        <v>1091.8599999999999</v>
      </c>
      <c r="F1755">
        <v>1104.69</v>
      </c>
      <c r="G1755">
        <v>1125.5419999999999</v>
      </c>
      <c r="H1755">
        <v>1145.7660000000001</v>
      </c>
      <c r="I1755">
        <v>1150.9179999999999</v>
      </c>
      <c r="J1755">
        <v>1163.4570000000001</v>
      </c>
      <c r="K1755">
        <v>1173.453</v>
      </c>
      <c r="L1755">
        <v>1175.8430000000001</v>
      </c>
      <c r="M1755">
        <v>1155.308</v>
      </c>
      <c r="N1755">
        <v>1002.352</v>
      </c>
      <c r="O1755">
        <v>1054.03</v>
      </c>
      <c r="P1755">
        <v>0</v>
      </c>
      <c r="Q1755">
        <v>0</v>
      </c>
      <c r="R1755">
        <v>1118.8409999999999</v>
      </c>
      <c r="S1755">
        <v>0</v>
      </c>
      <c r="T1755">
        <v>1140.9390000000001</v>
      </c>
      <c r="U1755">
        <v>1157.4179999999999</v>
      </c>
      <c r="V1755">
        <v>1162.173</v>
      </c>
      <c r="W1755">
        <v>1191.7349999999999</v>
      </c>
      <c r="X1755">
        <v>1201.528</v>
      </c>
      <c r="Y1755">
        <v>1198.9359999999999</v>
      </c>
    </row>
    <row r="1756" spans="1:25" x14ac:dyDescent="0.3">
      <c r="A1756">
        <v>47.000000002623224</v>
      </c>
      <c r="B1756">
        <v>1035.5250000000001</v>
      </c>
      <c r="C1756">
        <v>1068.402</v>
      </c>
      <c r="D1756">
        <v>1063.107</v>
      </c>
      <c r="E1756">
        <v>1091.992</v>
      </c>
      <c r="F1756">
        <v>1108.509</v>
      </c>
      <c r="G1756">
        <v>1128.239</v>
      </c>
      <c r="H1756">
        <v>1149.125</v>
      </c>
      <c r="I1756">
        <v>1155.444</v>
      </c>
      <c r="J1756">
        <v>1167.114</v>
      </c>
      <c r="K1756">
        <v>1178.1579999999999</v>
      </c>
      <c r="L1756">
        <v>1182.5519999999999</v>
      </c>
      <c r="M1756">
        <v>1158.627</v>
      </c>
      <c r="N1756">
        <v>1002.171</v>
      </c>
      <c r="O1756">
        <v>1053.4570000000001</v>
      </c>
      <c r="P1756">
        <v>0</v>
      </c>
      <c r="Q1756">
        <v>0</v>
      </c>
      <c r="R1756">
        <v>1118.691</v>
      </c>
      <c r="S1756">
        <v>0</v>
      </c>
      <c r="T1756">
        <v>1146.0350000000001</v>
      </c>
      <c r="U1756">
        <v>1165.7260000000001</v>
      </c>
      <c r="V1756">
        <v>1170.0630000000001</v>
      </c>
      <c r="W1756">
        <v>1192.5899999999999</v>
      </c>
      <c r="X1756">
        <v>1199.7370000000001</v>
      </c>
      <c r="Y1756">
        <v>1201.2370000000001</v>
      </c>
    </row>
    <row r="1757" spans="1:25" x14ac:dyDescent="0.3">
      <c r="A1757">
        <v>47.033333333271244</v>
      </c>
      <c r="B1757">
        <v>1040.422</v>
      </c>
      <c r="C1757">
        <v>1070.357</v>
      </c>
      <c r="D1757">
        <v>1064.721</v>
      </c>
      <c r="E1757">
        <v>1095.9269999999999</v>
      </c>
      <c r="F1757">
        <v>1113.3050000000001</v>
      </c>
      <c r="G1757">
        <v>1132.49</v>
      </c>
      <c r="H1757">
        <v>1151.0899999999999</v>
      </c>
      <c r="I1757">
        <v>1158.99</v>
      </c>
      <c r="J1757">
        <v>1168.827</v>
      </c>
      <c r="K1757">
        <v>1179.624</v>
      </c>
      <c r="L1757">
        <v>1179.0809999999999</v>
      </c>
      <c r="M1757">
        <v>1154.944</v>
      </c>
      <c r="N1757">
        <v>1013.407</v>
      </c>
      <c r="O1757">
        <v>1053.51</v>
      </c>
      <c r="P1757">
        <v>0</v>
      </c>
      <c r="Q1757">
        <v>0</v>
      </c>
      <c r="R1757">
        <v>1121.0889999999999</v>
      </c>
      <c r="S1757">
        <v>0</v>
      </c>
      <c r="T1757">
        <v>1144.278</v>
      </c>
      <c r="U1757">
        <v>1162.345</v>
      </c>
      <c r="V1757">
        <v>1167.5360000000001</v>
      </c>
      <c r="W1757">
        <v>1190.01</v>
      </c>
      <c r="X1757">
        <v>1198.722</v>
      </c>
      <c r="Y1757">
        <v>1197.4359999999999</v>
      </c>
    </row>
    <row r="1758" spans="1:25" x14ac:dyDescent="0.3">
      <c r="A1758">
        <v>47.050000003833944</v>
      </c>
      <c r="B1758">
        <v>1044.9349999999999</v>
      </c>
      <c r="C1758">
        <v>1071.422</v>
      </c>
      <c r="D1758">
        <v>1067.47</v>
      </c>
      <c r="E1758">
        <v>1097.1510000000001</v>
      </c>
      <c r="F1758">
        <v>1112.9670000000001</v>
      </c>
      <c r="G1758">
        <v>1130.7449999999999</v>
      </c>
      <c r="H1758">
        <v>1150.117</v>
      </c>
      <c r="I1758">
        <v>1160.4490000000001</v>
      </c>
      <c r="J1758">
        <v>1172.028</v>
      </c>
      <c r="K1758">
        <v>1175.941</v>
      </c>
      <c r="L1758">
        <v>1176.404</v>
      </c>
      <c r="M1758">
        <v>1154.9459999999999</v>
      </c>
      <c r="N1758">
        <v>1015.078</v>
      </c>
      <c r="O1758">
        <v>1053.7339999999999</v>
      </c>
      <c r="P1758">
        <v>0</v>
      </c>
      <c r="Q1758">
        <v>0</v>
      </c>
      <c r="R1758">
        <v>1120.127</v>
      </c>
      <c r="S1758">
        <v>0</v>
      </c>
      <c r="T1758">
        <v>1140.941</v>
      </c>
      <c r="U1758">
        <v>1157.5920000000001</v>
      </c>
      <c r="V1758">
        <v>1162.941</v>
      </c>
      <c r="W1758">
        <v>1187.28</v>
      </c>
      <c r="X1758">
        <v>1199.8340000000001</v>
      </c>
      <c r="Y1758">
        <v>1196.989</v>
      </c>
    </row>
    <row r="1759" spans="1:25" x14ac:dyDescent="0.3">
      <c r="A1759">
        <v>47.083333334481964</v>
      </c>
      <c r="B1759">
        <v>1041.069</v>
      </c>
      <c r="C1759">
        <v>1068.624</v>
      </c>
      <c r="D1759">
        <v>1065.519</v>
      </c>
      <c r="E1759">
        <v>1094.6869999999999</v>
      </c>
      <c r="F1759">
        <v>1108.2439999999999</v>
      </c>
      <c r="G1759">
        <v>1125.751</v>
      </c>
      <c r="H1759">
        <v>1144.049</v>
      </c>
      <c r="I1759">
        <v>1156.8810000000001</v>
      </c>
      <c r="J1759">
        <v>1169.213</v>
      </c>
      <c r="K1759">
        <v>1173.8</v>
      </c>
      <c r="L1759">
        <v>1175.6120000000001</v>
      </c>
      <c r="M1759">
        <v>1158.0309999999999</v>
      </c>
      <c r="N1759">
        <v>1013.7190000000001</v>
      </c>
      <c r="O1759">
        <v>1058.5029999999999</v>
      </c>
      <c r="P1759">
        <v>0</v>
      </c>
      <c r="Q1759">
        <v>0</v>
      </c>
      <c r="R1759">
        <v>1118.671</v>
      </c>
      <c r="S1759">
        <v>0</v>
      </c>
      <c r="T1759">
        <v>1135.394</v>
      </c>
      <c r="U1759">
        <v>1153.3340000000001</v>
      </c>
      <c r="V1759">
        <v>1157.7629999999999</v>
      </c>
      <c r="W1759">
        <v>1188.654</v>
      </c>
      <c r="X1759">
        <v>1200.066</v>
      </c>
      <c r="Y1759">
        <v>1197.942</v>
      </c>
    </row>
    <row r="1760" spans="1:25" x14ac:dyDescent="0.3">
      <c r="A1760">
        <v>47.100000005044663</v>
      </c>
      <c r="B1760">
        <v>1037.088</v>
      </c>
      <c r="C1760">
        <v>1068.0650000000001</v>
      </c>
      <c r="D1760">
        <v>1062.9939999999999</v>
      </c>
      <c r="E1760">
        <v>1092.9459999999999</v>
      </c>
      <c r="F1760">
        <v>1107.3599999999999</v>
      </c>
      <c r="G1760">
        <v>1123.9290000000001</v>
      </c>
      <c r="H1760">
        <v>1141.893</v>
      </c>
      <c r="I1760">
        <v>1156.9770000000001</v>
      </c>
      <c r="J1760">
        <v>1169.001</v>
      </c>
      <c r="K1760">
        <v>1173.087</v>
      </c>
      <c r="L1760">
        <v>1177.635</v>
      </c>
      <c r="M1760">
        <v>1160.6579999999999</v>
      </c>
      <c r="N1760">
        <v>1013.682</v>
      </c>
      <c r="O1760">
        <v>1054.4010000000001</v>
      </c>
      <c r="P1760">
        <v>0</v>
      </c>
      <c r="Q1760">
        <v>0</v>
      </c>
      <c r="R1760">
        <v>1120.3710000000001</v>
      </c>
      <c r="S1760">
        <v>0</v>
      </c>
      <c r="T1760">
        <v>1138.268</v>
      </c>
      <c r="U1760">
        <v>1155.462</v>
      </c>
      <c r="V1760">
        <v>1161.904</v>
      </c>
      <c r="W1760">
        <v>1188.0920000000001</v>
      </c>
      <c r="X1760">
        <v>1203.749</v>
      </c>
      <c r="Y1760">
        <v>1200.904</v>
      </c>
    </row>
    <row r="1761" spans="1:25" x14ac:dyDescent="0.3">
      <c r="A1761">
        <v>47.133333335692683</v>
      </c>
      <c r="B1761">
        <v>1039.98</v>
      </c>
      <c r="C1761">
        <v>1067.098</v>
      </c>
      <c r="D1761">
        <v>1059.7850000000001</v>
      </c>
      <c r="E1761">
        <v>1090.364</v>
      </c>
      <c r="F1761">
        <v>1103.2439999999999</v>
      </c>
      <c r="G1761">
        <v>1121.5630000000001</v>
      </c>
      <c r="H1761">
        <v>1141.2840000000001</v>
      </c>
      <c r="I1761">
        <v>1154.7349999999999</v>
      </c>
      <c r="J1761">
        <v>1168.366</v>
      </c>
      <c r="K1761">
        <v>1172.973</v>
      </c>
      <c r="L1761">
        <v>1180.1289999999999</v>
      </c>
      <c r="M1761">
        <v>1162.539</v>
      </c>
      <c r="N1761">
        <v>1012.4930000000001</v>
      </c>
      <c r="O1761">
        <v>1048.1880000000001</v>
      </c>
      <c r="P1761">
        <v>0</v>
      </c>
      <c r="Q1761">
        <v>0</v>
      </c>
      <c r="R1761">
        <v>1118.616</v>
      </c>
      <c r="S1761">
        <v>0</v>
      </c>
      <c r="T1761">
        <v>1139.1669999999999</v>
      </c>
      <c r="U1761">
        <v>1155.2719999999999</v>
      </c>
      <c r="V1761">
        <v>1163.4970000000001</v>
      </c>
      <c r="W1761">
        <v>1187.5709999999999</v>
      </c>
      <c r="X1761">
        <v>1203.595</v>
      </c>
      <c r="Y1761">
        <v>1200.3989999999999</v>
      </c>
    </row>
    <row r="1762" spans="1:25" x14ac:dyDescent="0.3">
      <c r="A1762">
        <v>47.166666666340703</v>
      </c>
      <c r="B1762">
        <v>1034.181</v>
      </c>
      <c r="C1762">
        <v>1066.9680000000001</v>
      </c>
      <c r="D1762">
        <v>1059.08</v>
      </c>
      <c r="E1762">
        <v>1091.3</v>
      </c>
      <c r="F1762">
        <v>1102.6420000000001</v>
      </c>
      <c r="G1762">
        <v>1121.242</v>
      </c>
      <c r="H1762">
        <v>1138.366</v>
      </c>
      <c r="I1762">
        <v>1148.7819999999999</v>
      </c>
      <c r="J1762">
        <v>1164.9739999999999</v>
      </c>
      <c r="K1762">
        <v>1172.934</v>
      </c>
      <c r="L1762">
        <v>1176.885</v>
      </c>
      <c r="M1762">
        <v>1155.924</v>
      </c>
      <c r="N1762">
        <v>1011.397</v>
      </c>
      <c r="O1762">
        <v>1051.3679999999999</v>
      </c>
      <c r="P1762">
        <v>0</v>
      </c>
      <c r="Q1762">
        <v>0</v>
      </c>
      <c r="R1762">
        <v>1121.5440000000001</v>
      </c>
      <c r="S1762">
        <v>0</v>
      </c>
      <c r="T1762">
        <v>1141.876</v>
      </c>
      <c r="U1762">
        <v>1159.279</v>
      </c>
      <c r="V1762">
        <v>1165.5329999999999</v>
      </c>
      <c r="W1762">
        <v>1187.8610000000001</v>
      </c>
      <c r="X1762">
        <v>1203.712</v>
      </c>
      <c r="Y1762">
        <v>1198.7629999999999</v>
      </c>
    </row>
    <row r="1763" spans="1:25" x14ac:dyDescent="0.3">
      <c r="A1763">
        <v>47.183333336903402</v>
      </c>
      <c r="B1763">
        <v>1035.856</v>
      </c>
      <c r="C1763">
        <v>1062.829</v>
      </c>
      <c r="D1763">
        <v>1059.6369999999999</v>
      </c>
      <c r="E1763">
        <v>1087.6489999999999</v>
      </c>
      <c r="F1763">
        <v>1100.799</v>
      </c>
      <c r="G1763">
        <v>1121.7139999999999</v>
      </c>
      <c r="H1763">
        <v>1137.5830000000001</v>
      </c>
      <c r="I1763">
        <v>1143.7639999999999</v>
      </c>
      <c r="J1763">
        <v>1157.5730000000001</v>
      </c>
      <c r="K1763">
        <v>1170.0050000000001</v>
      </c>
      <c r="L1763">
        <v>1177.29</v>
      </c>
      <c r="M1763">
        <v>1154.9839999999999</v>
      </c>
      <c r="N1763">
        <v>1004.052</v>
      </c>
      <c r="O1763">
        <v>1054.607</v>
      </c>
      <c r="P1763">
        <v>0</v>
      </c>
      <c r="Q1763">
        <v>0</v>
      </c>
      <c r="R1763">
        <v>1122.2809999999999</v>
      </c>
      <c r="S1763">
        <v>0</v>
      </c>
      <c r="T1763">
        <v>1140.3689999999999</v>
      </c>
      <c r="U1763">
        <v>1156.365</v>
      </c>
      <c r="V1763">
        <v>1164.2070000000001</v>
      </c>
      <c r="W1763">
        <v>1189.2560000000001</v>
      </c>
      <c r="X1763">
        <v>1199.873</v>
      </c>
      <c r="Y1763">
        <v>1195.586</v>
      </c>
    </row>
    <row r="1764" spans="1:25" x14ac:dyDescent="0.3">
      <c r="A1764">
        <v>47.216666667551422</v>
      </c>
      <c r="B1764">
        <v>1025.807</v>
      </c>
      <c r="C1764">
        <v>1060.5650000000001</v>
      </c>
      <c r="D1764">
        <v>1057.633</v>
      </c>
      <c r="E1764">
        <v>1084.673</v>
      </c>
      <c r="F1764">
        <v>1098.393</v>
      </c>
      <c r="G1764">
        <v>1120.864</v>
      </c>
      <c r="H1764">
        <v>1137.7750000000001</v>
      </c>
      <c r="I1764">
        <v>1149.412</v>
      </c>
      <c r="J1764">
        <v>1162.731</v>
      </c>
      <c r="K1764">
        <v>1174.4190000000001</v>
      </c>
      <c r="L1764">
        <v>1181.2149999999999</v>
      </c>
      <c r="M1764">
        <v>1157.42</v>
      </c>
      <c r="N1764">
        <v>1002.975</v>
      </c>
      <c r="O1764">
        <v>1054.0319999999999</v>
      </c>
      <c r="P1764">
        <v>0</v>
      </c>
      <c r="Q1764">
        <v>0</v>
      </c>
      <c r="R1764">
        <v>1115.8389999999999</v>
      </c>
      <c r="S1764">
        <v>0</v>
      </c>
      <c r="T1764">
        <v>1138.0039999999999</v>
      </c>
      <c r="U1764">
        <v>1155.598</v>
      </c>
      <c r="V1764">
        <v>1164.2070000000001</v>
      </c>
      <c r="W1764">
        <v>1189.18</v>
      </c>
      <c r="X1764">
        <v>1199.971</v>
      </c>
      <c r="Y1764">
        <v>1191.4860000000001</v>
      </c>
    </row>
    <row r="1765" spans="1:25" x14ac:dyDescent="0.3">
      <c r="A1765">
        <v>47.249999998199442</v>
      </c>
      <c r="B1765">
        <v>1034.4760000000001</v>
      </c>
      <c r="C1765">
        <v>1057.93</v>
      </c>
      <c r="D1765">
        <v>1058.097</v>
      </c>
      <c r="E1765">
        <v>1084.223</v>
      </c>
      <c r="F1765">
        <v>1098.43</v>
      </c>
      <c r="G1765">
        <v>1119.8630000000001</v>
      </c>
      <c r="H1765">
        <v>1135.643</v>
      </c>
      <c r="I1765">
        <v>1154.4290000000001</v>
      </c>
      <c r="J1765">
        <v>1165.5530000000001</v>
      </c>
      <c r="K1765">
        <v>1176.038</v>
      </c>
      <c r="L1765">
        <v>1182.3389999999999</v>
      </c>
      <c r="M1765">
        <v>1158.0719999999999</v>
      </c>
      <c r="N1765">
        <v>1004.181</v>
      </c>
      <c r="O1765">
        <v>1053.2719999999999</v>
      </c>
      <c r="P1765">
        <v>0</v>
      </c>
      <c r="Q1765">
        <v>0</v>
      </c>
      <c r="R1765">
        <v>1114.819</v>
      </c>
      <c r="S1765">
        <v>0</v>
      </c>
      <c r="T1765">
        <v>1132.53</v>
      </c>
      <c r="U1765">
        <v>1150.0989999999999</v>
      </c>
      <c r="V1765">
        <v>1153.681</v>
      </c>
      <c r="W1765">
        <v>1182.261</v>
      </c>
      <c r="X1765">
        <v>1203.0309999999999</v>
      </c>
      <c r="Y1765">
        <v>1195.684</v>
      </c>
    </row>
    <row r="1766" spans="1:25" x14ac:dyDescent="0.3">
      <c r="A1766">
        <v>47.266666668762142</v>
      </c>
      <c r="B1766">
        <v>1028.6759999999999</v>
      </c>
      <c r="C1766">
        <v>1061.01</v>
      </c>
      <c r="D1766">
        <v>1060.0450000000001</v>
      </c>
      <c r="E1766">
        <v>1086.357</v>
      </c>
      <c r="F1766">
        <v>1100.6859999999999</v>
      </c>
      <c r="G1766">
        <v>1123.5129999999999</v>
      </c>
      <c r="H1766">
        <v>1138.27</v>
      </c>
      <c r="I1766">
        <v>1155.77</v>
      </c>
      <c r="J1766">
        <v>1163.9570000000001</v>
      </c>
      <c r="K1766">
        <v>1173.069</v>
      </c>
      <c r="L1766">
        <v>1183.327</v>
      </c>
      <c r="M1766">
        <v>1160.8320000000001</v>
      </c>
      <c r="N1766">
        <v>1007.542</v>
      </c>
      <c r="O1766">
        <v>1052.44</v>
      </c>
      <c r="P1766">
        <v>0</v>
      </c>
      <c r="Q1766">
        <v>0</v>
      </c>
      <c r="R1766">
        <v>1118.4079999999999</v>
      </c>
      <c r="S1766">
        <v>0</v>
      </c>
      <c r="T1766">
        <v>1136.6300000000001</v>
      </c>
      <c r="U1766">
        <v>1151.4749999999999</v>
      </c>
      <c r="V1766">
        <v>1155.636</v>
      </c>
      <c r="W1766">
        <v>1189.1980000000001</v>
      </c>
      <c r="X1766">
        <v>1202.6600000000001</v>
      </c>
      <c r="Y1766">
        <v>1200.75</v>
      </c>
    </row>
    <row r="1767" spans="1:25" x14ac:dyDescent="0.3">
      <c r="A1767">
        <v>47.299999999410161</v>
      </c>
      <c r="B1767">
        <v>1036.501</v>
      </c>
      <c r="C1767">
        <v>1061.7529999999999</v>
      </c>
      <c r="D1767">
        <v>1062.1990000000001</v>
      </c>
      <c r="E1767">
        <v>1088.136</v>
      </c>
      <c r="F1767">
        <v>1099.634</v>
      </c>
      <c r="G1767">
        <v>1121.45</v>
      </c>
      <c r="H1767">
        <v>1136.327</v>
      </c>
      <c r="I1767">
        <v>1151.1690000000001</v>
      </c>
      <c r="J1767">
        <v>1156.691</v>
      </c>
      <c r="K1767">
        <v>1168.001</v>
      </c>
      <c r="L1767">
        <v>1176</v>
      </c>
      <c r="M1767">
        <v>1156.998</v>
      </c>
      <c r="N1767">
        <v>1004.035</v>
      </c>
      <c r="O1767">
        <v>1051.9970000000001</v>
      </c>
      <c r="P1767">
        <v>0</v>
      </c>
      <c r="Q1767">
        <v>0</v>
      </c>
      <c r="R1767">
        <v>1116.8209999999999</v>
      </c>
      <c r="S1767">
        <v>0</v>
      </c>
      <c r="T1767">
        <v>1135.32</v>
      </c>
      <c r="U1767">
        <v>1153.259</v>
      </c>
      <c r="V1767">
        <v>1156.538</v>
      </c>
      <c r="W1767">
        <v>1187.164</v>
      </c>
      <c r="X1767">
        <v>1198.8800000000001</v>
      </c>
      <c r="Y1767">
        <v>1194.6510000000001</v>
      </c>
    </row>
    <row r="1768" spans="1:25" x14ac:dyDescent="0.3">
      <c r="A1768">
        <v>47.316666669972861</v>
      </c>
      <c r="B1768">
        <v>1029.837</v>
      </c>
      <c r="C1768">
        <v>1060.826</v>
      </c>
      <c r="D1768">
        <v>1062.366</v>
      </c>
      <c r="E1768">
        <v>1088.193</v>
      </c>
      <c r="F1768">
        <v>1098.6379999999999</v>
      </c>
      <c r="G1768">
        <v>1120.317</v>
      </c>
      <c r="H1768">
        <v>1138.405</v>
      </c>
      <c r="I1768">
        <v>1149.317</v>
      </c>
      <c r="J1768">
        <v>1165.2070000000001</v>
      </c>
      <c r="K1768">
        <v>1177.6579999999999</v>
      </c>
      <c r="L1768">
        <v>1184.8779999999999</v>
      </c>
      <c r="M1768">
        <v>1163.556</v>
      </c>
      <c r="N1768">
        <v>1014.7670000000001</v>
      </c>
      <c r="O1768">
        <v>1050.3889999999999</v>
      </c>
      <c r="P1768">
        <v>0</v>
      </c>
      <c r="Q1768">
        <v>0</v>
      </c>
      <c r="R1768">
        <v>1114.1769999999999</v>
      </c>
      <c r="S1768">
        <v>0</v>
      </c>
      <c r="T1768">
        <v>1137.298</v>
      </c>
      <c r="U1768">
        <v>1160.373</v>
      </c>
      <c r="V1768">
        <v>1165.1489999999999</v>
      </c>
      <c r="W1768">
        <v>1189.9359999999999</v>
      </c>
      <c r="X1768">
        <v>1200.1859999999999</v>
      </c>
      <c r="Y1768">
        <v>1199.5239999999999</v>
      </c>
    </row>
    <row r="1769" spans="1:25" x14ac:dyDescent="0.3">
      <c r="A1769">
        <v>47.350000000620881</v>
      </c>
      <c r="B1769">
        <v>1024.799</v>
      </c>
      <c r="C1769">
        <v>1062.664</v>
      </c>
      <c r="D1769">
        <v>1063.1089999999999</v>
      </c>
      <c r="E1769">
        <v>1088.0630000000001</v>
      </c>
      <c r="F1769">
        <v>1098.6759999999999</v>
      </c>
      <c r="G1769">
        <v>1120.6769999999999</v>
      </c>
      <c r="H1769">
        <v>1140.4659999999999</v>
      </c>
      <c r="I1769">
        <v>1151.7270000000001</v>
      </c>
      <c r="J1769">
        <v>1164.4000000000001</v>
      </c>
      <c r="K1769">
        <v>1175.885</v>
      </c>
      <c r="L1769">
        <v>1185.1500000000001</v>
      </c>
      <c r="M1769">
        <v>1161.7929999999999</v>
      </c>
      <c r="N1769">
        <v>1020.453</v>
      </c>
      <c r="O1769">
        <v>1044.807</v>
      </c>
      <c r="P1769">
        <v>0</v>
      </c>
      <c r="Q1769">
        <v>0</v>
      </c>
      <c r="R1769">
        <v>1113.6679999999999</v>
      </c>
      <c r="S1769">
        <v>0</v>
      </c>
      <c r="T1769">
        <v>1138.615</v>
      </c>
      <c r="U1769">
        <v>1158.4760000000001</v>
      </c>
      <c r="V1769">
        <v>1166.325</v>
      </c>
      <c r="W1769">
        <v>1191.5450000000001</v>
      </c>
      <c r="X1769">
        <v>1202.798</v>
      </c>
      <c r="Y1769">
        <v>1201.434</v>
      </c>
    </row>
    <row r="1770" spans="1:25" x14ac:dyDescent="0.3">
      <c r="A1770">
        <v>47.383333331268901</v>
      </c>
      <c r="B1770">
        <v>1016.234</v>
      </c>
      <c r="C1770">
        <v>1061.1590000000001</v>
      </c>
      <c r="D1770">
        <v>1060.5650000000001</v>
      </c>
      <c r="E1770">
        <v>1087.818</v>
      </c>
      <c r="F1770">
        <v>1097.847</v>
      </c>
      <c r="G1770">
        <v>1119.221</v>
      </c>
      <c r="H1770">
        <v>1139.873</v>
      </c>
      <c r="I1770">
        <v>1150.347</v>
      </c>
      <c r="J1770">
        <v>1158.7239999999999</v>
      </c>
      <c r="K1770">
        <v>1174.3230000000001</v>
      </c>
      <c r="L1770">
        <v>1182.7270000000001</v>
      </c>
      <c r="M1770">
        <v>1162.942</v>
      </c>
      <c r="N1770">
        <v>1009.388</v>
      </c>
      <c r="O1770">
        <v>1047.191</v>
      </c>
      <c r="P1770">
        <v>0</v>
      </c>
      <c r="Q1770">
        <v>0</v>
      </c>
      <c r="R1770">
        <v>1114.875</v>
      </c>
      <c r="S1770">
        <v>0</v>
      </c>
      <c r="T1770">
        <v>1139.683</v>
      </c>
      <c r="U1770">
        <v>1156.749</v>
      </c>
      <c r="V1770">
        <v>1162.405</v>
      </c>
      <c r="W1770">
        <v>1187.9970000000001</v>
      </c>
      <c r="X1770">
        <v>1199.231</v>
      </c>
      <c r="Y1770">
        <v>1197.3209999999999</v>
      </c>
    </row>
    <row r="1771" spans="1:25" x14ac:dyDescent="0.3">
      <c r="A1771">
        <v>47.4000000018316</v>
      </c>
      <c r="B1771">
        <v>1014.5839999999999</v>
      </c>
      <c r="C1771">
        <v>1060.3989999999999</v>
      </c>
      <c r="D1771">
        <v>1056.1300000000001</v>
      </c>
      <c r="E1771">
        <v>1087.425</v>
      </c>
      <c r="F1771">
        <v>1098.4680000000001</v>
      </c>
      <c r="G1771">
        <v>1122.2059999999999</v>
      </c>
      <c r="H1771">
        <v>1139.492</v>
      </c>
      <c r="I1771">
        <v>1153.164</v>
      </c>
      <c r="J1771">
        <v>1161.2940000000001</v>
      </c>
      <c r="K1771">
        <v>1174.921</v>
      </c>
      <c r="L1771">
        <v>1182.03</v>
      </c>
      <c r="M1771">
        <v>1161.8109999999999</v>
      </c>
      <c r="N1771">
        <v>1005.607</v>
      </c>
      <c r="O1771">
        <v>1054.162</v>
      </c>
      <c r="P1771">
        <v>0</v>
      </c>
      <c r="Q1771">
        <v>0</v>
      </c>
      <c r="R1771">
        <v>1115.2159999999999</v>
      </c>
      <c r="S1771">
        <v>0</v>
      </c>
      <c r="T1771">
        <v>1141.6859999999999</v>
      </c>
      <c r="U1771">
        <v>1157.6310000000001</v>
      </c>
      <c r="V1771">
        <v>1162.77</v>
      </c>
      <c r="W1771">
        <v>1189.9749999999999</v>
      </c>
      <c r="X1771">
        <v>1199.329</v>
      </c>
      <c r="Y1771">
        <v>1193.7560000000001</v>
      </c>
    </row>
    <row r="1772" spans="1:25" x14ac:dyDescent="0.3">
      <c r="A1772">
        <v>47.43333333247962</v>
      </c>
      <c r="B1772">
        <v>1019.3150000000001</v>
      </c>
      <c r="C1772">
        <v>1062.403</v>
      </c>
      <c r="D1772">
        <v>1060.6769999999999</v>
      </c>
      <c r="E1772">
        <v>1090.346</v>
      </c>
      <c r="F1772">
        <v>1101.1199999999999</v>
      </c>
      <c r="G1772">
        <v>1124.3869999999999</v>
      </c>
      <c r="H1772">
        <v>1141.3620000000001</v>
      </c>
      <c r="I1772">
        <v>1151.2850000000001</v>
      </c>
      <c r="J1772">
        <v>1157.3630000000001</v>
      </c>
      <c r="K1772">
        <v>1171.452</v>
      </c>
      <c r="L1772">
        <v>1182.3009999999999</v>
      </c>
      <c r="M1772">
        <v>1158.82</v>
      </c>
      <c r="N1772">
        <v>1009.206</v>
      </c>
      <c r="O1772">
        <v>1056.9649999999999</v>
      </c>
      <c r="P1772">
        <v>0</v>
      </c>
      <c r="Q1772">
        <v>0</v>
      </c>
      <c r="R1772">
        <v>1113.308</v>
      </c>
      <c r="S1772">
        <v>0</v>
      </c>
      <c r="T1772">
        <v>1137.337</v>
      </c>
      <c r="U1772">
        <v>1154.3910000000001</v>
      </c>
      <c r="V1772">
        <v>1159.664</v>
      </c>
      <c r="W1772">
        <v>1185.421</v>
      </c>
      <c r="X1772">
        <v>1200.069</v>
      </c>
      <c r="Y1772">
        <v>1189.684</v>
      </c>
    </row>
    <row r="1773" spans="1:25" x14ac:dyDescent="0.3">
      <c r="A1773">
        <v>47.450000003042319</v>
      </c>
      <c r="B1773">
        <v>1015.482</v>
      </c>
      <c r="C1773">
        <v>1065.1869999999999</v>
      </c>
      <c r="D1773">
        <v>1064.9280000000001</v>
      </c>
      <c r="E1773">
        <v>1094.615</v>
      </c>
      <c r="F1773">
        <v>1106.1780000000001</v>
      </c>
      <c r="G1773">
        <v>1128.203</v>
      </c>
      <c r="H1773">
        <v>1144.758</v>
      </c>
      <c r="I1773">
        <v>1156.884</v>
      </c>
      <c r="J1773">
        <v>1160.6990000000001</v>
      </c>
      <c r="K1773">
        <v>1175.133</v>
      </c>
      <c r="L1773">
        <v>1183.444</v>
      </c>
      <c r="M1773">
        <v>1161.5999999999999</v>
      </c>
      <c r="N1773">
        <v>1011.088</v>
      </c>
      <c r="O1773">
        <v>1062.979</v>
      </c>
      <c r="P1773">
        <v>0</v>
      </c>
      <c r="Q1773">
        <v>0</v>
      </c>
      <c r="R1773">
        <v>1114.328</v>
      </c>
      <c r="S1773">
        <v>0</v>
      </c>
      <c r="T1773">
        <v>1136.5360000000001</v>
      </c>
      <c r="U1773">
        <v>1154.9090000000001</v>
      </c>
      <c r="V1773">
        <v>1162.847</v>
      </c>
      <c r="W1773">
        <v>1184.51</v>
      </c>
      <c r="X1773">
        <v>1202.915</v>
      </c>
      <c r="Y1773">
        <v>1193.6780000000001</v>
      </c>
    </row>
    <row r="1774" spans="1:25" x14ac:dyDescent="0.3">
      <c r="A1774">
        <v>47.483333333690339</v>
      </c>
      <c r="B1774">
        <v>1007.415</v>
      </c>
      <c r="C1774">
        <v>1066.356</v>
      </c>
      <c r="D1774">
        <v>1062.2729999999999</v>
      </c>
      <c r="E1774">
        <v>1093.921</v>
      </c>
      <c r="F1774">
        <v>1104.9739999999999</v>
      </c>
      <c r="G1774">
        <v>1125.6959999999999</v>
      </c>
      <c r="H1774">
        <v>1140.923</v>
      </c>
      <c r="I1774">
        <v>1152.55</v>
      </c>
      <c r="J1774">
        <v>1159.337</v>
      </c>
      <c r="K1774">
        <v>1172.8579999999999</v>
      </c>
      <c r="L1774">
        <v>1182.6099999999999</v>
      </c>
      <c r="M1774">
        <v>1159.682</v>
      </c>
      <c r="N1774">
        <v>1000.947</v>
      </c>
      <c r="O1774">
        <v>1065.3720000000001</v>
      </c>
      <c r="P1774">
        <v>0</v>
      </c>
      <c r="Q1774">
        <v>0</v>
      </c>
      <c r="R1774">
        <v>1116.009</v>
      </c>
      <c r="S1774">
        <v>0</v>
      </c>
      <c r="T1774">
        <v>1137.8889999999999</v>
      </c>
      <c r="U1774">
        <v>1153.9690000000001</v>
      </c>
      <c r="V1774">
        <v>1161.9829999999999</v>
      </c>
      <c r="W1774">
        <v>1183.114</v>
      </c>
      <c r="X1774">
        <v>1205.759</v>
      </c>
      <c r="Y1774">
        <v>1196.288</v>
      </c>
    </row>
    <row r="1775" spans="1:25" x14ac:dyDescent="0.3">
      <c r="A1775">
        <v>47.516666664338359</v>
      </c>
      <c r="B1775">
        <v>1015.885</v>
      </c>
      <c r="C1775">
        <v>1065.242</v>
      </c>
      <c r="D1775">
        <v>1066.152</v>
      </c>
      <c r="E1775">
        <v>1094.614</v>
      </c>
      <c r="F1775">
        <v>1104.0150000000001</v>
      </c>
      <c r="G1775">
        <v>1125.203</v>
      </c>
      <c r="H1775">
        <v>1139.492</v>
      </c>
      <c r="I1775">
        <v>1151.2270000000001</v>
      </c>
      <c r="J1775">
        <v>1158.7239999999999</v>
      </c>
      <c r="K1775">
        <v>1170.1980000000001</v>
      </c>
      <c r="L1775">
        <v>1180.44</v>
      </c>
      <c r="M1775">
        <v>1157.3430000000001</v>
      </c>
      <c r="N1775">
        <v>1000.034</v>
      </c>
      <c r="O1775">
        <v>1062.4580000000001</v>
      </c>
      <c r="P1775">
        <v>0</v>
      </c>
      <c r="Q1775">
        <v>0</v>
      </c>
      <c r="R1775">
        <v>1115.499</v>
      </c>
      <c r="S1775">
        <v>0</v>
      </c>
      <c r="T1775">
        <v>1135.7570000000001</v>
      </c>
      <c r="U1775">
        <v>1151.6099999999999</v>
      </c>
      <c r="V1775">
        <v>1160.5450000000001</v>
      </c>
      <c r="W1775">
        <v>1183.521</v>
      </c>
      <c r="X1775">
        <v>1199.6600000000001</v>
      </c>
      <c r="Y1775">
        <v>1192.6869999999999</v>
      </c>
    </row>
    <row r="1776" spans="1:25" x14ac:dyDescent="0.3">
      <c r="A1776">
        <v>47.533333334901059</v>
      </c>
      <c r="B1776">
        <v>1009.425</v>
      </c>
      <c r="C1776">
        <v>1064.7049999999999</v>
      </c>
      <c r="D1776">
        <v>1065.577</v>
      </c>
      <c r="E1776">
        <v>1094.4649999999999</v>
      </c>
      <c r="F1776">
        <v>1103.884</v>
      </c>
      <c r="G1776">
        <v>1126.096</v>
      </c>
      <c r="H1776">
        <v>1145.1389999999999</v>
      </c>
      <c r="I1776">
        <v>1156.481</v>
      </c>
      <c r="J1776">
        <v>1165.7660000000001</v>
      </c>
      <c r="K1776">
        <v>1174.9590000000001</v>
      </c>
      <c r="L1776">
        <v>1184.1030000000001</v>
      </c>
      <c r="M1776">
        <v>1158.954</v>
      </c>
      <c r="N1776">
        <v>1003.505</v>
      </c>
      <c r="O1776">
        <v>1060.77</v>
      </c>
      <c r="P1776">
        <v>0</v>
      </c>
      <c r="Q1776">
        <v>0</v>
      </c>
      <c r="R1776">
        <v>1114.442</v>
      </c>
      <c r="S1776">
        <v>0</v>
      </c>
      <c r="T1776">
        <v>1135.796</v>
      </c>
      <c r="U1776">
        <v>1155.2539999999999</v>
      </c>
      <c r="V1776">
        <v>1161.3320000000001</v>
      </c>
      <c r="W1776">
        <v>1181.952</v>
      </c>
      <c r="X1776">
        <v>1196.231</v>
      </c>
      <c r="Y1776">
        <v>1197.9259999999999</v>
      </c>
    </row>
    <row r="1777" spans="1:25" x14ac:dyDescent="0.3">
      <c r="A1777">
        <v>47.566666665549079</v>
      </c>
      <c r="B1777">
        <v>1009.0410000000001</v>
      </c>
      <c r="C1777">
        <v>1064.4449999999999</v>
      </c>
      <c r="D1777">
        <v>1062.7750000000001</v>
      </c>
      <c r="E1777">
        <v>1094.633</v>
      </c>
      <c r="F1777">
        <v>1105.4639999999999</v>
      </c>
      <c r="G1777">
        <v>1128.1079999999999</v>
      </c>
      <c r="H1777">
        <v>1147.2570000000001</v>
      </c>
      <c r="I1777">
        <v>1160.7570000000001</v>
      </c>
      <c r="J1777">
        <v>1167.134</v>
      </c>
      <c r="K1777">
        <v>1172.627</v>
      </c>
      <c r="L1777">
        <v>1183.25</v>
      </c>
      <c r="M1777">
        <v>1156.251</v>
      </c>
      <c r="N1777">
        <v>1004.401</v>
      </c>
      <c r="O1777">
        <v>1054.441</v>
      </c>
      <c r="P1777">
        <v>0</v>
      </c>
      <c r="Q1777">
        <v>0</v>
      </c>
      <c r="R1777">
        <v>1114.5550000000001</v>
      </c>
      <c r="S1777">
        <v>0</v>
      </c>
      <c r="T1777">
        <v>1134.049</v>
      </c>
      <c r="U1777">
        <v>1151.3040000000001</v>
      </c>
      <c r="V1777">
        <v>1156.232</v>
      </c>
      <c r="W1777">
        <v>1181.739</v>
      </c>
      <c r="X1777">
        <v>1197.4190000000001</v>
      </c>
      <c r="Y1777">
        <v>1195.1199999999999</v>
      </c>
    </row>
    <row r="1778" spans="1:25" x14ac:dyDescent="0.3">
      <c r="A1778">
        <v>47.583333336111778</v>
      </c>
      <c r="B1778">
        <v>1014.308</v>
      </c>
      <c r="C1778">
        <v>1061.011</v>
      </c>
      <c r="D1778">
        <v>1059.73</v>
      </c>
      <c r="E1778">
        <v>1090.8879999999999</v>
      </c>
      <c r="F1778">
        <v>1102.0219999999999</v>
      </c>
      <c r="G1778">
        <v>1123.096</v>
      </c>
      <c r="H1778">
        <v>1141.4949999999999</v>
      </c>
      <c r="I1778">
        <v>1156.02</v>
      </c>
      <c r="J1778">
        <v>1161.7909999999999</v>
      </c>
      <c r="K1778">
        <v>1172.723</v>
      </c>
      <c r="L1778">
        <v>1180.0719999999999</v>
      </c>
      <c r="M1778">
        <v>1154.9079999999999</v>
      </c>
      <c r="N1778">
        <v>1000.655</v>
      </c>
      <c r="O1778">
        <v>1047.893</v>
      </c>
      <c r="P1778">
        <v>0</v>
      </c>
      <c r="Q1778">
        <v>0</v>
      </c>
      <c r="R1778">
        <v>1117.52</v>
      </c>
      <c r="S1778">
        <v>0</v>
      </c>
      <c r="T1778">
        <v>1136.308</v>
      </c>
      <c r="U1778">
        <v>1156.48</v>
      </c>
      <c r="V1778">
        <v>1160.181</v>
      </c>
      <c r="W1778">
        <v>1180.653</v>
      </c>
      <c r="X1778">
        <v>1197.107</v>
      </c>
      <c r="Y1778">
        <v>1192.7260000000001</v>
      </c>
    </row>
    <row r="1779" spans="1:25" x14ac:dyDescent="0.3">
      <c r="A1779">
        <v>47.616666666759798</v>
      </c>
      <c r="B1779">
        <v>1018.288</v>
      </c>
      <c r="C1779">
        <v>1060.306</v>
      </c>
      <c r="D1779">
        <v>1054.8119999999999</v>
      </c>
      <c r="E1779">
        <v>1087.7439999999999</v>
      </c>
      <c r="F1779">
        <v>1098.0740000000001</v>
      </c>
      <c r="G1779">
        <v>1121.2809999999999</v>
      </c>
      <c r="H1779">
        <v>1136.6500000000001</v>
      </c>
      <c r="I1779">
        <v>1150.29</v>
      </c>
      <c r="J1779">
        <v>1158.7429999999999</v>
      </c>
      <c r="K1779">
        <v>1172.5119999999999</v>
      </c>
      <c r="L1779">
        <v>1182.4169999999999</v>
      </c>
      <c r="M1779">
        <v>1159.51</v>
      </c>
      <c r="N1779">
        <v>1000.052</v>
      </c>
      <c r="O1779">
        <v>1049.6679999999999</v>
      </c>
      <c r="P1779">
        <v>0</v>
      </c>
      <c r="Q1779">
        <v>0</v>
      </c>
      <c r="R1779">
        <v>1111.5129999999999</v>
      </c>
      <c r="S1779">
        <v>0</v>
      </c>
      <c r="T1779">
        <v>1135.0740000000001</v>
      </c>
      <c r="U1779">
        <v>1155.0999999999999</v>
      </c>
      <c r="V1779">
        <v>1162.0219999999999</v>
      </c>
      <c r="W1779">
        <v>1184.587</v>
      </c>
      <c r="X1779">
        <v>1197.2439999999999</v>
      </c>
      <c r="Y1779">
        <v>1194.009</v>
      </c>
    </row>
    <row r="1780" spans="1:25" x14ac:dyDescent="0.3">
      <c r="A1780">
        <v>47.649999997407818</v>
      </c>
      <c r="B1780">
        <v>1013.907</v>
      </c>
      <c r="C1780">
        <v>1057.7650000000001</v>
      </c>
      <c r="D1780">
        <v>1052.5360000000001</v>
      </c>
      <c r="E1780">
        <v>1085.855</v>
      </c>
      <c r="F1780">
        <v>1097.8130000000001</v>
      </c>
      <c r="G1780">
        <v>1118.884</v>
      </c>
      <c r="H1780">
        <v>1133.0650000000001</v>
      </c>
      <c r="I1780">
        <v>1145.046</v>
      </c>
      <c r="J1780">
        <v>1156.0229999999999</v>
      </c>
      <c r="K1780">
        <v>1168.8900000000001</v>
      </c>
      <c r="L1780">
        <v>1179.145</v>
      </c>
      <c r="M1780">
        <v>1152.8209999999999</v>
      </c>
      <c r="N1780">
        <v>999.41499999999996</v>
      </c>
      <c r="O1780">
        <v>1051.242</v>
      </c>
      <c r="P1780">
        <v>0</v>
      </c>
      <c r="Q1780">
        <v>0</v>
      </c>
      <c r="R1780">
        <v>1113.2909999999999</v>
      </c>
      <c r="S1780">
        <v>0</v>
      </c>
      <c r="T1780">
        <v>1131.7739999999999</v>
      </c>
      <c r="U1780">
        <v>1154.01</v>
      </c>
      <c r="V1780">
        <v>1160.644</v>
      </c>
      <c r="W1780">
        <v>1186.4110000000001</v>
      </c>
      <c r="X1780">
        <v>1197.1099999999999</v>
      </c>
      <c r="Y1780">
        <v>1194.46</v>
      </c>
    </row>
    <row r="1781" spans="1:25" x14ac:dyDescent="0.3">
      <c r="A1781">
        <v>47.666666667970517</v>
      </c>
      <c r="B1781">
        <v>1014.199</v>
      </c>
      <c r="C1781">
        <v>1057.2439999999999</v>
      </c>
      <c r="D1781">
        <v>1053.68</v>
      </c>
      <c r="E1781">
        <v>1083.8499999999999</v>
      </c>
      <c r="F1781">
        <v>1099.184</v>
      </c>
      <c r="G1781">
        <v>1121.1489999999999</v>
      </c>
      <c r="H1781">
        <v>1133.7460000000001</v>
      </c>
      <c r="I1781">
        <v>1145.3879999999999</v>
      </c>
      <c r="J1781">
        <v>1157.076</v>
      </c>
      <c r="K1781">
        <v>1172.7819999999999</v>
      </c>
      <c r="L1781">
        <v>1181.0809999999999</v>
      </c>
      <c r="M1781">
        <v>1155.5419999999999</v>
      </c>
      <c r="N1781">
        <v>999.46799999999996</v>
      </c>
      <c r="O1781">
        <v>1050.297</v>
      </c>
      <c r="P1781">
        <v>0</v>
      </c>
      <c r="Q1781">
        <v>0</v>
      </c>
      <c r="R1781">
        <v>1113.309</v>
      </c>
      <c r="S1781">
        <v>0</v>
      </c>
      <c r="T1781">
        <v>1130.8420000000001</v>
      </c>
      <c r="U1781">
        <v>1150.1379999999999</v>
      </c>
      <c r="V1781">
        <v>1156.884</v>
      </c>
      <c r="W1781">
        <v>1186.2349999999999</v>
      </c>
      <c r="X1781">
        <v>1201.337</v>
      </c>
      <c r="Y1781">
        <v>1203.8510000000001</v>
      </c>
    </row>
    <row r="1782" spans="1:25" x14ac:dyDescent="0.3">
      <c r="A1782">
        <v>47.699999998618537</v>
      </c>
      <c r="B1782">
        <v>1022.654</v>
      </c>
      <c r="C1782">
        <v>1057.2809999999999</v>
      </c>
      <c r="D1782">
        <v>1055.741</v>
      </c>
      <c r="E1782">
        <v>1086.509</v>
      </c>
      <c r="F1782">
        <v>1098.864</v>
      </c>
      <c r="G1782">
        <v>1122.2639999999999</v>
      </c>
      <c r="H1782">
        <v>1135.3409999999999</v>
      </c>
      <c r="I1782">
        <v>1147.2570000000001</v>
      </c>
      <c r="J1782">
        <v>1157.6320000000001</v>
      </c>
      <c r="K1782">
        <v>1169.5250000000001</v>
      </c>
      <c r="L1782">
        <v>1178.0250000000001</v>
      </c>
      <c r="M1782">
        <v>1154.6600000000001</v>
      </c>
      <c r="N1782">
        <v>1000.5650000000001</v>
      </c>
      <c r="O1782">
        <v>1045.0840000000001</v>
      </c>
      <c r="P1782">
        <v>0</v>
      </c>
      <c r="Q1782">
        <v>0</v>
      </c>
      <c r="R1782">
        <v>1115.481</v>
      </c>
      <c r="S1782">
        <v>0</v>
      </c>
      <c r="T1782">
        <v>1131.4110000000001</v>
      </c>
      <c r="U1782">
        <v>1151.5160000000001</v>
      </c>
      <c r="V1782">
        <v>1161.5239999999999</v>
      </c>
      <c r="W1782">
        <v>1184.6849999999999</v>
      </c>
      <c r="X1782">
        <v>1196.972</v>
      </c>
      <c r="Y1782">
        <v>1202.097</v>
      </c>
    </row>
    <row r="1783" spans="1:25" x14ac:dyDescent="0.3">
      <c r="A1783">
        <v>47.716666669181237</v>
      </c>
      <c r="B1783">
        <v>1021.021</v>
      </c>
      <c r="C1783">
        <v>1057.597</v>
      </c>
      <c r="D1783">
        <v>1057.615</v>
      </c>
      <c r="E1783">
        <v>1085.6099999999999</v>
      </c>
      <c r="F1783">
        <v>1097.2470000000001</v>
      </c>
      <c r="G1783">
        <v>1121.7159999999999</v>
      </c>
      <c r="H1783">
        <v>1135.549</v>
      </c>
      <c r="I1783">
        <v>1145.2159999999999</v>
      </c>
      <c r="J1783">
        <v>1152.8</v>
      </c>
      <c r="K1783">
        <v>1164.2850000000001</v>
      </c>
      <c r="L1783">
        <v>1176.425</v>
      </c>
      <c r="M1783">
        <v>1157.229</v>
      </c>
      <c r="N1783">
        <v>1001.058</v>
      </c>
      <c r="O1783">
        <v>1043.587</v>
      </c>
      <c r="P1783">
        <v>0</v>
      </c>
      <c r="Q1783">
        <v>0</v>
      </c>
      <c r="R1783">
        <v>1115.1220000000001</v>
      </c>
      <c r="S1783">
        <v>0</v>
      </c>
      <c r="T1783">
        <v>1130.7280000000001</v>
      </c>
      <c r="U1783">
        <v>1148.23</v>
      </c>
      <c r="V1783">
        <v>1154.6980000000001</v>
      </c>
      <c r="W1783">
        <v>1179.8989999999999</v>
      </c>
      <c r="X1783">
        <v>1192.049</v>
      </c>
      <c r="Y1783">
        <v>1195.51</v>
      </c>
    </row>
    <row r="1784" spans="1:25" x14ac:dyDescent="0.3">
      <c r="A1784">
        <v>47.749999999829257</v>
      </c>
      <c r="B1784">
        <v>1011.455</v>
      </c>
      <c r="C1784">
        <v>1058.434</v>
      </c>
      <c r="D1784">
        <v>1056.819</v>
      </c>
      <c r="E1784">
        <v>1085.537</v>
      </c>
      <c r="F1784">
        <v>1096.1389999999999</v>
      </c>
      <c r="G1784">
        <v>1118.1089999999999</v>
      </c>
      <c r="H1784">
        <v>1135.741</v>
      </c>
      <c r="I1784">
        <v>1150.0060000000001</v>
      </c>
      <c r="J1784">
        <v>1157.404</v>
      </c>
      <c r="K1784">
        <v>1167.58</v>
      </c>
      <c r="L1784">
        <v>1176.0029999999999</v>
      </c>
      <c r="M1784">
        <v>1156.0039999999999</v>
      </c>
      <c r="N1784">
        <v>1006.65</v>
      </c>
      <c r="O1784">
        <v>1041.038</v>
      </c>
      <c r="P1784">
        <v>0</v>
      </c>
      <c r="Q1784">
        <v>0</v>
      </c>
      <c r="R1784">
        <v>1115.143</v>
      </c>
      <c r="S1784">
        <v>0</v>
      </c>
      <c r="T1784">
        <v>1132.248</v>
      </c>
      <c r="U1784">
        <v>1149.9490000000001</v>
      </c>
      <c r="V1784">
        <v>1154.9490000000001</v>
      </c>
      <c r="W1784">
        <v>1179.222</v>
      </c>
      <c r="X1784">
        <v>1189.6669999999999</v>
      </c>
      <c r="Y1784">
        <v>1190.7719999999999</v>
      </c>
    </row>
    <row r="1785" spans="1:25" x14ac:dyDescent="0.3">
      <c r="A1785">
        <v>47.783333330477276</v>
      </c>
      <c r="B1785">
        <v>1012.075</v>
      </c>
      <c r="C1785">
        <v>1056.038</v>
      </c>
      <c r="D1785">
        <v>1054.5160000000001</v>
      </c>
      <c r="E1785">
        <v>1084.7860000000001</v>
      </c>
      <c r="F1785">
        <v>1095.6300000000001</v>
      </c>
      <c r="G1785">
        <v>1119.5239999999999</v>
      </c>
      <c r="H1785">
        <v>1136.2139999999999</v>
      </c>
      <c r="I1785">
        <v>1147.5820000000001</v>
      </c>
      <c r="J1785">
        <v>1156.367</v>
      </c>
      <c r="K1785">
        <v>1167.366</v>
      </c>
      <c r="L1785">
        <v>1177.6389999999999</v>
      </c>
      <c r="M1785">
        <v>1155.3699999999999</v>
      </c>
      <c r="N1785">
        <v>1004.675</v>
      </c>
      <c r="O1785">
        <v>1032.894</v>
      </c>
      <c r="P1785">
        <v>0</v>
      </c>
      <c r="Q1785">
        <v>0</v>
      </c>
      <c r="R1785">
        <v>1119.4490000000001</v>
      </c>
      <c r="S1785">
        <v>0</v>
      </c>
      <c r="T1785">
        <v>1133.1769999999999</v>
      </c>
      <c r="U1785">
        <v>1148.4970000000001</v>
      </c>
      <c r="V1785">
        <v>1154.027</v>
      </c>
      <c r="W1785">
        <v>1181.836</v>
      </c>
      <c r="X1785">
        <v>1196.0170000000001</v>
      </c>
      <c r="Y1785">
        <v>1194.653</v>
      </c>
    </row>
    <row r="1786" spans="1:25" x14ac:dyDescent="0.3">
      <c r="A1786">
        <v>47.800000001039976</v>
      </c>
      <c r="B1786">
        <v>1013.797</v>
      </c>
      <c r="C1786">
        <v>1055.6679999999999</v>
      </c>
      <c r="D1786">
        <v>1053.8119999999999</v>
      </c>
      <c r="E1786">
        <v>1086.604</v>
      </c>
      <c r="F1786">
        <v>1100.521</v>
      </c>
      <c r="G1786">
        <v>1122.058</v>
      </c>
      <c r="H1786">
        <v>1135.779</v>
      </c>
      <c r="I1786">
        <v>1154.528</v>
      </c>
      <c r="J1786">
        <v>1165.922</v>
      </c>
      <c r="K1786">
        <v>1175.309</v>
      </c>
      <c r="L1786">
        <v>1183.1949999999999</v>
      </c>
      <c r="M1786">
        <v>1158.3240000000001</v>
      </c>
      <c r="N1786">
        <v>1010.304</v>
      </c>
      <c r="O1786">
        <v>1033.19</v>
      </c>
      <c r="P1786">
        <v>0</v>
      </c>
      <c r="Q1786">
        <v>0</v>
      </c>
      <c r="R1786">
        <v>1119.356</v>
      </c>
      <c r="S1786">
        <v>0</v>
      </c>
      <c r="T1786">
        <v>1136.2539999999999</v>
      </c>
      <c r="U1786">
        <v>1151.69</v>
      </c>
      <c r="V1786">
        <v>1155.9079999999999</v>
      </c>
      <c r="W1786">
        <v>1183.5820000000001</v>
      </c>
      <c r="X1786">
        <v>1200.6559999999999</v>
      </c>
      <c r="Y1786">
        <v>1200.345</v>
      </c>
    </row>
    <row r="1787" spans="1:25" x14ac:dyDescent="0.3">
      <c r="A1787">
        <v>47.833333331687996</v>
      </c>
      <c r="B1787">
        <v>1008.897</v>
      </c>
      <c r="C1787">
        <v>1056.652</v>
      </c>
      <c r="D1787">
        <v>1055.1300000000001</v>
      </c>
      <c r="E1787">
        <v>1087.521</v>
      </c>
      <c r="F1787">
        <v>1099.9000000000001</v>
      </c>
      <c r="G1787">
        <v>1121.0940000000001</v>
      </c>
      <c r="H1787">
        <v>1137.2819999999999</v>
      </c>
      <c r="I1787">
        <v>1155.6210000000001</v>
      </c>
      <c r="J1787">
        <v>1170.895</v>
      </c>
      <c r="K1787">
        <v>1176.6579999999999</v>
      </c>
      <c r="L1787">
        <v>1180.7529999999999</v>
      </c>
      <c r="M1787">
        <v>1160.567</v>
      </c>
      <c r="N1787">
        <v>1016.658</v>
      </c>
      <c r="O1787">
        <v>1035.473</v>
      </c>
      <c r="P1787">
        <v>0</v>
      </c>
      <c r="Q1787">
        <v>0</v>
      </c>
      <c r="R1787">
        <v>1116.3900000000001</v>
      </c>
      <c r="S1787">
        <v>0</v>
      </c>
      <c r="T1787">
        <v>1138.865</v>
      </c>
      <c r="U1787">
        <v>1157.001</v>
      </c>
      <c r="V1787">
        <v>1163.712</v>
      </c>
      <c r="W1787">
        <v>1185.9849999999999</v>
      </c>
      <c r="X1787">
        <v>1202.1369999999999</v>
      </c>
      <c r="Y1787">
        <v>1199.9159999999999</v>
      </c>
    </row>
    <row r="1788" spans="1:25" x14ac:dyDescent="0.3">
      <c r="A1788">
        <v>47.866666672813395</v>
      </c>
      <c r="B1788">
        <v>1014.385</v>
      </c>
      <c r="C1788">
        <v>1054.2950000000001</v>
      </c>
      <c r="D1788">
        <v>1051.557</v>
      </c>
      <c r="E1788">
        <v>1086.3989999999999</v>
      </c>
      <c r="F1788">
        <v>1101.7249999999999</v>
      </c>
      <c r="G1788">
        <v>1122.8150000000001</v>
      </c>
      <c r="H1788">
        <v>1138.732</v>
      </c>
      <c r="I1788">
        <v>1156.81</v>
      </c>
      <c r="J1788">
        <v>1172.4949999999999</v>
      </c>
      <c r="K1788">
        <v>1178.451</v>
      </c>
      <c r="L1788">
        <v>1183.5830000000001</v>
      </c>
      <c r="M1788">
        <v>1162.0060000000001</v>
      </c>
      <c r="N1788">
        <v>1014.751</v>
      </c>
      <c r="O1788">
        <v>1034.1300000000001</v>
      </c>
      <c r="P1788">
        <v>0</v>
      </c>
      <c r="Q1788">
        <v>0</v>
      </c>
      <c r="R1788">
        <v>1114.1420000000001</v>
      </c>
      <c r="S1788">
        <v>0</v>
      </c>
      <c r="T1788">
        <v>1134.375</v>
      </c>
      <c r="U1788">
        <v>1155.7739999999999</v>
      </c>
      <c r="V1788">
        <v>1162.0060000000001</v>
      </c>
      <c r="W1788">
        <v>1183.835</v>
      </c>
      <c r="X1788">
        <v>1199.9549999999999</v>
      </c>
      <c r="Y1788">
        <v>1199.702</v>
      </c>
    </row>
    <row r="1789" spans="1:25" x14ac:dyDescent="0.3">
      <c r="A1789">
        <v>47.883333332898715</v>
      </c>
      <c r="B1789">
        <v>1020.51</v>
      </c>
      <c r="C1789">
        <v>1054.6659999999999</v>
      </c>
      <c r="D1789">
        <v>1052.7950000000001</v>
      </c>
      <c r="E1789">
        <v>1086.867</v>
      </c>
      <c r="F1789">
        <v>1103.3230000000001</v>
      </c>
      <c r="G1789">
        <v>1124.2570000000001</v>
      </c>
      <c r="H1789">
        <v>1140.4490000000001</v>
      </c>
      <c r="I1789">
        <v>1156.1389999999999</v>
      </c>
      <c r="J1789">
        <v>1163.616</v>
      </c>
      <c r="K1789">
        <v>1174.654</v>
      </c>
      <c r="L1789">
        <v>1181.2190000000001</v>
      </c>
      <c r="M1789">
        <v>1159.82</v>
      </c>
      <c r="N1789">
        <v>1016.971</v>
      </c>
      <c r="O1789">
        <v>1030.079</v>
      </c>
      <c r="P1789">
        <v>0</v>
      </c>
      <c r="Q1789">
        <v>0</v>
      </c>
      <c r="R1789">
        <v>1115.049</v>
      </c>
      <c r="S1789">
        <v>0</v>
      </c>
      <c r="T1789">
        <v>1132.5719999999999</v>
      </c>
      <c r="U1789">
        <v>1154.797</v>
      </c>
      <c r="V1789">
        <v>1159.4749999999999</v>
      </c>
      <c r="W1789">
        <v>1183.1559999999999</v>
      </c>
      <c r="X1789">
        <v>1201.5730000000001</v>
      </c>
      <c r="Y1789">
        <v>1200.1110000000001</v>
      </c>
    </row>
    <row r="1790" spans="1:25" x14ac:dyDescent="0.3">
      <c r="A1790">
        <v>47.916666663546735</v>
      </c>
      <c r="B1790">
        <v>1025.4059999999999</v>
      </c>
      <c r="C1790">
        <v>1057.116</v>
      </c>
      <c r="D1790">
        <v>1054.684</v>
      </c>
      <c r="E1790">
        <v>1088.008</v>
      </c>
      <c r="F1790">
        <v>1101.78</v>
      </c>
      <c r="G1790">
        <v>1123.8579999999999</v>
      </c>
      <c r="H1790">
        <v>1139.2280000000001</v>
      </c>
      <c r="I1790">
        <v>1149.3579999999999</v>
      </c>
      <c r="J1790">
        <v>1154.278</v>
      </c>
      <c r="K1790">
        <v>1166.924</v>
      </c>
      <c r="L1790">
        <v>1177.9110000000001</v>
      </c>
      <c r="M1790">
        <v>1154.528</v>
      </c>
      <c r="N1790">
        <v>1007.198</v>
      </c>
      <c r="O1790">
        <v>1036.394</v>
      </c>
      <c r="P1790">
        <v>0</v>
      </c>
      <c r="Q1790">
        <v>0</v>
      </c>
      <c r="R1790">
        <v>1115.9549999999999</v>
      </c>
      <c r="S1790">
        <v>0</v>
      </c>
      <c r="T1790">
        <v>1136.443</v>
      </c>
      <c r="U1790">
        <v>1158.7840000000001</v>
      </c>
      <c r="V1790">
        <v>1165.46</v>
      </c>
      <c r="W1790">
        <v>1187.749</v>
      </c>
      <c r="X1790">
        <v>1196.6030000000001</v>
      </c>
      <c r="Y1790">
        <v>1195.298</v>
      </c>
    </row>
    <row r="1791" spans="1:25" x14ac:dyDescent="0.3">
      <c r="A1791">
        <v>47.933333334109435</v>
      </c>
      <c r="B1791">
        <v>1028.7349999999999</v>
      </c>
      <c r="C1791">
        <v>1057.5060000000001</v>
      </c>
      <c r="D1791">
        <v>1052.8320000000001</v>
      </c>
      <c r="E1791">
        <v>1089.712</v>
      </c>
      <c r="F1791">
        <v>1107.817</v>
      </c>
      <c r="G1791">
        <v>1126.7049999999999</v>
      </c>
      <c r="H1791">
        <v>1141.8219999999999</v>
      </c>
      <c r="I1791">
        <v>1156.33</v>
      </c>
      <c r="J1791">
        <v>1162.1010000000001</v>
      </c>
      <c r="K1791">
        <v>1170.721</v>
      </c>
      <c r="L1791">
        <v>1178.0260000000001</v>
      </c>
      <c r="M1791">
        <v>1153.0129999999999</v>
      </c>
      <c r="N1791">
        <v>1001.059</v>
      </c>
      <c r="O1791">
        <v>1041.001</v>
      </c>
      <c r="P1791">
        <v>0</v>
      </c>
      <c r="Q1791">
        <v>0</v>
      </c>
      <c r="R1791">
        <v>1112.7059999999999</v>
      </c>
      <c r="S1791">
        <v>0</v>
      </c>
      <c r="T1791">
        <v>1132.6089999999999</v>
      </c>
      <c r="U1791">
        <v>1154.067</v>
      </c>
      <c r="V1791">
        <v>1160.797</v>
      </c>
      <c r="W1791">
        <v>1180.23</v>
      </c>
      <c r="X1791">
        <v>1194.654</v>
      </c>
      <c r="Y1791">
        <v>1192.2829999999999</v>
      </c>
    </row>
    <row r="1792" spans="1:25" x14ac:dyDescent="0.3">
      <c r="A1792">
        <v>47.966666664757454</v>
      </c>
      <c r="B1792">
        <v>1019.024</v>
      </c>
      <c r="C1792">
        <v>1055.6310000000001</v>
      </c>
      <c r="D1792">
        <v>1049.393</v>
      </c>
      <c r="E1792">
        <v>1086.0050000000001</v>
      </c>
      <c r="F1792">
        <v>1104.1869999999999</v>
      </c>
      <c r="G1792">
        <v>1125.604</v>
      </c>
      <c r="H1792">
        <v>1140.8109999999999</v>
      </c>
      <c r="I1792">
        <v>1152.6289999999999</v>
      </c>
      <c r="J1792">
        <v>1162.0239999999999</v>
      </c>
      <c r="K1792">
        <v>1171.396</v>
      </c>
      <c r="L1792">
        <v>1179.086</v>
      </c>
      <c r="M1792">
        <v>1152.7059999999999</v>
      </c>
      <c r="N1792">
        <v>997.34</v>
      </c>
      <c r="O1792">
        <v>1042.3499999999999</v>
      </c>
      <c r="P1792">
        <v>0</v>
      </c>
      <c r="Q1792">
        <v>0</v>
      </c>
      <c r="R1792">
        <v>1110.6089999999999</v>
      </c>
      <c r="S1792">
        <v>0</v>
      </c>
      <c r="T1792">
        <v>1127.1610000000001</v>
      </c>
      <c r="U1792">
        <v>1148.442</v>
      </c>
      <c r="V1792">
        <v>1158.6880000000001</v>
      </c>
      <c r="W1792">
        <v>1182.5360000000001</v>
      </c>
      <c r="X1792">
        <v>1199.3510000000001</v>
      </c>
      <c r="Y1792">
        <v>1192.864</v>
      </c>
    </row>
    <row r="1793" spans="1:25" x14ac:dyDescent="0.3">
      <c r="A1793">
        <v>48.000000005882853</v>
      </c>
      <c r="B1793">
        <v>1018.181</v>
      </c>
      <c r="C1793">
        <v>1056.8009999999999</v>
      </c>
      <c r="D1793">
        <v>1049.32</v>
      </c>
      <c r="E1793">
        <v>1085.144</v>
      </c>
      <c r="F1793">
        <v>1099.4490000000001</v>
      </c>
      <c r="G1793">
        <v>1118.865</v>
      </c>
      <c r="H1793">
        <v>1133.729</v>
      </c>
      <c r="I1793">
        <v>1145.4659999999999</v>
      </c>
      <c r="J1793">
        <v>1154.145</v>
      </c>
      <c r="K1793">
        <v>1164.23</v>
      </c>
      <c r="L1793">
        <v>1174.827</v>
      </c>
      <c r="M1793">
        <v>1153.991</v>
      </c>
      <c r="N1793">
        <v>989.15</v>
      </c>
      <c r="O1793">
        <v>1040.28</v>
      </c>
      <c r="P1793">
        <v>0</v>
      </c>
      <c r="Q1793">
        <v>0</v>
      </c>
      <c r="R1793">
        <v>1110.93</v>
      </c>
      <c r="S1793">
        <v>0</v>
      </c>
      <c r="T1793">
        <v>1130.047</v>
      </c>
      <c r="U1793">
        <v>1151.633</v>
      </c>
      <c r="V1793">
        <v>1162.4659999999999</v>
      </c>
      <c r="W1793">
        <v>1179.5709999999999</v>
      </c>
      <c r="X1793">
        <v>1197.442</v>
      </c>
      <c r="Y1793">
        <v>1199.02</v>
      </c>
    </row>
    <row r="1794" spans="1:25" x14ac:dyDescent="0.3">
      <c r="A1794">
        <v>48.016666665968174</v>
      </c>
      <c r="B1794">
        <v>1014.5309999999999</v>
      </c>
      <c r="C1794">
        <v>1054.5550000000001</v>
      </c>
      <c r="D1794">
        <v>1047.3230000000001</v>
      </c>
      <c r="E1794">
        <v>1082.4860000000001</v>
      </c>
      <c r="F1794">
        <v>1096.9480000000001</v>
      </c>
      <c r="G1794">
        <v>1116.9000000000001</v>
      </c>
      <c r="H1794">
        <v>1131.1099999999999</v>
      </c>
      <c r="I1794">
        <v>1142.414</v>
      </c>
      <c r="J1794">
        <v>1154.432</v>
      </c>
      <c r="K1794">
        <v>1163.386</v>
      </c>
      <c r="L1794">
        <v>1170.934</v>
      </c>
      <c r="M1794">
        <v>1152.6300000000001</v>
      </c>
      <c r="N1794">
        <v>989.29499999999996</v>
      </c>
      <c r="O1794">
        <v>1032.7860000000001</v>
      </c>
      <c r="P1794">
        <v>0</v>
      </c>
      <c r="Q1794">
        <v>0</v>
      </c>
      <c r="R1794">
        <v>1110.4580000000001</v>
      </c>
      <c r="S1794">
        <v>0</v>
      </c>
      <c r="T1794">
        <v>1126.6679999999999</v>
      </c>
      <c r="U1794">
        <v>1146.4580000000001</v>
      </c>
      <c r="V1794">
        <v>1157.596</v>
      </c>
      <c r="W1794">
        <v>1176.1769999999999</v>
      </c>
      <c r="X1794">
        <v>1195.0450000000001</v>
      </c>
      <c r="Y1794">
        <v>1200.0719999999999</v>
      </c>
    </row>
    <row r="1795" spans="1:25" x14ac:dyDescent="0.3">
      <c r="A1795">
        <v>48.049999996616194</v>
      </c>
      <c r="B1795">
        <v>1021.574</v>
      </c>
      <c r="C1795">
        <v>1053.702</v>
      </c>
      <c r="D1795">
        <v>1047.1210000000001</v>
      </c>
      <c r="E1795">
        <v>1082.8420000000001</v>
      </c>
      <c r="F1795">
        <v>1092.8579999999999</v>
      </c>
      <c r="G1795">
        <v>1112.499</v>
      </c>
      <c r="H1795">
        <v>1128.472</v>
      </c>
      <c r="I1795">
        <v>1141.1559999999999</v>
      </c>
      <c r="J1795">
        <v>1148.462</v>
      </c>
      <c r="K1795">
        <v>1160.914</v>
      </c>
      <c r="L1795">
        <v>1169.0840000000001</v>
      </c>
      <c r="M1795">
        <v>1152.1320000000001</v>
      </c>
      <c r="N1795">
        <v>996.08500000000004</v>
      </c>
      <c r="O1795">
        <v>1034.296</v>
      </c>
      <c r="P1795">
        <v>0</v>
      </c>
      <c r="Q1795">
        <v>0</v>
      </c>
      <c r="R1795">
        <v>1108.9280000000001</v>
      </c>
      <c r="S1795">
        <v>0</v>
      </c>
      <c r="T1795">
        <v>1124.865</v>
      </c>
      <c r="U1795">
        <v>1148.386</v>
      </c>
      <c r="V1795">
        <v>1157.98</v>
      </c>
      <c r="W1795">
        <v>1179.4559999999999</v>
      </c>
      <c r="X1795">
        <v>1192.556</v>
      </c>
      <c r="Y1795">
        <v>1199.644</v>
      </c>
    </row>
    <row r="1796" spans="1:25" x14ac:dyDescent="0.3">
      <c r="A1796">
        <v>48.066666667178893</v>
      </c>
      <c r="B1796">
        <v>1023.976</v>
      </c>
      <c r="C1796">
        <v>1055.075</v>
      </c>
      <c r="D1796">
        <v>1045.9179999999999</v>
      </c>
      <c r="E1796">
        <v>1081.943</v>
      </c>
      <c r="F1796">
        <v>1091.7719999999999</v>
      </c>
      <c r="G1796">
        <v>1111.0250000000001</v>
      </c>
      <c r="H1796">
        <v>1129.383</v>
      </c>
      <c r="I1796">
        <v>1140.4680000000001</v>
      </c>
      <c r="J1796">
        <v>1151.9590000000001</v>
      </c>
      <c r="K1796">
        <v>1168.0809999999999</v>
      </c>
      <c r="L1796">
        <v>1173.864</v>
      </c>
      <c r="M1796">
        <v>1157.078</v>
      </c>
      <c r="N1796">
        <v>999.81799999999998</v>
      </c>
      <c r="O1796">
        <v>1032.1959999999999</v>
      </c>
      <c r="P1796">
        <v>0</v>
      </c>
      <c r="Q1796">
        <v>0</v>
      </c>
      <c r="R1796">
        <v>1110.25</v>
      </c>
      <c r="S1796">
        <v>0</v>
      </c>
      <c r="T1796">
        <v>1125.605</v>
      </c>
      <c r="U1796">
        <v>1146.306</v>
      </c>
      <c r="V1796">
        <v>1155.9659999999999</v>
      </c>
      <c r="W1796">
        <v>1187.0899999999999</v>
      </c>
      <c r="X1796">
        <v>1193.4269999999999</v>
      </c>
      <c r="Y1796">
        <v>1199.9549999999999</v>
      </c>
    </row>
    <row r="1797" spans="1:25" x14ac:dyDescent="0.3">
      <c r="A1797">
        <v>48.099999997826913</v>
      </c>
      <c r="B1797">
        <v>1026.8399999999999</v>
      </c>
      <c r="C1797">
        <v>1054.723</v>
      </c>
      <c r="D1797">
        <v>1048.729</v>
      </c>
      <c r="E1797">
        <v>1082.1120000000001</v>
      </c>
      <c r="F1797">
        <v>1095.558</v>
      </c>
      <c r="G1797">
        <v>1116.9580000000001</v>
      </c>
      <c r="H1797">
        <v>1132.269</v>
      </c>
      <c r="I1797">
        <v>1142.606</v>
      </c>
      <c r="J1797">
        <v>1156.5429999999999</v>
      </c>
      <c r="K1797">
        <v>1168.0830000000001</v>
      </c>
      <c r="L1797">
        <v>1176.2550000000001</v>
      </c>
      <c r="M1797">
        <v>1160.742</v>
      </c>
      <c r="N1797">
        <v>1018.109</v>
      </c>
      <c r="O1797">
        <v>1025.0409999999999</v>
      </c>
      <c r="P1797">
        <v>0</v>
      </c>
      <c r="Q1797">
        <v>0</v>
      </c>
      <c r="R1797">
        <v>1113.8599999999999</v>
      </c>
      <c r="S1797">
        <v>0</v>
      </c>
      <c r="T1797">
        <v>1130.732</v>
      </c>
      <c r="U1797">
        <v>1148.3869999999999</v>
      </c>
      <c r="V1797">
        <v>1156.4659999999999</v>
      </c>
      <c r="W1797">
        <v>1183.2550000000001</v>
      </c>
      <c r="X1797">
        <v>1195.338</v>
      </c>
      <c r="Y1797">
        <v>1196.702</v>
      </c>
    </row>
    <row r="1798" spans="1:25" x14ac:dyDescent="0.3">
      <c r="A1798">
        <v>48.133333338952312</v>
      </c>
      <c r="B1798">
        <v>1028.2560000000001</v>
      </c>
      <c r="C1798">
        <v>1053.998</v>
      </c>
      <c r="D1798">
        <v>1050.096</v>
      </c>
      <c r="E1798">
        <v>1084.807</v>
      </c>
      <c r="F1798">
        <v>1096.027</v>
      </c>
      <c r="G1798">
        <v>1118.1469999999999</v>
      </c>
      <c r="H1798">
        <v>1131.5650000000001</v>
      </c>
      <c r="I1798">
        <v>1141.098</v>
      </c>
      <c r="J1798">
        <v>1154.797</v>
      </c>
      <c r="K1798">
        <v>1168.8720000000001</v>
      </c>
      <c r="L1798">
        <v>1176.7929999999999</v>
      </c>
      <c r="M1798">
        <v>1155.6400000000001</v>
      </c>
      <c r="N1798">
        <v>1008.606</v>
      </c>
      <c r="O1798">
        <v>1029.1220000000001</v>
      </c>
      <c r="P1798">
        <v>0</v>
      </c>
      <c r="Q1798">
        <v>0</v>
      </c>
      <c r="R1798">
        <v>1112.0070000000001</v>
      </c>
      <c r="S1798">
        <v>0</v>
      </c>
      <c r="T1798">
        <v>1130.616</v>
      </c>
      <c r="U1798">
        <v>1149.683</v>
      </c>
      <c r="V1798">
        <v>1159.4559999999999</v>
      </c>
      <c r="W1798">
        <v>1184.9390000000001</v>
      </c>
      <c r="X1798">
        <v>1195.941</v>
      </c>
      <c r="Y1798">
        <v>1199.644</v>
      </c>
    </row>
    <row r="1799" spans="1:25" x14ac:dyDescent="0.3">
      <c r="A1799">
        <v>48.149999999037632</v>
      </c>
      <c r="B1799">
        <v>1028.847</v>
      </c>
      <c r="C1799">
        <v>1051.6320000000001</v>
      </c>
      <c r="D1799">
        <v>1048.3779999999999</v>
      </c>
      <c r="E1799">
        <v>1083.5170000000001</v>
      </c>
      <c r="F1799">
        <v>1093.5329999999999</v>
      </c>
      <c r="G1799">
        <v>1116.4860000000001</v>
      </c>
      <c r="H1799">
        <v>1129.8009999999999</v>
      </c>
      <c r="I1799">
        <v>1137.3979999999999</v>
      </c>
      <c r="J1799">
        <v>1150.7139999999999</v>
      </c>
      <c r="K1799">
        <v>1164.059</v>
      </c>
      <c r="L1799">
        <v>1177.97</v>
      </c>
      <c r="M1799">
        <v>1158.9010000000001</v>
      </c>
      <c r="N1799">
        <v>1003.528</v>
      </c>
      <c r="O1799">
        <v>1025.665</v>
      </c>
      <c r="P1799">
        <v>0</v>
      </c>
      <c r="Q1799">
        <v>0</v>
      </c>
      <c r="R1799">
        <v>1112.348</v>
      </c>
      <c r="S1799">
        <v>0</v>
      </c>
      <c r="T1799">
        <v>1130.2190000000001</v>
      </c>
      <c r="U1799">
        <v>1150.0840000000001</v>
      </c>
      <c r="V1799">
        <v>1157.252</v>
      </c>
      <c r="W1799">
        <v>1184.4369999999999</v>
      </c>
      <c r="X1799">
        <v>1198.261</v>
      </c>
      <c r="Y1799">
        <v>1196.663</v>
      </c>
    </row>
    <row r="1800" spans="1:25" x14ac:dyDescent="0.3">
      <c r="A1800">
        <v>48.183333329685652</v>
      </c>
      <c r="B1800">
        <v>1023.023</v>
      </c>
      <c r="C1800">
        <v>1048.452</v>
      </c>
      <c r="D1800">
        <v>1044.2919999999999</v>
      </c>
      <c r="E1800">
        <v>1078.6400000000001</v>
      </c>
      <c r="F1800">
        <v>1094.3</v>
      </c>
      <c r="G1800">
        <v>1116.8820000000001</v>
      </c>
      <c r="H1800">
        <v>1127.105</v>
      </c>
      <c r="I1800">
        <v>1134.9259999999999</v>
      </c>
      <c r="J1800">
        <v>1148.538</v>
      </c>
      <c r="K1800">
        <v>1163.521</v>
      </c>
      <c r="L1800">
        <v>1176.9870000000001</v>
      </c>
      <c r="M1800">
        <v>1157.1559999999999</v>
      </c>
      <c r="N1800">
        <v>1020.914</v>
      </c>
      <c r="O1800">
        <v>1024.2149999999999</v>
      </c>
      <c r="P1800">
        <v>0</v>
      </c>
      <c r="Q1800">
        <v>0</v>
      </c>
      <c r="R1800">
        <v>1114.8420000000001</v>
      </c>
      <c r="S1800">
        <v>0</v>
      </c>
      <c r="T1800">
        <v>1133.635</v>
      </c>
      <c r="U1800">
        <v>1150.6559999999999</v>
      </c>
      <c r="V1800">
        <v>1154.107</v>
      </c>
      <c r="W1800">
        <v>1181.413</v>
      </c>
      <c r="X1800">
        <v>1193.681</v>
      </c>
      <c r="Y1800">
        <v>1191.393</v>
      </c>
    </row>
    <row r="1801" spans="1:25" x14ac:dyDescent="0.3">
      <c r="A1801">
        <v>48.200000000248352</v>
      </c>
      <c r="B1801">
        <v>1018.713</v>
      </c>
      <c r="C1801">
        <v>1052.925</v>
      </c>
      <c r="D1801">
        <v>1046.27</v>
      </c>
      <c r="E1801">
        <v>1078.6400000000001</v>
      </c>
      <c r="F1801">
        <v>1092.67</v>
      </c>
      <c r="G1801">
        <v>1115.9179999999999</v>
      </c>
      <c r="H1801">
        <v>1130.768</v>
      </c>
      <c r="I1801">
        <v>1136.691</v>
      </c>
      <c r="J1801">
        <v>1157.097</v>
      </c>
      <c r="K1801">
        <v>1171.5889999999999</v>
      </c>
      <c r="L1801">
        <v>1183.99</v>
      </c>
      <c r="M1801">
        <v>1160.587</v>
      </c>
      <c r="N1801">
        <v>1025.627</v>
      </c>
      <c r="O1801">
        <v>1022.417</v>
      </c>
      <c r="P1801">
        <v>0</v>
      </c>
      <c r="Q1801">
        <v>0</v>
      </c>
      <c r="R1801">
        <v>1119.0920000000001</v>
      </c>
      <c r="S1801">
        <v>0</v>
      </c>
      <c r="T1801">
        <v>1138.4079999999999</v>
      </c>
      <c r="U1801">
        <v>1156.5609999999999</v>
      </c>
      <c r="V1801">
        <v>1159.2070000000001</v>
      </c>
      <c r="W1801">
        <v>1180.114</v>
      </c>
      <c r="X1801">
        <v>1194.0309999999999</v>
      </c>
      <c r="Y1801">
        <v>1189.9780000000001</v>
      </c>
    </row>
    <row r="1802" spans="1:25" x14ac:dyDescent="0.3">
      <c r="A1802">
        <v>48.233333330896372</v>
      </c>
      <c r="B1802">
        <v>1026.3979999999999</v>
      </c>
      <c r="C1802">
        <v>1054.3340000000001</v>
      </c>
      <c r="D1802">
        <v>1047.972</v>
      </c>
      <c r="E1802">
        <v>1084.2840000000001</v>
      </c>
      <c r="F1802">
        <v>1095.614</v>
      </c>
      <c r="G1802">
        <v>1118.1859999999999</v>
      </c>
      <c r="H1802">
        <v>1135.249</v>
      </c>
      <c r="I1802">
        <v>1138.066</v>
      </c>
      <c r="J1802">
        <v>1151.27</v>
      </c>
      <c r="K1802">
        <v>1166.4059999999999</v>
      </c>
      <c r="L1802">
        <v>1179.5530000000001</v>
      </c>
      <c r="M1802">
        <v>1154.99</v>
      </c>
      <c r="N1802">
        <v>1038.623</v>
      </c>
      <c r="O1802">
        <v>1019.558</v>
      </c>
      <c r="P1802">
        <v>0</v>
      </c>
      <c r="Q1802">
        <v>0</v>
      </c>
      <c r="R1802">
        <v>1117.6759999999999</v>
      </c>
      <c r="S1802">
        <v>0</v>
      </c>
      <c r="T1802">
        <v>1135.42</v>
      </c>
      <c r="U1802">
        <v>1153.8579999999999</v>
      </c>
      <c r="V1802">
        <v>1159.2270000000001</v>
      </c>
      <c r="W1802">
        <v>1181.356</v>
      </c>
      <c r="X1802">
        <v>1196.819</v>
      </c>
      <c r="Y1802">
        <v>1190.8119999999999</v>
      </c>
    </row>
    <row r="1803" spans="1:25" x14ac:dyDescent="0.3">
      <c r="A1803">
        <v>48.266666672021771</v>
      </c>
      <c r="B1803">
        <v>1033.9829999999999</v>
      </c>
      <c r="C1803">
        <v>1056.7270000000001</v>
      </c>
      <c r="D1803">
        <v>1053.424</v>
      </c>
      <c r="E1803">
        <v>1086.8489999999999</v>
      </c>
      <c r="F1803">
        <v>1098.6410000000001</v>
      </c>
      <c r="G1803">
        <v>1122.739</v>
      </c>
      <c r="H1803">
        <v>1141.461</v>
      </c>
      <c r="I1803">
        <v>1143.3879999999999</v>
      </c>
      <c r="J1803">
        <v>1152.0360000000001</v>
      </c>
      <c r="K1803">
        <v>1166.752</v>
      </c>
      <c r="L1803">
        <v>1179.902</v>
      </c>
      <c r="M1803">
        <v>1158.172</v>
      </c>
      <c r="N1803">
        <v>1030.393</v>
      </c>
      <c r="O1803">
        <v>1021.648</v>
      </c>
      <c r="P1803">
        <v>0</v>
      </c>
      <c r="Q1803">
        <v>0</v>
      </c>
      <c r="R1803">
        <v>1119.5650000000001</v>
      </c>
      <c r="S1803">
        <v>0</v>
      </c>
      <c r="T1803">
        <v>1137.932</v>
      </c>
      <c r="U1803">
        <v>1156.3309999999999</v>
      </c>
      <c r="V1803">
        <v>1164.001</v>
      </c>
      <c r="W1803">
        <v>1184.998</v>
      </c>
      <c r="X1803">
        <v>1199.703</v>
      </c>
      <c r="Y1803">
        <v>1194.0319999999999</v>
      </c>
    </row>
    <row r="1804" spans="1:25" x14ac:dyDescent="0.3">
      <c r="A1804">
        <v>48.283333332107091</v>
      </c>
      <c r="B1804">
        <v>1029.1410000000001</v>
      </c>
      <c r="C1804">
        <v>1055.9849999999999</v>
      </c>
      <c r="D1804">
        <v>1052.8150000000001</v>
      </c>
      <c r="E1804">
        <v>1086.7370000000001</v>
      </c>
      <c r="F1804">
        <v>1099.394</v>
      </c>
      <c r="G1804">
        <v>1123.2329999999999</v>
      </c>
      <c r="H1804">
        <v>1142.854</v>
      </c>
      <c r="I1804">
        <v>1145.5060000000001</v>
      </c>
      <c r="J1804">
        <v>1152.4970000000001</v>
      </c>
      <c r="K1804">
        <v>1164.864</v>
      </c>
      <c r="L1804">
        <v>1176.5630000000001</v>
      </c>
      <c r="M1804">
        <v>1156.9259999999999</v>
      </c>
      <c r="N1804">
        <v>1024.5640000000001</v>
      </c>
      <c r="O1804">
        <v>1026.49</v>
      </c>
      <c r="P1804">
        <v>0</v>
      </c>
      <c r="Q1804">
        <v>0</v>
      </c>
      <c r="R1804">
        <v>1115.126</v>
      </c>
      <c r="S1804">
        <v>0</v>
      </c>
      <c r="T1804">
        <v>1135.6669999999999</v>
      </c>
      <c r="U1804">
        <v>1152.8230000000001</v>
      </c>
      <c r="V1804">
        <v>1159.3420000000001</v>
      </c>
      <c r="W1804">
        <v>1182.2080000000001</v>
      </c>
      <c r="X1804">
        <v>1196.3520000000001</v>
      </c>
      <c r="Y1804">
        <v>1192.595</v>
      </c>
    </row>
    <row r="1805" spans="1:25" x14ac:dyDescent="0.3">
      <c r="A1805">
        <v>48.31666667323249</v>
      </c>
      <c r="B1805">
        <v>1017.1180000000001</v>
      </c>
      <c r="C1805">
        <v>1057.712</v>
      </c>
      <c r="D1805">
        <v>1055.1320000000001</v>
      </c>
      <c r="E1805">
        <v>1088.309</v>
      </c>
      <c r="F1805">
        <v>1100.616</v>
      </c>
      <c r="G1805">
        <v>1122.3430000000001</v>
      </c>
      <c r="H1805">
        <v>1141.0419999999999</v>
      </c>
      <c r="I1805">
        <v>1153.5709999999999</v>
      </c>
      <c r="J1805">
        <v>1158.287</v>
      </c>
      <c r="K1805">
        <v>1170.7619999999999</v>
      </c>
      <c r="L1805">
        <v>1180.4449999999999</v>
      </c>
      <c r="M1805">
        <v>1157.846</v>
      </c>
      <c r="N1805">
        <v>1036.432</v>
      </c>
      <c r="O1805">
        <v>1027.0239999999999</v>
      </c>
      <c r="P1805">
        <v>0</v>
      </c>
      <c r="Q1805">
        <v>0</v>
      </c>
      <c r="R1805">
        <v>1116.184</v>
      </c>
      <c r="S1805">
        <v>0</v>
      </c>
      <c r="T1805">
        <v>1136.4069999999999</v>
      </c>
      <c r="U1805">
        <v>1152.5930000000001</v>
      </c>
      <c r="V1805">
        <v>1162.0260000000001</v>
      </c>
      <c r="W1805">
        <v>1184.7270000000001</v>
      </c>
      <c r="X1805">
        <v>1197.56</v>
      </c>
      <c r="Y1805">
        <v>1192.847</v>
      </c>
    </row>
    <row r="1806" spans="1:25" x14ac:dyDescent="0.3">
      <c r="A1806">
        <v>48.33333333331781</v>
      </c>
      <c r="B1806">
        <v>1023.631</v>
      </c>
      <c r="C1806">
        <v>1056.8409999999999</v>
      </c>
      <c r="D1806">
        <v>1052.0029999999999</v>
      </c>
      <c r="E1806">
        <v>1087.4870000000001</v>
      </c>
      <c r="F1806">
        <v>1099.2639999999999</v>
      </c>
      <c r="G1806">
        <v>1121.6079999999999</v>
      </c>
      <c r="H1806">
        <v>1137.7809999999999</v>
      </c>
      <c r="I1806">
        <v>1151.4829999999999</v>
      </c>
      <c r="J1806">
        <v>1160.2639999999999</v>
      </c>
      <c r="K1806">
        <v>1171.0139999999999</v>
      </c>
      <c r="L1806">
        <v>1179.71</v>
      </c>
      <c r="M1806">
        <v>1157.0429999999999</v>
      </c>
      <c r="N1806">
        <v>1027.7809999999999</v>
      </c>
      <c r="O1806">
        <v>1023.979</v>
      </c>
      <c r="P1806">
        <v>0</v>
      </c>
      <c r="Q1806">
        <v>0</v>
      </c>
      <c r="R1806">
        <v>1107.8579999999999</v>
      </c>
      <c r="S1806">
        <v>0</v>
      </c>
      <c r="T1806">
        <v>1130.771</v>
      </c>
      <c r="U1806">
        <v>1146.8050000000001</v>
      </c>
      <c r="V1806">
        <v>1157.6759999999999</v>
      </c>
      <c r="W1806">
        <v>1184.4000000000001</v>
      </c>
      <c r="X1806">
        <v>1194.95</v>
      </c>
      <c r="Y1806">
        <v>1200.153</v>
      </c>
    </row>
    <row r="1807" spans="1:25" x14ac:dyDescent="0.3">
      <c r="A1807">
        <v>48.36666666396583</v>
      </c>
      <c r="B1807">
        <v>1026.088</v>
      </c>
      <c r="C1807">
        <v>1055.8009999999999</v>
      </c>
      <c r="D1807">
        <v>1051.7070000000001</v>
      </c>
      <c r="E1807">
        <v>1088.1610000000001</v>
      </c>
      <c r="F1807">
        <v>1099.2260000000001</v>
      </c>
      <c r="G1807">
        <v>1122.0229999999999</v>
      </c>
      <c r="H1807">
        <v>1138.5060000000001</v>
      </c>
      <c r="I1807">
        <v>1153.9749999999999</v>
      </c>
      <c r="J1807">
        <v>1160.4369999999999</v>
      </c>
      <c r="K1807">
        <v>1168.855</v>
      </c>
      <c r="L1807">
        <v>1176.3340000000001</v>
      </c>
      <c r="M1807">
        <v>1155.087</v>
      </c>
      <c r="N1807">
        <v>1025.0239999999999</v>
      </c>
      <c r="O1807">
        <v>1021.448</v>
      </c>
      <c r="P1807">
        <v>0</v>
      </c>
      <c r="Q1807">
        <v>0</v>
      </c>
      <c r="R1807">
        <v>1107.6890000000001</v>
      </c>
      <c r="S1807">
        <v>0</v>
      </c>
      <c r="T1807">
        <v>1126.8800000000001</v>
      </c>
      <c r="U1807">
        <v>1146.385</v>
      </c>
      <c r="V1807">
        <v>1157.7329999999999</v>
      </c>
      <c r="W1807">
        <v>1186.7059999999999</v>
      </c>
      <c r="X1807">
        <v>1195.3599999999999</v>
      </c>
      <c r="Y1807">
        <v>1200.3869999999999</v>
      </c>
    </row>
    <row r="1808" spans="1:25" x14ac:dyDescent="0.3">
      <c r="A1808">
        <v>48.400000005091229</v>
      </c>
      <c r="B1808">
        <v>1026.2159999999999</v>
      </c>
      <c r="C1808">
        <v>1057.1189999999999</v>
      </c>
      <c r="D1808">
        <v>1053.6300000000001</v>
      </c>
      <c r="E1808">
        <v>1090.0709999999999</v>
      </c>
      <c r="F1808">
        <v>1101.145</v>
      </c>
      <c r="G1808">
        <v>1121.0409999999999</v>
      </c>
      <c r="H1808">
        <v>1137.2660000000001</v>
      </c>
      <c r="I1808">
        <v>1150.5630000000001</v>
      </c>
      <c r="J1808">
        <v>1162.086</v>
      </c>
      <c r="K1808">
        <v>1171.0530000000001</v>
      </c>
      <c r="L1808">
        <v>1178.068</v>
      </c>
      <c r="M1808">
        <v>1158.807</v>
      </c>
      <c r="N1808">
        <v>1022.053</v>
      </c>
      <c r="O1808">
        <v>1024.126</v>
      </c>
      <c r="P1808">
        <v>0</v>
      </c>
      <c r="Q1808">
        <v>0</v>
      </c>
      <c r="R1808">
        <v>1112.9929999999999</v>
      </c>
      <c r="S1808">
        <v>0</v>
      </c>
      <c r="T1808">
        <v>1130.335</v>
      </c>
      <c r="U1808">
        <v>1147.492</v>
      </c>
      <c r="V1808">
        <v>1154.646</v>
      </c>
      <c r="W1808">
        <v>1185.6210000000001</v>
      </c>
      <c r="X1808">
        <v>1200.777</v>
      </c>
      <c r="Y1808">
        <v>1198.711</v>
      </c>
    </row>
    <row r="1809" spans="1:25" x14ac:dyDescent="0.3">
      <c r="A1809">
        <v>48.41666666517655</v>
      </c>
      <c r="B1809">
        <v>1020.2910000000001</v>
      </c>
      <c r="C1809">
        <v>1055.7629999999999</v>
      </c>
      <c r="D1809">
        <v>1055.633</v>
      </c>
      <c r="E1809">
        <v>1090.069</v>
      </c>
      <c r="F1809">
        <v>1104.3019999999999</v>
      </c>
      <c r="G1809">
        <v>1125.9100000000001</v>
      </c>
      <c r="H1809">
        <v>1140.05</v>
      </c>
      <c r="I1809">
        <v>1151.941</v>
      </c>
      <c r="J1809">
        <v>1163.0039999999999</v>
      </c>
      <c r="K1809">
        <v>1171.6679999999999</v>
      </c>
      <c r="L1809">
        <v>1177.527</v>
      </c>
      <c r="M1809">
        <v>1157.348</v>
      </c>
      <c r="N1809">
        <v>1019.154</v>
      </c>
      <c r="O1809">
        <v>1027.54</v>
      </c>
      <c r="P1809">
        <v>0</v>
      </c>
      <c r="Q1809">
        <v>0</v>
      </c>
      <c r="R1809">
        <v>1112.5</v>
      </c>
      <c r="S1809">
        <v>0</v>
      </c>
      <c r="T1809">
        <v>1132.0219999999999</v>
      </c>
      <c r="U1809">
        <v>1149.1880000000001</v>
      </c>
      <c r="V1809">
        <v>1158.479</v>
      </c>
      <c r="W1809">
        <v>1186.413</v>
      </c>
      <c r="X1809">
        <v>1198.5540000000001</v>
      </c>
      <c r="Y1809">
        <v>1197.443</v>
      </c>
    </row>
    <row r="1810" spans="1:25" x14ac:dyDescent="0.3">
      <c r="A1810">
        <v>48.450000006301948</v>
      </c>
      <c r="B1810">
        <v>1011.877</v>
      </c>
      <c r="C1810">
        <v>1051.3910000000001</v>
      </c>
      <c r="D1810">
        <v>1051.059</v>
      </c>
      <c r="E1810">
        <v>1088.1410000000001</v>
      </c>
      <c r="F1810">
        <v>1100.9739999999999</v>
      </c>
      <c r="G1810">
        <v>1123.385</v>
      </c>
      <c r="H1810">
        <v>1137.4169999999999</v>
      </c>
      <c r="I1810">
        <v>1148.9970000000001</v>
      </c>
      <c r="J1810">
        <v>1161.106</v>
      </c>
      <c r="K1810">
        <v>1166.7719999999999</v>
      </c>
      <c r="L1810">
        <v>1168.3140000000001</v>
      </c>
      <c r="M1810">
        <v>1147.528</v>
      </c>
      <c r="N1810">
        <v>1002.139</v>
      </c>
      <c r="O1810">
        <v>1023.042</v>
      </c>
      <c r="P1810">
        <v>0</v>
      </c>
      <c r="Q1810">
        <v>0</v>
      </c>
      <c r="R1810">
        <v>1107.424</v>
      </c>
      <c r="S1810">
        <v>0</v>
      </c>
      <c r="T1810">
        <v>1123.442</v>
      </c>
      <c r="U1810">
        <v>1140.7940000000001</v>
      </c>
      <c r="V1810">
        <v>1154.51</v>
      </c>
      <c r="W1810">
        <v>1180.193</v>
      </c>
      <c r="X1810">
        <v>1197.268</v>
      </c>
      <c r="Y1810">
        <v>1194.9290000000001</v>
      </c>
    </row>
    <row r="1811" spans="1:25" x14ac:dyDescent="0.3">
      <c r="A1811">
        <v>48.483333336949968</v>
      </c>
      <c r="B1811">
        <v>1006.417</v>
      </c>
      <c r="C1811">
        <v>1052.3</v>
      </c>
      <c r="D1811">
        <v>1050.395</v>
      </c>
      <c r="E1811">
        <v>1086.982</v>
      </c>
      <c r="F1811">
        <v>1098.55</v>
      </c>
      <c r="G1811">
        <v>1121.816</v>
      </c>
      <c r="H1811">
        <v>1138.221</v>
      </c>
      <c r="I1811">
        <v>1145.8710000000001</v>
      </c>
      <c r="J1811">
        <v>1153.3430000000001</v>
      </c>
      <c r="K1811">
        <v>1162.182</v>
      </c>
      <c r="L1811">
        <v>1172.672</v>
      </c>
      <c r="M1811">
        <v>1153.6500000000001</v>
      </c>
      <c r="N1811">
        <v>1001.3920000000001</v>
      </c>
      <c r="O1811">
        <v>1027.855</v>
      </c>
      <c r="P1811">
        <v>0</v>
      </c>
      <c r="Q1811">
        <v>0</v>
      </c>
      <c r="R1811">
        <v>1107.3510000000001</v>
      </c>
      <c r="S1811">
        <v>0</v>
      </c>
      <c r="T1811">
        <v>1123.729</v>
      </c>
      <c r="U1811">
        <v>1139.0029999999999</v>
      </c>
      <c r="V1811">
        <v>1150.049</v>
      </c>
      <c r="W1811">
        <v>1174.1559999999999</v>
      </c>
      <c r="X1811">
        <v>1195.769</v>
      </c>
      <c r="Y1811">
        <v>1189.749</v>
      </c>
    </row>
    <row r="1812" spans="1:25" x14ac:dyDescent="0.3">
      <c r="A1812">
        <v>48.499999997035289</v>
      </c>
      <c r="B1812">
        <v>1013.452</v>
      </c>
      <c r="C1812">
        <v>1051.7260000000001</v>
      </c>
      <c r="D1812">
        <v>1048.3610000000001</v>
      </c>
      <c r="E1812">
        <v>1084.2670000000001</v>
      </c>
      <c r="F1812">
        <v>1095.0139999999999</v>
      </c>
      <c r="G1812">
        <v>1116.412</v>
      </c>
      <c r="H1812">
        <v>1134.492</v>
      </c>
      <c r="I1812">
        <v>1141.501</v>
      </c>
      <c r="J1812">
        <v>1150.5820000000001</v>
      </c>
      <c r="K1812">
        <v>1160.2070000000001</v>
      </c>
      <c r="L1812">
        <v>1171.0139999999999</v>
      </c>
      <c r="M1812">
        <v>1154.2439999999999</v>
      </c>
      <c r="N1812">
        <v>1002.013</v>
      </c>
      <c r="O1812">
        <v>1028.941</v>
      </c>
      <c r="P1812">
        <v>0</v>
      </c>
      <c r="Q1812">
        <v>0</v>
      </c>
      <c r="R1812">
        <v>1110.971</v>
      </c>
      <c r="S1812">
        <v>0</v>
      </c>
      <c r="T1812">
        <v>1126.0260000000001</v>
      </c>
      <c r="U1812">
        <v>1139.9939999999999</v>
      </c>
      <c r="V1812">
        <v>1151.0219999999999</v>
      </c>
      <c r="W1812">
        <v>1181.008</v>
      </c>
      <c r="X1812">
        <v>1195.4960000000001</v>
      </c>
      <c r="Y1812">
        <v>1190.155</v>
      </c>
    </row>
    <row r="1813" spans="1:25" x14ac:dyDescent="0.3">
      <c r="A1813">
        <v>48.533333338160688</v>
      </c>
      <c r="B1813">
        <v>1003.472</v>
      </c>
      <c r="C1813">
        <v>1051.4090000000001</v>
      </c>
      <c r="D1813">
        <v>1047.213</v>
      </c>
      <c r="E1813">
        <v>1083.9649999999999</v>
      </c>
      <c r="F1813">
        <v>1093.8130000000001</v>
      </c>
      <c r="G1813">
        <v>1115.239</v>
      </c>
      <c r="H1813">
        <v>1133.9010000000001</v>
      </c>
      <c r="I1813">
        <v>1142.586</v>
      </c>
      <c r="J1813">
        <v>1158.018</v>
      </c>
      <c r="K1813">
        <v>1167.9090000000001</v>
      </c>
      <c r="L1813">
        <v>1175.7719999999999</v>
      </c>
      <c r="M1813">
        <v>1157.002</v>
      </c>
      <c r="N1813">
        <v>995.48500000000001</v>
      </c>
      <c r="O1813">
        <v>1026.068</v>
      </c>
      <c r="P1813">
        <v>0</v>
      </c>
      <c r="Q1813">
        <v>0</v>
      </c>
      <c r="R1813">
        <v>1107.1790000000001</v>
      </c>
      <c r="S1813">
        <v>0</v>
      </c>
      <c r="T1813">
        <v>1125.3779999999999</v>
      </c>
      <c r="U1813">
        <v>1139.038</v>
      </c>
      <c r="V1813">
        <v>1150.675</v>
      </c>
      <c r="W1813">
        <v>1180.095</v>
      </c>
      <c r="X1813">
        <v>1198.202</v>
      </c>
      <c r="Y1813">
        <v>1192.769</v>
      </c>
    </row>
    <row r="1814" spans="1:25" x14ac:dyDescent="0.3">
      <c r="A1814">
        <v>48.549999998246008</v>
      </c>
      <c r="B1814">
        <v>1004.279</v>
      </c>
      <c r="C1814">
        <v>1049.1199999999999</v>
      </c>
      <c r="D1814">
        <v>1046.4760000000001</v>
      </c>
      <c r="E1814">
        <v>1082.04</v>
      </c>
      <c r="F1814">
        <v>1092.5429999999999</v>
      </c>
      <c r="G1814">
        <v>1114.712</v>
      </c>
      <c r="H1814">
        <v>1134.075</v>
      </c>
      <c r="I1814">
        <v>1142.4939999999999</v>
      </c>
      <c r="J1814">
        <v>1154.6079999999999</v>
      </c>
      <c r="K1814">
        <v>1164.579</v>
      </c>
      <c r="L1814">
        <v>1175.0039999999999</v>
      </c>
      <c r="M1814">
        <v>1157.2929999999999</v>
      </c>
      <c r="N1814">
        <v>992.42899999999997</v>
      </c>
      <c r="O1814">
        <v>1024.2</v>
      </c>
      <c r="P1814">
        <v>0</v>
      </c>
      <c r="Q1814">
        <v>0</v>
      </c>
      <c r="R1814">
        <v>1103.8150000000001</v>
      </c>
      <c r="S1814">
        <v>0</v>
      </c>
      <c r="T1814">
        <v>1122.364</v>
      </c>
      <c r="U1814">
        <v>1135.8589999999999</v>
      </c>
      <c r="V1814">
        <v>1146.8240000000001</v>
      </c>
      <c r="W1814">
        <v>1177.78</v>
      </c>
      <c r="X1814">
        <v>1197.796</v>
      </c>
      <c r="Y1814">
        <v>1193.509</v>
      </c>
    </row>
    <row r="1815" spans="1:25" x14ac:dyDescent="0.3">
      <c r="A1815">
        <v>48.583333339371407</v>
      </c>
      <c r="B1815">
        <v>1005.54</v>
      </c>
      <c r="C1815">
        <v>1048.491</v>
      </c>
      <c r="D1815">
        <v>1044.8309999999999</v>
      </c>
      <c r="E1815">
        <v>1076.443</v>
      </c>
      <c r="F1815">
        <v>1087.8810000000001</v>
      </c>
      <c r="G1815">
        <v>1109.914</v>
      </c>
      <c r="H1815">
        <v>1132.67</v>
      </c>
      <c r="I1815">
        <v>1135.8209999999999</v>
      </c>
      <c r="J1815">
        <v>1147.95</v>
      </c>
      <c r="K1815">
        <v>1160.4559999999999</v>
      </c>
      <c r="L1815">
        <v>1175.1969999999999</v>
      </c>
      <c r="M1815">
        <v>1153.8420000000001</v>
      </c>
      <c r="N1815">
        <v>999.74800000000005</v>
      </c>
      <c r="O1815">
        <v>1018.533</v>
      </c>
      <c r="P1815">
        <v>0</v>
      </c>
      <c r="Q1815">
        <v>0</v>
      </c>
      <c r="R1815">
        <v>1102.405</v>
      </c>
      <c r="S1815">
        <v>0</v>
      </c>
      <c r="T1815">
        <v>1122.307</v>
      </c>
      <c r="U1815">
        <v>1142.4179999999999</v>
      </c>
      <c r="V1815">
        <v>1154.896</v>
      </c>
      <c r="W1815">
        <v>1180.8150000000001</v>
      </c>
      <c r="X1815">
        <v>1199.297</v>
      </c>
      <c r="Y1815">
        <v>1202.7070000000001</v>
      </c>
    </row>
    <row r="1816" spans="1:25" x14ac:dyDescent="0.3">
      <c r="A1816">
        <v>48.616666670019427</v>
      </c>
      <c r="B1816">
        <v>1015.177</v>
      </c>
      <c r="C1816">
        <v>1049.527</v>
      </c>
      <c r="D1816">
        <v>1044.1289999999999</v>
      </c>
      <c r="E1816">
        <v>1075.232</v>
      </c>
      <c r="F1816">
        <v>1087.2070000000001</v>
      </c>
      <c r="G1816">
        <v>1109.252</v>
      </c>
      <c r="H1816">
        <v>1140.93</v>
      </c>
      <c r="I1816">
        <v>1137.057</v>
      </c>
      <c r="J1816">
        <v>1148.1220000000001</v>
      </c>
      <c r="K1816">
        <v>1163.5239999999999</v>
      </c>
      <c r="L1816">
        <v>1178.8979999999999</v>
      </c>
      <c r="M1816">
        <v>1154.2059999999999</v>
      </c>
      <c r="N1816">
        <v>1004.316</v>
      </c>
      <c r="O1816">
        <v>1022.549</v>
      </c>
      <c r="P1816">
        <v>0</v>
      </c>
      <c r="Q1816">
        <v>0</v>
      </c>
      <c r="R1816">
        <v>1105.7329999999999</v>
      </c>
      <c r="S1816">
        <v>0</v>
      </c>
      <c r="T1816">
        <v>1130.7719999999999</v>
      </c>
      <c r="U1816">
        <v>1147.664</v>
      </c>
      <c r="V1816">
        <v>1155.644</v>
      </c>
      <c r="W1816">
        <v>1181.222</v>
      </c>
      <c r="X1816">
        <v>1200.4659999999999</v>
      </c>
      <c r="Y1816">
        <v>1200.4459999999999</v>
      </c>
    </row>
    <row r="1817" spans="1:25" x14ac:dyDescent="0.3">
      <c r="A1817">
        <v>48.633333330104747</v>
      </c>
      <c r="B1817">
        <v>1020.624</v>
      </c>
      <c r="C1817">
        <v>1052.3920000000001</v>
      </c>
      <c r="D1817">
        <v>1048.325</v>
      </c>
      <c r="E1817">
        <v>1078.2139999999999</v>
      </c>
      <c r="F1817">
        <v>1089.7909999999999</v>
      </c>
      <c r="G1817">
        <v>1113.088</v>
      </c>
      <c r="H1817">
        <v>1140.682</v>
      </c>
      <c r="I1817">
        <v>1142.5509999999999</v>
      </c>
      <c r="J1817">
        <v>1151.3489999999999</v>
      </c>
      <c r="K1817">
        <v>1161.722</v>
      </c>
      <c r="L1817">
        <v>1175.6600000000001</v>
      </c>
      <c r="M1817">
        <v>1153.8610000000001</v>
      </c>
      <c r="N1817">
        <v>1025.153</v>
      </c>
      <c r="O1817">
        <v>1026.327</v>
      </c>
      <c r="P1817">
        <v>0</v>
      </c>
      <c r="Q1817">
        <v>0</v>
      </c>
      <c r="R1817">
        <v>1104.173</v>
      </c>
      <c r="S1817">
        <v>0</v>
      </c>
      <c r="T1817">
        <v>1131.797</v>
      </c>
      <c r="U1817">
        <v>1149.152</v>
      </c>
      <c r="V1817">
        <v>1158.117</v>
      </c>
      <c r="W1817">
        <v>1181.009</v>
      </c>
      <c r="X1817">
        <v>1198.3030000000001</v>
      </c>
      <c r="Y1817">
        <v>1199.375</v>
      </c>
    </row>
    <row r="1818" spans="1:25" x14ac:dyDescent="0.3">
      <c r="A1818">
        <v>48.666666671230146</v>
      </c>
      <c r="B1818">
        <v>1012.172</v>
      </c>
      <c r="C1818">
        <v>1052.633</v>
      </c>
      <c r="D1818">
        <v>1045.7380000000001</v>
      </c>
      <c r="E1818">
        <v>1078.327</v>
      </c>
      <c r="F1818">
        <v>1090.671</v>
      </c>
      <c r="G1818">
        <v>1112.521</v>
      </c>
      <c r="H1818">
        <v>1136.4860000000001</v>
      </c>
      <c r="I1818">
        <v>1143.4870000000001</v>
      </c>
      <c r="J1818">
        <v>1150.431</v>
      </c>
      <c r="K1818">
        <v>1160.2080000000001</v>
      </c>
      <c r="L1818">
        <v>1168.51</v>
      </c>
      <c r="M1818">
        <v>1148.6369999999999</v>
      </c>
      <c r="N1818">
        <v>1014.297</v>
      </c>
      <c r="O1818">
        <v>1023.173</v>
      </c>
      <c r="P1818">
        <v>0</v>
      </c>
      <c r="Q1818">
        <v>0</v>
      </c>
      <c r="R1818">
        <v>1105.471</v>
      </c>
      <c r="S1818">
        <v>0</v>
      </c>
      <c r="T1818">
        <v>1126.482</v>
      </c>
      <c r="U1818">
        <v>1144.116</v>
      </c>
      <c r="V1818">
        <v>1156.085</v>
      </c>
      <c r="W1818">
        <v>1182.424</v>
      </c>
      <c r="X1818">
        <v>1196.92</v>
      </c>
      <c r="Y1818">
        <v>1196.8219999999999</v>
      </c>
    </row>
    <row r="1819" spans="1:25" x14ac:dyDescent="0.3">
      <c r="A1819">
        <v>48.683333331315467</v>
      </c>
      <c r="B1819">
        <v>1015.086</v>
      </c>
      <c r="C1819">
        <v>1051.0989999999999</v>
      </c>
      <c r="D1819">
        <v>1044.3510000000001</v>
      </c>
      <c r="E1819">
        <v>1079.4449999999999</v>
      </c>
      <c r="F1819">
        <v>1091.2329999999999</v>
      </c>
      <c r="G1819">
        <v>1113.5229999999999</v>
      </c>
      <c r="H1819">
        <v>1135.0239999999999</v>
      </c>
      <c r="I1819">
        <v>1144.8789999999999</v>
      </c>
      <c r="J1819">
        <v>1156.546</v>
      </c>
      <c r="K1819">
        <v>1162.854</v>
      </c>
      <c r="L1819">
        <v>1170.2829999999999</v>
      </c>
      <c r="M1819">
        <v>1152.442</v>
      </c>
      <c r="N1819">
        <v>1012.191</v>
      </c>
      <c r="O1819">
        <v>1026.144</v>
      </c>
      <c r="P1819">
        <v>0</v>
      </c>
      <c r="Q1819">
        <v>0</v>
      </c>
      <c r="R1819">
        <v>1101.616</v>
      </c>
      <c r="S1819">
        <v>0</v>
      </c>
      <c r="T1819">
        <v>1120.759</v>
      </c>
      <c r="U1819">
        <v>1138.8130000000001</v>
      </c>
      <c r="V1819">
        <v>1149.6489999999999</v>
      </c>
      <c r="W1819">
        <v>1175.5250000000001</v>
      </c>
      <c r="X1819">
        <v>1194.192</v>
      </c>
      <c r="Y1819">
        <v>1193.7429999999999</v>
      </c>
    </row>
    <row r="1820" spans="1:25" x14ac:dyDescent="0.3">
      <c r="A1820">
        <v>48.716666672440866</v>
      </c>
      <c r="B1820">
        <v>1021.8339999999999</v>
      </c>
      <c r="C1820">
        <v>1050.211</v>
      </c>
      <c r="D1820">
        <v>1045.682</v>
      </c>
      <c r="E1820">
        <v>1079.6679999999999</v>
      </c>
      <c r="F1820">
        <v>1090.278</v>
      </c>
      <c r="G1820">
        <v>1110.2729999999999</v>
      </c>
      <c r="H1820">
        <v>1130.5060000000001</v>
      </c>
      <c r="I1820">
        <v>1146.462</v>
      </c>
      <c r="J1820">
        <v>1155.586</v>
      </c>
      <c r="K1820">
        <v>1161.971</v>
      </c>
      <c r="L1820">
        <v>1169.03</v>
      </c>
      <c r="M1820">
        <v>1149.5719999999999</v>
      </c>
      <c r="N1820">
        <v>1000.4059999999999</v>
      </c>
      <c r="O1820">
        <v>1025.704</v>
      </c>
      <c r="P1820">
        <v>0</v>
      </c>
      <c r="Q1820">
        <v>0</v>
      </c>
      <c r="R1820">
        <v>1098.9449999999999</v>
      </c>
      <c r="S1820">
        <v>0</v>
      </c>
      <c r="T1820">
        <v>1118.6990000000001</v>
      </c>
      <c r="U1820">
        <v>1132.9169999999999</v>
      </c>
      <c r="V1820">
        <v>1141.731</v>
      </c>
      <c r="W1820">
        <v>1169.164</v>
      </c>
      <c r="X1820">
        <v>1190.873</v>
      </c>
      <c r="Y1820">
        <v>1193.8209999999999</v>
      </c>
    </row>
    <row r="1821" spans="1:25" x14ac:dyDescent="0.3">
      <c r="A1821">
        <v>48.750000003088886</v>
      </c>
      <c r="B1821">
        <v>1024.586</v>
      </c>
      <c r="C1821">
        <v>1048.567</v>
      </c>
      <c r="D1821">
        <v>1042.152</v>
      </c>
      <c r="E1821">
        <v>1078.365</v>
      </c>
      <c r="F1821">
        <v>1086.2539999999999</v>
      </c>
      <c r="G1821">
        <v>1105.942</v>
      </c>
      <c r="H1821">
        <v>1127.0150000000001</v>
      </c>
      <c r="I1821">
        <v>1136.069</v>
      </c>
      <c r="J1821">
        <v>1149.172</v>
      </c>
      <c r="K1821">
        <v>1160.5530000000001</v>
      </c>
      <c r="L1821">
        <v>1175.989</v>
      </c>
      <c r="M1821">
        <v>1152.481</v>
      </c>
      <c r="N1821">
        <v>993.88699999999994</v>
      </c>
      <c r="O1821">
        <v>1018.204</v>
      </c>
      <c r="P1821">
        <v>0</v>
      </c>
      <c r="Q1821">
        <v>0</v>
      </c>
      <c r="R1821">
        <v>1100.6569999999999</v>
      </c>
      <c r="S1821">
        <v>0</v>
      </c>
      <c r="T1821">
        <v>1125.42</v>
      </c>
      <c r="U1821">
        <v>1137.402</v>
      </c>
      <c r="V1821">
        <v>1143.125</v>
      </c>
      <c r="W1821">
        <v>1174.0229999999999</v>
      </c>
      <c r="X1821">
        <v>1194.7570000000001</v>
      </c>
      <c r="Y1821">
        <v>1191.165</v>
      </c>
    </row>
    <row r="1822" spans="1:25" x14ac:dyDescent="0.3">
      <c r="A1822">
        <v>48.766666663174206</v>
      </c>
      <c r="B1822">
        <v>1025.6120000000001</v>
      </c>
      <c r="C1822">
        <v>1047.5309999999999</v>
      </c>
      <c r="D1822">
        <v>1041.412</v>
      </c>
      <c r="E1822">
        <v>1075.6980000000001</v>
      </c>
      <c r="F1822">
        <v>1082.902</v>
      </c>
      <c r="G1822">
        <v>1103.4590000000001</v>
      </c>
      <c r="H1822">
        <v>1122.384</v>
      </c>
      <c r="I1822">
        <v>1128.57</v>
      </c>
      <c r="J1822">
        <v>1141.0070000000001</v>
      </c>
      <c r="K1822">
        <v>1153.8230000000001</v>
      </c>
      <c r="L1822">
        <v>1170.6110000000001</v>
      </c>
      <c r="M1822">
        <v>1148.1030000000001</v>
      </c>
      <c r="N1822">
        <v>1007.696</v>
      </c>
      <c r="O1822">
        <v>1019.414</v>
      </c>
      <c r="P1822">
        <v>0</v>
      </c>
      <c r="Q1822">
        <v>0</v>
      </c>
      <c r="R1822">
        <v>1100.356</v>
      </c>
      <c r="S1822">
        <v>0</v>
      </c>
      <c r="T1822">
        <v>1127.0329999999999</v>
      </c>
      <c r="U1822">
        <v>1142.723</v>
      </c>
      <c r="V1822">
        <v>1152.404</v>
      </c>
      <c r="W1822">
        <v>1173.116</v>
      </c>
      <c r="X1822">
        <v>1190.04</v>
      </c>
      <c r="Y1822">
        <v>1185.1179999999999</v>
      </c>
    </row>
    <row r="1823" spans="1:25" x14ac:dyDescent="0.3">
      <c r="A1823">
        <v>48.800000004299605</v>
      </c>
      <c r="B1823">
        <v>1022.843</v>
      </c>
      <c r="C1823">
        <v>1046.9949999999999</v>
      </c>
      <c r="D1823">
        <v>1040.7829999999999</v>
      </c>
      <c r="E1823">
        <v>1076.761</v>
      </c>
      <c r="F1823">
        <v>1083.3699999999999</v>
      </c>
      <c r="G1823">
        <v>1105.527</v>
      </c>
      <c r="H1823">
        <v>1122.6289999999999</v>
      </c>
      <c r="I1823">
        <v>1130.298</v>
      </c>
      <c r="J1823">
        <v>1143.7729999999999</v>
      </c>
      <c r="K1823">
        <v>1160.3800000000001</v>
      </c>
      <c r="L1823">
        <v>1173.81</v>
      </c>
      <c r="M1823">
        <v>1147.3969999999999</v>
      </c>
      <c r="N1823">
        <v>1049.546</v>
      </c>
      <c r="O1823">
        <v>1016.663</v>
      </c>
      <c r="P1823">
        <v>0</v>
      </c>
      <c r="Q1823">
        <v>0</v>
      </c>
      <c r="R1823">
        <v>1100.5630000000001</v>
      </c>
      <c r="S1823">
        <v>0</v>
      </c>
      <c r="T1823">
        <v>1128.874</v>
      </c>
      <c r="U1823">
        <v>1147.684</v>
      </c>
      <c r="V1823">
        <v>1155.855</v>
      </c>
      <c r="W1823">
        <v>1174.4459999999999</v>
      </c>
      <c r="X1823">
        <v>1189.1289999999999</v>
      </c>
      <c r="Y1823">
        <v>1184.575</v>
      </c>
    </row>
    <row r="1824" spans="1:25" x14ac:dyDescent="0.3">
      <c r="A1824">
        <v>48.816666664384925</v>
      </c>
      <c r="B1824">
        <v>1022.624</v>
      </c>
      <c r="C1824">
        <v>1044.8320000000001</v>
      </c>
      <c r="D1824">
        <v>1041.5419999999999</v>
      </c>
      <c r="E1824">
        <v>1075.1769999999999</v>
      </c>
      <c r="F1824">
        <v>1083.838</v>
      </c>
      <c r="G1824">
        <v>1107.3900000000001</v>
      </c>
      <c r="H1824">
        <v>1125.135</v>
      </c>
      <c r="I1824">
        <v>1134</v>
      </c>
      <c r="J1824">
        <v>1145.433</v>
      </c>
      <c r="K1824">
        <v>1158.31</v>
      </c>
      <c r="L1824">
        <v>1167.913</v>
      </c>
      <c r="M1824">
        <v>1144.6130000000001</v>
      </c>
      <c r="N1824">
        <v>1060.8150000000001</v>
      </c>
      <c r="O1824">
        <v>1018.552</v>
      </c>
      <c r="P1824">
        <v>0</v>
      </c>
      <c r="Q1824">
        <v>0</v>
      </c>
      <c r="R1824">
        <v>1099.492</v>
      </c>
      <c r="S1824">
        <v>0</v>
      </c>
      <c r="T1824">
        <v>1122.1010000000001</v>
      </c>
      <c r="U1824">
        <v>1142.7049999999999</v>
      </c>
      <c r="V1824">
        <v>1157.1210000000001</v>
      </c>
      <c r="W1824">
        <v>1171.0550000000001</v>
      </c>
      <c r="X1824">
        <v>1186.6489999999999</v>
      </c>
      <c r="Y1824">
        <v>1189.2070000000001</v>
      </c>
    </row>
    <row r="1825" spans="1:25" x14ac:dyDescent="0.3">
      <c r="A1825">
        <v>48.850000005510324</v>
      </c>
      <c r="B1825">
        <v>1023.8150000000001</v>
      </c>
      <c r="C1825">
        <v>1042.9280000000001</v>
      </c>
      <c r="D1825">
        <v>1040.7460000000001</v>
      </c>
      <c r="E1825">
        <v>1074.9159999999999</v>
      </c>
      <c r="F1825">
        <v>1086.5519999999999</v>
      </c>
      <c r="G1825">
        <v>1108.932</v>
      </c>
      <c r="H1825">
        <v>1126.501</v>
      </c>
      <c r="I1825">
        <v>1140.511</v>
      </c>
      <c r="J1825">
        <v>1149.3620000000001</v>
      </c>
      <c r="K1825">
        <v>1156.4690000000001</v>
      </c>
      <c r="L1825">
        <v>1163.18</v>
      </c>
      <c r="M1825">
        <v>1144.9359999999999</v>
      </c>
      <c r="N1825">
        <v>1058.011</v>
      </c>
      <c r="O1825">
        <v>1015.764</v>
      </c>
      <c r="P1825">
        <v>0</v>
      </c>
      <c r="Q1825">
        <v>0</v>
      </c>
      <c r="R1825">
        <v>1101.0139999999999</v>
      </c>
      <c r="S1825">
        <v>0</v>
      </c>
      <c r="T1825">
        <v>1122.365</v>
      </c>
      <c r="U1825">
        <v>1144.7270000000001</v>
      </c>
      <c r="V1825">
        <v>1157.0820000000001</v>
      </c>
      <c r="W1825">
        <v>1173.348</v>
      </c>
      <c r="X1825">
        <v>1185.2149999999999</v>
      </c>
      <c r="Y1825">
        <v>1188.0630000000001</v>
      </c>
    </row>
    <row r="1826" spans="1:25" x14ac:dyDescent="0.3">
      <c r="A1826">
        <v>48.883333336158344</v>
      </c>
      <c r="B1826">
        <v>1020.496</v>
      </c>
      <c r="C1826">
        <v>1044.8320000000001</v>
      </c>
      <c r="D1826">
        <v>1040.5989999999999</v>
      </c>
      <c r="E1826">
        <v>1076.501</v>
      </c>
      <c r="F1826">
        <v>1087.6389999999999</v>
      </c>
      <c r="G1826">
        <v>1108.5930000000001</v>
      </c>
      <c r="H1826">
        <v>1125.7809999999999</v>
      </c>
      <c r="I1826">
        <v>1142.19</v>
      </c>
      <c r="J1826">
        <v>1149.287</v>
      </c>
      <c r="K1826">
        <v>1159.02</v>
      </c>
      <c r="L1826">
        <v>1165.7729999999999</v>
      </c>
      <c r="M1826">
        <v>1145.624</v>
      </c>
      <c r="N1826">
        <v>1063.376</v>
      </c>
      <c r="O1826">
        <v>1022.11</v>
      </c>
      <c r="P1826">
        <v>0</v>
      </c>
      <c r="Q1826">
        <v>0</v>
      </c>
      <c r="R1826">
        <v>1098.5139999999999</v>
      </c>
      <c r="S1826">
        <v>0</v>
      </c>
      <c r="T1826">
        <v>1119.4559999999999</v>
      </c>
      <c r="U1826">
        <v>1140.1110000000001</v>
      </c>
      <c r="V1826">
        <v>1149.8019999999999</v>
      </c>
      <c r="W1826">
        <v>1170.2059999999999</v>
      </c>
      <c r="X1826">
        <v>1187.115</v>
      </c>
      <c r="Y1826">
        <v>1188.8779999999999</v>
      </c>
    </row>
    <row r="1827" spans="1:25" x14ac:dyDescent="0.3">
      <c r="A1827">
        <v>48.900000006721044</v>
      </c>
      <c r="B1827">
        <v>1023.21</v>
      </c>
      <c r="C1827">
        <v>1045.9960000000001</v>
      </c>
      <c r="D1827">
        <v>1043.3340000000001</v>
      </c>
      <c r="E1827">
        <v>1078.588</v>
      </c>
      <c r="F1827">
        <v>1088.3499999999999</v>
      </c>
      <c r="G1827">
        <v>1109.499</v>
      </c>
      <c r="H1827">
        <v>1125.002</v>
      </c>
      <c r="I1827">
        <v>1141.3879999999999</v>
      </c>
      <c r="J1827">
        <v>1147.588</v>
      </c>
      <c r="K1827">
        <v>1155.299</v>
      </c>
      <c r="L1827">
        <v>1169.9549999999999</v>
      </c>
      <c r="M1827">
        <v>1148.5989999999999</v>
      </c>
      <c r="N1827">
        <v>1075.046</v>
      </c>
      <c r="O1827">
        <v>1024.604</v>
      </c>
      <c r="P1827">
        <v>0</v>
      </c>
      <c r="Q1827">
        <v>0</v>
      </c>
      <c r="R1827">
        <v>1100.5820000000001</v>
      </c>
      <c r="S1827">
        <v>0</v>
      </c>
      <c r="T1827">
        <v>1117.2639999999999</v>
      </c>
      <c r="U1827">
        <v>1136.296</v>
      </c>
      <c r="V1827">
        <v>1147.76</v>
      </c>
      <c r="W1827">
        <v>1172.018</v>
      </c>
      <c r="X1827">
        <v>1188.2570000000001</v>
      </c>
      <c r="Y1827">
        <v>1194.991</v>
      </c>
    </row>
    <row r="1828" spans="1:25" x14ac:dyDescent="0.3">
      <c r="A1828">
        <v>48.933333337369064</v>
      </c>
      <c r="B1828">
        <v>1030.029</v>
      </c>
      <c r="C1828">
        <v>1044.8320000000001</v>
      </c>
      <c r="D1828">
        <v>1047.1990000000001</v>
      </c>
      <c r="E1828">
        <v>1081.5360000000001</v>
      </c>
      <c r="F1828">
        <v>1089.0429999999999</v>
      </c>
      <c r="G1828">
        <v>1109.6130000000001</v>
      </c>
      <c r="H1828">
        <v>1125.4960000000001</v>
      </c>
      <c r="I1828">
        <v>1137.6300000000001</v>
      </c>
      <c r="J1828">
        <v>1147.78</v>
      </c>
      <c r="K1828">
        <v>1156.9490000000001</v>
      </c>
      <c r="L1828">
        <v>1169.5509999999999</v>
      </c>
      <c r="M1828">
        <v>1147.2070000000001</v>
      </c>
      <c r="N1828">
        <v>1078.8869999999999</v>
      </c>
      <c r="O1828">
        <v>1023.467</v>
      </c>
      <c r="P1828">
        <v>0</v>
      </c>
      <c r="Q1828">
        <v>0</v>
      </c>
      <c r="R1828">
        <v>1105.547</v>
      </c>
      <c r="S1828">
        <v>0</v>
      </c>
      <c r="T1828">
        <v>1119.9849999999999</v>
      </c>
      <c r="U1828">
        <v>1135.1579999999999</v>
      </c>
      <c r="V1828">
        <v>1145.681</v>
      </c>
      <c r="W1828">
        <v>1170.5340000000001</v>
      </c>
      <c r="X1828">
        <v>1187.308</v>
      </c>
      <c r="Y1828">
        <v>1191.8430000000001</v>
      </c>
    </row>
    <row r="1829" spans="1:25" x14ac:dyDescent="0.3">
      <c r="A1829">
        <v>48.949999997454384</v>
      </c>
      <c r="B1829">
        <v>1025.0429999999999</v>
      </c>
      <c r="C1829">
        <v>1047.1600000000001</v>
      </c>
      <c r="D1829">
        <v>1047.6600000000001</v>
      </c>
      <c r="E1829">
        <v>1079.24</v>
      </c>
      <c r="F1829">
        <v>1089.903</v>
      </c>
      <c r="G1829">
        <v>1111.557</v>
      </c>
      <c r="H1829">
        <v>1126.52</v>
      </c>
      <c r="I1829">
        <v>1141.2539999999999</v>
      </c>
      <c r="J1829">
        <v>1151.3679999999999</v>
      </c>
      <c r="K1829">
        <v>1164.847</v>
      </c>
      <c r="L1829">
        <v>1177.568</v>
      </c>
      <c r="M1829">
        <v>1151.598</v>
      </c>
      <c r="N1829">
        <v>1091.8309999999999</v>
      </c>
      <c r="O1829">
        <v>1015.25</v>
      </c>
      <c r="P1829">
        <v>0</v>
      </c>
      <c r="Q1829">
        <v>0</v>
      </c>
      <c r="R1829">
        <v>1108.1220000000001</v>
      </c>
      <c r="S1829">
        <v>0</v>
      </c>
      <c r="T1829">
        <v>1126.1210000000001</v>
      </c>
      <c r="U1829">
        <v>1142.2080000000001</v>
      </c>
      <c r="V1829">
        <v>1151.0229999999999</v>
      </c>
      <c r="W1829">
        <v>1170.3209999999999</v>
      </c>
      <c r="X1829">
        <v>1187.423</v>
      </c>
      <c r="Y1829">
        <v>1194.308</v>
      </c>
    </row>
    <row r="1830" spans="1:25" x14ac:dyDescent="0.3">
      <c r="A1830">
        <v>48.983333338579783</v>
      </c>
      <c r="B1830">
        <v>1024.6590000000001</v>
      </c>
      <c r="C1830">
        <v>1049.1210000000001</v>
      </c>
      <c r="D1830">
        <v>1047.846</v>
      </c>
      <c r="E1830">
        <v>1079.1289999999999</v>
      </c>
      <c r="F1830">
        <v>1090.0920000000001</v>
      </c>
      <c r="G1830">
        <v>1111.3879999999999</v>
      </c>
      <c r="H1830">
        <v>1129.52</v>
      </c>
      <c r="I1830">
        <v>1140.4349999999999</v>
      </c>
      <c r="J1830">
        <v>1147.989</v>
      </c>
      <c r="K1830">
        <v>1158.2529999999999</v>
      </c>
      <c r="L1830">
        <v>1167.72</v>
      </c>
      <c r="M1830">
        <v>1146.635</v>
      </c>
      <c r="N1830">
        <v>1082.9580000000001</v>
      </c>
      <c r="O1830">
        <v>1011.6609999999999</v>
      </c>
      <c r="P1830">
        <v>0</v>
      </c>
      <c r="Q1830">
        <v>0</v>
      </c>
      <c r="R1830">
        <v>1105.434</v>
      </c>
      <c r="S1830">
        <v>0</v>
      </c>
      <c r="T1830">
        <v>1130.0899999999999</v>
      </c>
      <c r="U1830">
        <v>1148.4849999999999</v>
      </c>
      <c r="V1830">
        <v>1156.93</v>
      </c>
      <c r="W1830">
        <v>1175.1410000000001</v>
      </c>
      <c r="X1830">
        <v>1189.1300000000001</v>
      </c>
      <c r="Y1830">
        <v>1191.998</v>
      </c>
    </row>
    <row r="1831" spans="1:25" x14ac:dyDescent="0.3">
      <c r="A1831">
        <v>49.016666669227803</v>
      </c>
      <c r="B1831">
        <v>1013.456</v>
      </c>
      <c r="C1831">
        <v>1047.4960000000001</v>
      </c>
      <c r="D1831">
        <v>1045.3699999999999</v>
      </c>
      <c r="E1831">
        <v>1078.9069999999999</v>
      </c>
      <c r="F1831">
        <v>1088.82</v>
      </c>
      <c r="G1831">
        <v>1115.1120000000001</v>
      </c>
      <c r="H1831">
        <v>1136.7929999999999</v>
      </c>
      <c r="I1831">
        <v>1143.7940000000001</v>
      </c>
      <c r="J1831">
        <v>1147.934</v>
      </c>
      <c r="K1831">
        <v>1160.5940000000001</v>
      </c>
      <c r="L1831">
        <v>1170.1890000000001</v>
      </c>
      <c r="M1831">
        <v>1146.904</v>
      </c>
      <c r="N1831">
        <v>1081.856</v>
      </c>
      <c r="O1831">
        <v>1009.251</v>
      </c>
      <c r="P1831">
        <v>0</v>
      </c>
      <c r="Q1831">
        <v>0</v>
      </c>
      <c r="R1831">
        <v>1105.2470000000001</v>
      </c>
      <c r="S1831">
        <v>0</v>
      </c>
      <c r="T1831">
        <v>1127.491</v>
      </c>
      <c r="U1831">
        <v>1148.3150000000001</v>
      </c>
      <c r="V1831">
        <v>1157.2570000000001</v>
      </c>
      <c r="W1831">
        <v>1173.2529999999999</v>
      </c>
      <c r="X1831">
        <v>1192.9490000000001</v>
      </c>
      <c r="Y1831">
        <v>1189.674</v>
      </c>
    </row>
    <row r="1832" spans="1:25" x14ac:dyDescent="0.3">
      <c r="A1832">
        <v>49.033333339790502</v>
      </c>
      <c r="B1832">
        <v>1016.9930000000001</v>
      </c>
      <c r="C1832">
        <v>1048.9179999999999</v>
      </c>
      <c r="D1832">
        <v>1048.8620000000001</v>
      </c>
      <c r="E1832">
        <v>1083.876</v>
      </c>
      <c r="F1832">
        <v>1092.713</v>
      </c>
      <c r="G1832">
        <v>1114.827</v>
      </c>
      <c r="H1832">
        <v>1135.424</v>
      </c>
      <c r="I1832">
        <v>1146.768</v>
      </c>
      <c r="J1832">
        <v>1154.0920000000001</v>
      </c>
      <c r="K1832">
        <v>1165.6389999999999</v>
      </c>
      <c r="L1832">
        <v>1173.29</v>
      </c>
      <c r="M1832">
        <v>1146.788</v>
      </c>
      <c r="N1832">
        <v>1093.068</v>
      </c>
      <c r="O1832">
        <v>1004.152</v>
      </c>
      <c r="P1832">
        <v>0</v>
      </c>
      <c r="Q1832">
        <v>0</v>
      </c>
      <c r="R1832">
        <v>1103.403</v>
      </c>
      <c r="S1832">
        <v>0</v>
      </c>
      <c r="T1832">
        <v>1130.5830000000001</v>
      </c>
      <c r="U1832">
        <v>1147.2449999999999</v>
      </c>
      <c r="V1832">
        <v>1156.508</v>
      </c>
      <c r="W1832">
        <v>1171.575</v>
      </c>
      <c r="X1832">
        <v>1187.6379999999999</v>
      </c>
      <c r="Y1832">
        <v>1187.9090000000001</v>
      </c>
    </row>
    <row r="1833" spans="1:25" x14ac:dyDescent="0.3">
      <c r="A1833">
        <v>49.066666670438522</v>
      </c>
      <c r="B1833">
        <v>1018.022</v>
      </c>
      <c r="C1833">
        <v>1050.509</v>
      </c>
      <c r="D1833">
        <v>1052.5060000000001</v>
      </c>
      <c r="E1833">
        <v>1087.0419999999999</v>
      </c>
      <c r="F1833">
        <v>1095.6949999999999</v>
      </c>
      <c r="G1833">
        <v>1116.1320000000001</v>
      </c>
      <c r="H1833">
        <v>1132.047</v>
      </c>
      <c r="I1833">
        <v>1144.405</v>
      </c>
      <c r="J1833">
        <v>1153.116</v>
      </c>
      <c r="K1833">
        <v>1166.1990000000001</v>
      </c>
      <c r="L1833">
        <v>1171.577</v>
      </c>
      <c r="M1833">
        <v>1144.672</v>
      </c>
      <c r="N1833">
        <v>1085.1880000000001</v>
      </c>
      <c r="O1833">
        <v>1004.812</v>
      </c>
      <c r="P1833">
        <v>0</v>
      </c>
      <c r="Q1833">
        <v>0</v>
      </c>
      <c r="R1833">
        <v>1103.2539999999999</v>
      </c>
      <c r="S1833">
        <v>0</v>
      </c>
      <c r="T1833">
        <v>1125.934</v>
      </c>
      <c r="U1833">
        <v>1144.748</v>
      </c>
      <c r="V1833">
        <v>1153.212</v>
      </c>
      <c r="W1833">
        <v>1172.444</v>
      </c>
      <c r="X1833">
        <v>1190.3520000000001</v>
      </c>
      <c r="Y1833">
        <v>1186.787</v>
      </c>
    </row>
    <row r="1834" spans="1:25" x14ac:dyDescent="0.3">
      <c r="A1834">
        <v>49.083333330523843</v>
      </c>
      <c r="B1834">
        <v>1019.801</v>
      </c>
      <c r="C1834">
        <v>1050.787</v>
      </c>
      <c r="D1834">
        <v>1052.395</v>
      </c>
      <c r="E1834">
        <v>1086.2180000000001</v>
      </c>
      <c r="F1834">
        <v>1097.124</v>
      </c>
      <c r="G1834">
        <v>1116.567</v>
      </c>
      <c r="H1834">
        <v>1131.6289999999999</v>
      </c>
      <c r="I1834">
        <v>1147.2470000000001</v>
      </c>
      <c r="J1834">
        <v>1157.6600000000001</v>
      </c>
      <c r="K1834">
        <v>1166.508</v>
      </c>
      <c r="L1834">
        <v>1169.2829999999999</v>
      </c>
      <c r="M1834">
        <v>1147.3810000000001</v>
      </c>
      <c r="N1834">
        <v>1076.204</v>
      </c>
      <c r="O1834">
        <v>1009.16</v>
      </c>
      <c r="P1834">
        <v>0</v>
      </c>
      <c r="Q1834">
        <v>0</v>
      </c>
      <c r="R1834">
        <v>1103.104</v>
      </c>
      <c r="S1834">
        <v>0</v>
      </c>
      <c r="T1834">
        <v>1124.7</v>
      </c>
      <c r="U1834">
        <v>1143.8510000000001</v>
      </c>
      <c r="V1834">
        <v>1151.9649999999999</v>
      </c>
      <c r="W1834">
        <v>1173.5429999999999</v>
      </c>
      <c r="X1834">
        <v>1189.1120000000001</v>
      </c>
      <c r="Y1834">
        <v>1184.0350000000001</v>
      </c>
    </row>
    <row r="1835" spans="1:25" x14ac:dyDescent="0.3">
      <c r="A1835">
        <v>49.116666671649241</v>
      </c>
      <c r="B1835">
        <v>1026.827</v>
      </c>
      <c r="C1835">
        <v>1052.191</v>
      </c>
      <c r="D1835">
        <v>1049.4739999999999</v>
      </c>
      <c r="E1835">
        <v>1082.81</v>
      </c>
      <c r="F1835">
        <v>1093.856</v>
      </c>
      <c r="G1835">
        <v>1114.0730000000001</v>
      </c>
      <c r="H1835">
        <v>1129.902</v>
      </c>
      <c r="I1835">
        <v>1145.816</v>
      </c>
      <c r="J1835">
        <v>1155.8579999999999</v>
      </c>
      <c r="K1835">
        <v>1165.9870000000001</v>
      </c>
      <c r="L1835">
        <v>1170.748</v>
      </c>
      <c r="M1835">
        <v>1148.8879999999999</v>
      </c>
      <c r="N1835">
        <v>1078.31</v>
      </c>
      <c r="O1835">
        <v>1007.753</v>
      </c>
      <c r="P1835">
        <v>0</v>
      </c>
      <c r="Q1835">
        <v>0</v>
      </c>
      <c r="R1835">
        <v>1099.982</v>
      </c>
      <c r="S1835">
        <v>0</v>
      </c>
      <c r="T1835">
        <v>1120.175</v>
      </c>
      <c r="U1835">
        <v>1141.123</v>
      </c>
      <c r="V1835">
        <v>1149.8230000000001</v>
      </c>
      <c r="W1835">
        <v>1167.799</v>
      </c>
      <c r="X1835">
        <v>1182.5619999999999</v>
      </c>
      <c r="Y1835">
        <v>1185.2750000000001</v>
      </c>
    </row>
    <row r="1836" spans="1:25" x14ac:dyDescent="0.3">
      <c r="A1836">
        <v>49.150000002297261</v>
      </c>
      <c r="B1836">
        <v>1029.789</v>
      </c>
      <c r="C1836">
        <v>1050.0450000000001</v>
      </c>
      <c r="D1836">
        <v>1049.768</v>
      </c>
      <c r="E1836">
        <v>1081.9849999999999</v>
      </c>
      <c r="F1836">
        <v>1090.56</v>
      </c>
      <c r="G1836">
        <v>1108.5550000000001</v>
      </c>
      <c r="H1836">
        <v>1127.1469999999999</v>
      </c>
      <c r="I1836">
        <v>1139.576</v>
      </c>
      <c r="J1836">
        <v>1150.069</v>
      </c>
      <c r="K1836">
        <v>1165.9849999999999</v>
      </c>
      <c r="L1836">
        <v>1174.6780000000001</v>
      </c>
      <c r="M1836">
        <v>1152.29</v>
      </c>
      <c r="N1836">
        <v>1072.623</v>
      </c>
      <c r="O1836">
        <v>1009.1950000000001</v>
      </c>
      <c r="P1836">
        <v>0</v>
      </c>
      <c r="Q1836">
        <v>0</v>
      </c>
      <c r="R1836">
        <v>1102.989</v>
      </c>
      <c r="S1836">
        <v>0</v>
      </c>
      <c r="T1836">
        <v>1117.2639999999999</v>
      </c>
      <c r="U1836">
        <v>1136.6199999999999</v>
      </c>
      <c r="V1836">
        <v>1146.52</v>
      </c>
      <c r="W1836">
        <v>1170.0519999999999</v>
      </c>
      <c r="X1836">
        <v>1191.8230000000001</v>
      </c>
      <c r="Y1836">
        <v>1190.2149999999999</v>
      </c>
    </row>
    <row r="1837" spans="1:25" x14ac:dyDescent="0.3">
      <c r="A1837">
        <v>49.166666672859961</v>
      </c>
      <c r="B1837">
        <v>1031.5039999999999</v>
      </c>
      <c r="C1837">
        <v>1048.347</v>
      </c>
      <c r="D1837">
        <v>1043.4849999999999</v>
      </c>
      <c r="E1837">
        <v>1076.838</v>
      </c>
      <c r="F1837">
        <v>1090.655</v>
      </c>
      <c r="G1837">
        <v>1111.8440000000001</v>
      </c>
      <c r="H1837">
        <v>1128.327</v>
      </c>
      <c r="I1837">
        <v>1141.7149999999999</v>
      </c>
      <c r="J1837">
        <v>1155.4369999999999</v>
      </c>
      <c r="K1837">
        <v>1169.4960000000001</v>
      </c>
      <c r="L1837">
        <v>1178.7090000000001</v>
      </c>
      <c r="M1837">
        <v>1156.51</v>
      </c>
      <c r="N1837">
        <v>1073.0540000000001</v>
      </c>
      <c r="O1837">
        <v>1010.549</v>
      </c>
      <c r="P1837">
        <v>0</v>
      </c>
      <c r="Q1837">
        <v>0</v>
      </c>
      <c r="R1837">
        <v>1104.4390000000001</v>
      </c>
      <c r="S1837">
        <v>0</v>
      </c>
      <c r="T1837">
        <v>1122.046</v>
      </c>
      <c r="U1837">
        <v>1141.5050000000001</v>
      </c>
      <c r="V1837">
        <v>1149.442</v>
      </c>
      <c r="W1837">
        <v>1173.1579999999999</v>
      </c>
      <c r="X1837">
        <v>1197.546</v>
      </c>
      <c r="Y1837">
        <v>1191.2439999999999</v>
      </c>
    </row>
    <row r="1838" spans="1:25" x14ac:dyDescent="0.3">
      <c r="A1838">
        <v>49.200000003507981</v>
      </c>
      <c r="B1838">
        <v>1027.489</v>
      </c>
      <c r="C1838">
        <v>1050.029</v>
      </c>
      <c r="D1838">
        <v>1046.184</v>
      </c>
      <c r="E1838">
        <v>1083.0160000000001</v>
      </c>
      <c r="F1838">
        <v>1095.037</v>
      </c>
      <c r="G1838">
        <v>1115.7170000000001</v>
      </c>
      <c r="H1838">
        <v>1131.306</v>
      </c>
      <c r="I1838">
        <v>1145.32</v>
      </c>
      <c r="J1838">
        <v>1160.498</v>
      </c>
      <c r="K1838">
        <v>1169.0129999999999</v>
      </c>
      <c r="L1838">
        <v>1175.643</v>
      </c>
      <c r="M1838">
        <v>1155.3589999999999</v>
      </c>
      <c r="N1838">
        <v>1089.55</v>
      </c>
      <c r="O1838">
        <v>1008.027</v>
      </c>
      <c r="P1838">
        <v>0</v>
      </c>
      <c r="Q1838">
        <v>0</v>
      </c>
      <c r="R1838">
        <v>1107.4849999999999</v>
      </c>
      <c r="S1838">
        <v>0</v>
      </c>
      <c r="T1838">
        <v>1128.25</v>
      </c>
      <c r="U1838">
        <v>1148.5630000000001</v>
      </c>
      <c r="V1838">
        <v>1162.607</v>
      </c>
      <c r="W1838">
        <v>1182.3689999999999</v>
      </c>
      <c r="X1838">
        <v>1200.566</v>
      </c>
      <c r="Y1838">
        <v>1197.059</v>
      </c>
    </row>
    <row r="1839" spans="1:25" x14ac:dyDescent="0.3">
      <c r="A1839">
        <v>49.233333334156001</v>
      </c>
      <c r="B1839">
        <v>1025.7619999999999</v>
      </c>
      <c r="C1839">
        <v>1051.434</v>
      </c>
      <c r="D1839">
        <v>1049.789</v>
      </c>
      <c r="E1839">
        <v>1083.0730000000001</v>
      </c>
      <c r="F1839">
        <v>1094.7739999999999</v>
      </c>
      <c r="G1839">
        <v>1115.056</v>
      </c>
      <c r="H1839">
        <v>1134.3820000000001</v>
      </c>
      <c r="I1839">
        <v>1144.672</v>
      </c>
      <c r="J1839">
        <v>1154.9960000000001</v>
      </c>
      <c r="K1839">
        <v>1167.106</v>
      </c>
      <c r="L1839">
        <v>1177.9179999999999</v>
      </c>
      <c r="M1839">
        <v>1154.4780000000001</v>
      </c>
      <c r="N1839">
        <v>1072.8309999999999</v>
      </c>
      <c r="O1839">
        <v>1010.476</v>
      </c>
      <c r="P1839">
        <v>0</v>
      </c>
      <c r="Q1839">
        <v>0</v>
      </c>
      <c r="R1839">
        <v>1111.259</v>
      </c>
      <c r="S1839">
        <v>0</v>
      </c>
      <c r="T1839">
        <v>1135.711</v>
      </c>
      <c r="U1839">
        <v>1152.0809999999999</v>
      </c>
      <c r="V1839">
        <v>1161.7829999999999</v>
      </c>
      <c r="W1839">
        <v>1180.683</v>
      </c>
      <c r="X1839">
        <v>1198.2090000000001</v>
      </c>
      <c r="Y1839">
        <v>1194.4480000000001</v>
      </c>
    </row>
    <row r="1840" spans="1:25" x14ac:dyDescent="0.3">
      <c r="A1840">
        <v>49.2500000047187</v>
      </c>
      <c r="B1840">
        <v>1030.912</v>
      </c>
      <c r="C1840">
        <v>1051.376</v>
      </c>
      <c r="D1840">
        <v>1048.1969999999999</v>
      </c>
      <c r="E1840">
        <v>1081.2170000000001</v>
      </c>
      <c r="F1840">
        <v>1094.884</v>
      </c>
      <c r="G1840">
        <v>1115.432</v>
      </c>
      <c r="H1840">
        <v>1136.43</v>
      </c>
      <c r="I1840">
        <v>1143.8879999999999</v>
      </c>
      <c r="J1840">
        <v>1151.4269999999999</v>
      </c>
      <c r="K1840">
        <v>1166.6020000000001</v>
      </c>
      <c r="L1840">
        <v>1177.9549999999999</v>
      </c>
      <c r="M1840">
        <v>1157.2560000000001</v>
      </c>
      <c r="N1840">
        <v>1089.155</v>
      </c>
      <c r="O1840">
        <v>1007.258</v>
      </c>
      <c r="P1840">
        <v>0</v>
      </c>
      <c r="Q1840">
        <v>0</v>
      </c>
      <c r="R1840">
        <v>1109.046</v>
      </c>
      <c r="S1840">
        <v>0</v>
      </c>
      <c r="T1840">
        <v>1133.241</v>
      </c>
      <c r="U1840">
        <v>1147.0360000000001</v>
      </c>
      <c r="V1840">
        <v>1153.057</v>
      </c>
      <c r="W1840">
        <v>1174.2349999999999</v>
      </c>
      <c r="X1840">
        <v>1194.0360000000001</v>
      </c>
      <c r="Y1840">
        <v>1191.7070000000001</v>
      </c>
    </row>
    <row r="1841" spans="1:25" x14ac:dyDescent="0.3">
      <c r="A1841">
        <v>49.28333333536672</v>
      </c>
      <c r="B1841">
        <v>1020.571</v>
      </c>
      <c r="C1841">
        <v>1052.191</v>
      </c>
      <c r="D1841">
        <v>1047.9949999999999</v>
      </c>
      <c r="E1841">
        <v>1082.0239999999999</v>
      </c>
      <c r="F1841">
        <v>1097.1990000000001</v>
      </c>
      <c r="G1841">
        <v>1117.4739999999999</v>
      </c>
      <c r="H1841">
        <v>1135.3679999999999</v>
      </c>
      <c r="I1841">
        <v>1145.874</v>
      </c>
      <c r="J1841">
        <v>1157.123</v>
      </c>
      <c r="K1841">
        <v>1171.307</v>
      </c>
      <c r="L1841">
        <v>1181.942</v>
      </c>
      <c r="M1841">
        <v>1158.1780000000001</v>
      </c>
      <c r="N1841">
        <v>1106.395</v>
      </c>
      <c r="O1841">
        <v>1037.7260000000001</v>
      </c>
      <c r="P1841">
        <v>0</v>
      </c>
      <c r="Q1841">
        <v>0</v>
      </c>
      <c r="R1841">
        <v>1113.1469999999999</v>
      </c>
      <c r="S1841">
        <v>0</v>
      </c>
      <c r="T1841">
        <v>1133.7550000000001</v>
      </c>
      <c r="U1841">
        <v>1147.095</v>
      </c>
      <c r="V1841">
        <v>1154.0170000000001</v>
      </c>
      <c r="W1841">
        <v>1175.643</v>
      </c>
      <c r="X1841">
        <v>1193.6289999999999</v>
      </c>
      <c r="Y1841">
        <v>1193.6089999999999</v>
      </c>
    </row>
    <row r="1842" spans="1:25" x14ac:dyDescent="0.3">
      <c r="A1842">
        <v>49.300000005929419</v>
      </c>
      <c r="B1842">
        <v>1016.722</v>
      </c>
      <c r="C1842">
        <v>1050.4369999999999</v>
      </c>
      <c r="D1842">
        <v>1052.5999999999999</v>
      </c>
      <c r="E1842">
        <v>1083.8789999999999</v>
      </c>
      <c r="F1842">
        <v>1101.394</v>
      </c>
      <c r="G1842">
        <v>1123.962</v>
      </c>
      <c r="H1842">
        <v>1139.942</v>
      </c>
      <c r="I1842">
        <v>1145.6849999999999</v>
      </c>
      <c r="J1842">
        <v>1155.6489999999999</v>
      </c>
      <c r="K1842">
        <v>1168.3409999999999</v>
      </c>
      <c r="L1842">
        <v>1175.607</v>
      </c>
      <c r="M1842">
        <v>1153.2139999999999</v>
      </c>
      <c r="N1842">
        <v>1125.8979999999999</v>
      </c>
      <c r="O1842">
        <v>1073.1110000000001</v>
      </c>
      <c r="P1842">
        <v>0</v>
      </c>
      <c r="Q1842">
        <v>0</v>
      </c>
      <c r="R1842">
        <v>1117.721</v>
      </c>
      <c r="S1842">
        <v>0</v>
      </c>
      <c r="T1842">
        <v>1132.4849999999999</v>
      </c>
      <c r="U1842">
        <v>1143.472</v>
      </c>
      <c r="V1842">
        <v>1148.8510000000001</v>
      </c>
      <c r="W1842">
        <v>1170.653</v>
      </c>
      <c r="X1842">
        <v>1189.23</v>
      </c>
      <c r="Y1842">
        <v>1194.664</v>
      </c>
    </row>
    <row r="1843" spans="1:25" x14ac:dyDescent="0.3">
      <c r="A1843">
        <v>49.333333336577439</v>
      </c>
      <c r="B1843">
        <v>1012.559</v>
      </c>
      <c r="C1843">
        <v>1049.3820000000001</v>
      </c>
      <c r="D1843">
        <v>1051.1379999999999</v>
      </c>
      <c r="E1843">
        <v>1084.1959999999999</v>
      </c>
      <c r="F1843">
        <v>1098.6099999999999</v>
      </c>
      <c r="G1843">
        <v>1121.7439999999999</v>
      </c>
      <c r="H1843">
        <v>1137.08</v>
      </c>
      <c r="I1843">
        <v>1144.615</v>
      </c>
      <c r="J1843">
        <v>1154.4010000000001</v>
      </c>
      <c r="K1843">
        <v>1169.1869999999999</v>
      </c>
      <c r="L1843">
        <v>1179.0940000000001</v>
      </c>
      <c r="M1843">
        <v>1155.6669999999999</v>
      </c>
      <c r="N1843">
        <v>1138.587</v>
      </c>
      <c r="O1843">
        <v>1076.7819999999999</v>
      </c>
      <c r="P1843">
        <v>0</v>
      </c>
      <c r="Q1843">
        <v>0</v>
      </c>
      <c r="R1843">
        <v>1117.078</v>
      </c>
      <c r="S1843">
        <v>0</v>
      </c>
      <c r="T1843">
        <v>1127.8710000000001</v>
      </c>
      <c r="U1843">
        <v>1138.453</v>
      </c>
      <c r="V1843">
        <v>1143.127</v>
      </c>
      <c r="W1843">
        <v>1165.3710000000001</v>
      </c>
      <c r="X1843">
        <v>1186.768</v>
      </c>
      <c r="Y1843">
        <v>1195.0519999999999</v>
      </c>
    </row>
    <row r="1844" spans="1:25" x14ac:dyDescent="0.3">
      <c r="A1844">
        <v>49.366666667225459</v>
      </c>
      <c r="B1844">
        <v>1014.024</v>
      </c>
      <c r="C1844">
        <v>1051.1379999999999</v>
      </c>
      <c r="D1844">
        <v>1050.3610000000001</v>
      </c>
      <c r="E1844">
        <v>1083.99</v>
      </c>
      <c r="F1844">
        <v>1095.751</v>
      </c>
      <c r="G1844">
        <v>1117.9839999999999</v>
      </c>
      <c r="H1844">
        <v>1134.4190000000001</v>
      </c>
      <c r="I1844">
        <v>1148.354</v>
      </c>
      <c r="J1844">
        <v>1159.903</v>
      </c>
      <c r="K1844">
        <v>1167.722</v>
      </c>
      <c r="L1844">
        <v>1177.1279999999999</v>
      </c>
      <c r="M1844">
        <v>1156.375</v>
      </c>
      <c r="N1844">
        <v>1139.1010000000001</v>
      </c>
      <c r="O1844">
        <v>1089.232</v>
      </c>
      <c r="P1844">
        <v>0</v>
      </c>
      <c r="Q1844">
        <v>0</v>
      </c>
      <c r="R1844">
        <v>1111.9190000000001</v>
      </c>
      <c r="S1844">
        <v>0</v>
      </c>
      <c r="T1844">
        <v>1125.5550000000001</v>
      </c>
      <c r="U1844">
        <v>1137.422</v>
      </c>
      <c r="V1844">
        <v>1144.462</v>
      </c>
      <c r="W1844">
        <v>1166.2570000000001</v>
      </c>
      <c r="X1844">
        <v>1184.9649999999999</v>
      </c>
      <c r="Y1844">
        <v>1195.8699999999999</v>
      </c>
    </row>
    <row r="1845" spans="1:25" x14ac:dyDescent="0.3">
      <c r="A1845">
        <v>49.383333337788159</v>
      </c>
      <c r="B1845">
        <v>1009.215</v>
      </c>
      <c r="C1845">
        <v>1054.0609999999999</v>
      </c>
      <c r="D1845">
        <v>1053.0609999999999</v>
      </c>
      <c r="E1845">
        <v>1088.0340000000001</v>
      </c>
      <c r="F1845">
        <v>1099.55</v>
      </c>
      <c r="G1845">
        <v>1118.3620000000001</v>
      </c>
      <c r="H1845">
        <v>1134.4390000000001</v>
      </c>
      <c r="I1845">
        <v>1148.5450000000001</v>
      </c>
      <c r="J1845">
        <v>1157.9870000000001</v>
      </c>
      <c r="K1845">
        <v>1164.6969999999999</v>
      </c>
      <c r="L1845">
        <v>1175.74</v>
      </c>
      <c r="M1845">
        <v>1154.8040000000001</v>
      </c>
      <c r="N1845">
        <v>1133.8879999999999</v>
      </c>
      <c r="O1845">
        <v>1095.865</v>
      </c>
      <c r="P1845">
        <v>0</v>
      </c>
      <c r="Q1845">
        <v>0</v>
      </c>
      <c r="R1845">
        <v>1109.7850000000001</v>
      </c>
      <c r="S1845">
        <v>0</v>
      </c>
      <c r="T1845">
        <v>1124.3779999999999</v>
      </c>
      <c r="U1845">
        <v>1136.489</v>
      </c>
      <c r="V1845">
        <v>1145.3209999999999</v>
      </c>
      <c r="W1845">
        <v>1166.508</v>
      </c>
      <c r="X1845">
        <v>1183.5509999999999</v>
      </c>
      <c r="Y1845">
        <v>1191.3219999999999</v>
      </c>
    </row>
    <row r="1846" spans="1:25" x14ac:dyDescent="0.3">
      <c r="A1846">
        <v>49.416666668436179</v>
      </c>
      <c r="B1846">
        <v>1013.951</v>
      </c>
      <c r="C1846">
        <v>1055.3779999999999</v>
      </c>
      <c r="D1846">
        <v>1055.0630000000001</v>
      </c>
      <c r="E1846">
        <v>1087.135</v>
      </c>
      <c r="F1846">
        <v>1098.421</v>
      </c>
      <c r="G1846">
        <v>1117.3599999999999</v>
      </c>
      <c r="H1846">
        <v>1133.8689999999999</v>
      </c>
      <c r="I1846">
        <v>1147.3430000000001</v>
      </c>
      <c r="J1846">
        <v>1155.6279999999999</v>
      </c>
      <c r="K1846">
        <v>1165.8720000000001</v>
      </c>
      <c r="L1846">
        <v>1176.742</v>
      </c>
      <c r="M1846">
        <v>1153.193</v>
      </c>
      <c r="N1846">
        <v>1136.7360000000001</v>
      </c>
      <c r="O1846">
        <v>1076.54</v>
      </c>
      <c r="P1846">
        <v>0</v>
      </c>
      <c r="Q1846">
        <v>0</v>
      </c>
      <c r="R1846">
        <v>1105.6990000000001</v>
      </c>
      <c r="S1846">
        <v>0</v>
      </c>
      <c r="T1846">
        <v>1121.951</v>
      </c>
      <c r="U1846">
        <v>1140.1690000000001</v>
      </c>
      <c r="V1846">
        <v>1149.098</v>
      </c>
      <c r="W1846">
        <v>1168.3389999999999</v>
      </c>
      <c r="X1846">
        <v>1186.05</v>
      </c>
      <c r="Y1846">
        <v>1191.3019999999999</v>
      </c>
    </row>
    <row r="1847" spans="1:25" x14ac:dyDescent="0.3">
      <c r="A1847">
        <v>49.433333338998878</v>
      </c>
      <c r="B1847">
        <v>1014.667</v>
      </c>
      <c r="C1847">
        <v>1056.029</v>
      </c>
      <c r="D1847">
        <v>1052.932</v>
      </c>
      <c r="E1847">
        <v>1085.8630000000001</v>
      </c>
      <c r="F1847">
        <v>1097.4069999999999</v>
      </c>
      <c r="G1847">
        <v>1116.096</v>
      </c>
      <c r="H1847">
        <v>1134.819</v>
      </c>
      <c r="I1847">
        <v>1149.0419999999999</v>
      </c>
      <c r="J1847">
        <v>1157.201</v>
      </c>
      <c r="K1847">
        <v>1169.3420000000001</v>
      </c>
      <c r="L1847">
        <v>1177.9000000000001</v>
      </c>
      <c r="M1847">
        <v>1153.98</v>
      </c>
      <c r="N1847">
        <v>1131.7439999999999</v>
      </c>
      <c r="O1847">
        <v>1086.0319999999999</v>
      </c>
      <c r="P1847">
        <v>0</v>
      </c>
      <c r="Q1847">
        <v>0</v>
      </c>
      <c r="R1847">
        <v>1107.9380000000001</v>
      </c>
      <c r="S1847">
        <v>0</v>
      </c>
      <c r="T1847">
        <v>1128.0609999999999</v>
      </c>
      <c r="U1847">
        <v>1144.2909999999999</v>
      </c>
      <c r="V1847">
        <v>1153.999</v>
      </c>
      <c r="W1847">
        <v>1171.751</v>
      </c>
      <c r="X1847">
        <v>1186.904</v>
      </c>
      <c r="Y1847">
        <v>1192.8150000000001</v>
      </c>
    </row>
    <row r="1848" spans="1:25" x14ac:dyDescent="0.3">
      <c r="A1848">
        <v>49.466666669646898</v>
      </c>
      <c r="B1848">
        <v>1010.111</v>
      </c>
      <c r="C1848">
        <v>1055.0820000000001</v>
      </c>
      <c r="D1848">
        <v>1051.0650000000001</v>
      </c>
      <c r="E1848">
        <v>1084.4590000000001</v>
      </c>
      <c r="F1848">
        <v>1094.944</v>
      </c>
      <c r="G1848">
        <v>1112.827</v>
      </c>
      <c r="H1848">
        <v>1130.2249999999999</v>
      </c>
      <c r="I1848">
        <v>1146.6189999999999</v>
      </c>
      <c r="J1848">
        <v>1152.1780000000001</v>
      </c>
      <c r="K1848">
        <v>1164.7360000000001</v>
      </c>
      <c r="L1848">
        <v>1176.377</v>
      </c>
      <c r="M1848">
        <v>1156.511</v>
      </c>
      <c r="N1848">
        <v>1117.3430000000001</v>
      </c>
      <c r="O1848">
        <v>1082.212</v>
      </c>
      <c r="P1848">
        <v>0</v>
      </c>
      <c r="Q1848">
        <v>0</v>
      </c>
      <c r="R1848">
        <v>1105.0229999999999</v>
      </c>
      <c r="S1848">
        <v>0</v>
      </c>
      <c r="T1848">
        <v>1125.2139999999999</v>
      </c>
      <c r="U1848">
        <v>1144.0239999999999</v>
      </c>
      <c r="V1848">
        <v>1154.6320000000001</v>
      </c>
      <c r="W1848">
        <v>1172.2909999999999</v>
      </c>
      <c r="X1848">
        <v>1187.2919999999999</v>
      </c>
      <c r="Y1848">
        <v>1193.009</v>
      </c>
    </row>
    <row r="1849" spans="1:25" x14ac:dyDescent="0.3">
      <c r="A1849">
        <v>49.500000000294918</v>
      </c>
      <c r="B1849">
        <v>1010.731</v>
      </c>
      <c r="C1849">
        <v>1054.7840000000001</v>
      </c>
      <c r="D1849">
        <v>1051.0820000000001</v>
      </c>
      <c r="E1849">
        <v>1082.829</v>
      </c>
      <c r="F1849">
        <v>1094.7360000000001</v>
      </c>
      <c r="G1849">
        <v>1112.4290000000001</v>
      </c>
      <c r="H1849">
        <v>1130.1479999999999</v>
      </c>
      <c r="I1849">
        <v>1146.1410000000001</v>
      </c>
      <c r="J1849">
        <v>1155.3019999999999</v>
      </c>
      <c r="K1849">
        <v>1168.6659999999999</v>
      </c>
      <c r="L1849">
        <v>1180.9349999999999</v>
      </c>
      <c r="M1849">
        <v>1158.2349999999999</v>
      </c>
      <c r="N1849">
        <v>1104.8710000000001</v>
      </c>
      <c r="O1849">
        <v>1078.702</v>
      </c>
      <c r="P1849">
        <v>0</v>
      </c>
      <c r="Q1849">
        <v>0</v>
      </c>
      <c r="R1849">
        <v>1101.675</v>
      </c>
      <c r="S1849">
        <v>0</v>
      </c>
      <c r="T1849">
        <v>1122.9159999999999</v>
      </c>
      <c r="U1849">
        <v>1137.556</v>
      </c>
      <c r="V1849">
        <v>1146.5219999999999</v>
      </c>
      <c r="W1849">
        <v>1166.0450000000001</v>
      </c>
      <c r="X1849">
        <v>1183.5309999999999</v>
      </c>
      <c r="Y1849">
        <v>1193.7070000000001</v>
      </c>
    </row>
    <row r="1850" spans="1:25" x14ac:dyDescent="0.3">
      <c r="A1850">
        <v>49.516666670857617</v>
      </c>
      <c r="B1850">
        <v>1010.514</v>
      </c>
      <c r="C1850">
        <v>1054.0429999999999</v>
      </c>
      <c r="D1850">
        <v>1048.884</v>
      </c>
      <c r="E1850">
        <v>1081.914</v>
      </c>
      <c r="F1850">
        <v>1094.9259999999999</v>
      </c>
      <c r="G1850">
        <v>1112.6010000000001</v>
      </c>
      <c r="H1850">
        <v>1131.7260000000001</v>
      </c>
      <c r="I1850">
        <v>1146.123</v>
      </c>
      <c r="J1850">
        <v>1157.9490000000001</v>
      </c>
      <c r="K1850">
        <v>1167.492</v>
      </c>
      <c r="L1850">
        <v>1176.9749999999999</v>
      </c>
      <c r="M1850">
        <v>1155.8599999999999</v>
      </c>
      <c r="N1850">
        <v>1091.9860000000001</v>
      </c>
      <c r="O1850">
        <v>1062.2840000000001</v>
      </c>
      <c r="P1850">
        <v>0</v>
      </c>
      <c r="Q1850">
        <v>0</v>
      </c>
      <c r="R1850">
        <v>1101.921</v>
      </c>
      <c r="S1850">
        <v>0</v>
      </c>
      <c r="T1850">
        <v>1121.67</v>
      </c>
      <c r="U1850">
        <v>1134.25</v>
      </c>
      <c r="V1850">
        <v>1145.2840000000001</v>
      </c>
      <c r="W1850">
        <v>1165.1990000000001</v>
      </c>
      <c r="X1850">
        <v>1181.925</v>
      </c>
      <c r="Y1850">
        <v>1190.0440000000001</v>
      </c>
    </row>
    <row r="1851" spans="1:25" x14ac:dyDescent="0.3">
      <c r="A1851">
        <v>49.550000001505637</v>
      </c>
      <c r="B1851">
        <v>995.52800000000002</v>
      </c>
      <c r="C1851">
        <v>1054.2470000000001</v>
      </c>
      <c r="D1851">
        <v>1050.067</v>
      </c>
      <c r="E1851">
        <v>1084.9459999999999</v>
      </c>
      <c r="F1851">
        <v>1098.31</v>
      </c>
      <c r="G1851">
        <v>1117.55</v>
      </c>
      <c r="H1851">
        <v>1134.933</v>
      </c>
      <c r="I1851">
        <v>1146.18</v>
      </c>
      <c r="J1851">
        <v>1159.2139999999999</v>
      </c>
      <c r="K1851">
        <v>1167.7809999999999</v>
      </c>
      <c r="L1851">
        <v>1174.97</v>
      </c>
      <c r="M1851">
        <v>1157.68</v>
      </c>
      <c r="N1851">
        <v>1084.028</v>
      </c>
      <c r="O1851">
        <v>1059.0360000000001</v>
      </c>
      <c r="P1851">
        <v>0</v>
      </c>
      <c r="Q1851">
        <v>0</v>
      </c>
      <c r="R1851">
        <v>1100.4159999999999</v>
      </c>
      <c r="S1851">
        <v>0</v>
      </c>
      <c r="T1851">
        <v>1119.289</v>
      </c>
      <c r="U1851">
        <v>1131.4970000000001</v>
      </c>
      <c r="V1851">
        <v>1139.846</v>
      </c>
      <c r="W1851">
        <v>1160.9780000000001</v>
      </c>
      <c r="X1851">
        <v>1185.877</v>
      </c>
      <c r="Y1851">
        <v>1192.7950000000001</v>
      </c>
    </row>
    <row r="1852" spans="1:25" x14ac:dyDescent="0.3">
      <c r="A1852">
        <v>49.566666672068337</v>
      </c>
      <c r="B1852">
        <v>1003.68</v>
      </c>
      <c r="C1852">
        <v>1053.5050000000001</v>
      </c>
      <c r="D1852">
        <v>1050.3989999999999</v>
      </c>
      <c r="E1852">
        <v>1087.0989999999999</v>
      </c>
      <c r="F1852">
        <v>1097.952</v>
      </c>
      <c r="G1852">
        <v>1117.607</v>
      </c>
      <c r="H1852">
        <v>1133.6990000000001</v>
      </c>
      <c r="I1852">
        <v>1145.722</v>
      </c>
      <c r="J1852">
        <v>1159.713</v>
      </c>
      <c r="K1852">
        <v>1166.432</v>
      </c>
      <c r="L1852">
        <v>1172.3489999999999</v>
      </c>
      <c r="M1852">
        <v>1155.0920000000001</v>
      </c>
      <c r="N1852">
        <v>1098.5730000000001</v>
      </c>
      <c r="O1852">
        <v>1054.3399999999999</v>
      </c>
      <c r="P1852">
        <v>0</v>
      </c>
      <c r="Q1852">
        <v>0</v>
      </c>
      <c r="R1852">
        <v>1100.115</v>
      </c>
      <c r="S1852">
        <v>0</v>
      </c>
      <c r="T1852">
        <v>1118.741</v>
      </c>
      <c r="U1852">
        <v>1130.8710000000001</v>
      </c>
      <c r="V1852">
        <v>1137.271</v>
      </c>
      <c r="W1852">
        <v>1158.4090000000001</v>
      </c>
      <c r="X1852">
        <v>1180.0640000000001</v>
      </c>
      <c r="Y1852">
        <v>1193.222</v>
      </c>
    </row>
    <row r="1853" spans="1:25" x14ac:dyDescent="0.3">
      <c r="A1853">
        <v>49.600000002716357</v>
      </c>
      <c r="B1853">
        <v>995.74699999999996</v>
      </c>
      <c r="C1853">
        <v>1053.376</v>
      </c>
      <c r="D1853">
        <v>1048.7180000000001</v>
      </c>
      <c r="E1853">
        <v>1084.2159999999999</v>
      </c>
      <c r="F1853">
        <v>1095.2260000000001</v>
      </c>
      <c r="G1853">
        <v>1114.396</v>
      </c>
      <c r="H1853">
        <v>1130.1500000000001</v>
      </c>
      <c r="I1853">
        <v>1141.6780000000001</v>
      </c>
      <c r="J1853">
        <v>1156.2429999999999</v>
      </c>
      <c r="K1853">
        <v>1168.2829999999999</v>
      </c>
      <c r="L1853">
        <v>1171.174</v>
      </c>
      <c r="M1853">
        <v>1155.1310000000001</v>
      </c>
      <c r="N1853">
        <v>1095.114</v>
      </c>
      <c r="O1853">
        <v>1055.9179999999999</v>
      </c>
      <c r="P1853">
        <v>0</v>
      </c>
      <c r="Q1853">
        <v>0</v>
      </c>
      <c r="R1853">
        <v>1098.7049999999999</v>
      </c>
      <c r="S1853">
        <v>0</v>
      </c>
      <c r="T1853">
        <v>1117.8340000000001</v>
      </c>
      <c r="U1853">
        <v>1130.2829999999999</v>
      </c>
      <c r="V1853">
        <v>1136.319</v>
      </c>
      <c r="W1853">
        <v>1158.4670000000001</v>
      </c>
      <c r="X1853">
        <v>1179.347</v>
      </c>
      <c r="Y1853">
        <v>1195.424</v>
      </c>
    </row>
    <row r="1854" spans="1:25" x14ac:dyDescent="0.3">
      <c r="A1854">
        <v>49.633333333364376</v>
      </c>
      <c r="B1854">
        <v>999.899</v>
      </c>
      <c r="C1854">
        <v>1053.914</v>
      </c>
      <c r="D1854">
        <v>1051.029</v>
      </c>
      <c r="E1854">
        <v>1082.8679999999999</v>
      </c>
      <c r="F1854">
        <v>1094.5129999999999</v>
      </c>
      <c r="G1854">
        <v>1113.0730000000001</v>
      </c>
      <c r="H1854">
        <v>1131.7070000000001</v>
      </c>
      <c r="I1854">
        <v>1144.693</v>
      </c>
      <c r="J1854">
        <v>1155.7249999999999</v>
      </c>
      <c r="K1854">
        <v>1166.355</v>
      </c>
      <c r="L1854">
        <v>1174.046</v>
      </c>
      <c r="M1854">
        <v>1156.0899999999999</v>
      </c>
      <c r="N1854">
        <v>1105.23</v>
      </c>
      <c r="O1854">
        <v>1060.3910000000001</v>
      </c>
      <c r="P1854">
        <v>0</v>
      </c>
      <c r="Q1854">
        <v>0</v>
      </c>
      <c r="R1854">
        <v>1097.991</v>
      </c>
      <c r="S1854">
        <v>0</v>
      </c>
      <c r="T1854">
        <v>1119.7429999999999</v>
      </c>
      <c r="U1854">
        <v>1133.415</v>
      </c>
      <c r="V1854">
        <v>1138.645</v>
      </c>
      <c r="W1854">
        <v>1157.8340000000001</v>
      </c>
      <c r="X1854">
        <v>1181.2460000000001</v>
      </c>
      <c r="Y1854">
        <v>1193.242</v>
      </c>
    </row>
    <row r="1855" spans="1:25" x14ac:dyDescent="0.3">
      <c r="A1855">
        <v>49.650000003927076</v>
      </c>
      <c r="B1855">
        <v>994.72799999999995</v>
      </c>
      <c r="C1855">
        <v>1055.77</v>
      </c>
      <c r="D1855">
        <v>1054.675</v>
      </c>
      <c r="E1855">
        <v>1086.2380000000001</v>
      </c>
      <c r="F1855">
        <v>1097.521</v>
      </c>
      <c r="G1855">
        <v>1116.3610000000001</v>
      </c>
      <c r="H1855">
        <v>1133.2629999999999</v>
      </c>
      <c r="I1855">
        <v>1144.864</v>
      </c>
      <c r="J1855">
        <v>1155.7449999999999</v>
      </c>
      <c r="K1855">
        <v>1164.8710000000001</v>
      </c>
      <c r="L1855">
        <v>1175.337</v>
      </c>
      <c r="M1855">
        <v>1155.6289999999999</v>
      </c>
      <c r="N1855">
        <v>1114.2639999999999</v>
      </c>
      <c r="O1855">
        <v>1068.0039999999999</v>
      </c>
      <c r="P1855">
        <v>0</v>
      </c>
      <c r="Q1855">
        <v>0</v>
      </c>
      <c r="R1855">
        <v>1100.548</v>
      </c>
      <c r="S1855">
        <v>0</v>
      </c>
      <c r="T1855">
        <v>1120.914</v>
      </c>
      <c r="U1855">
        <v>1135.788</v>
      </c>
      <c r="V1855">
        <v>1141.011</v>
      </c>
      <c r="W1855">
        <v>1158.9469999999999</v>
      </c>
      <c r="X1855">
        <v>1182.991</v>
      </c>
      <c r="Y1855">
        <v>1192.4280000000001</v>
      </c>
    </row>
    <row r="1856" spans="1:25" x14ac:dyDescent="0.3">
      <c r="A1856">
        <v>49.683333334575096</v>
      </c>
      <c r="B1856">
        <v>1000.519</v>
      </c>
      <c r="C1856">
        <v>1055.268</v>
      </c>
      <c r="D1856">
        <v>1054.0429999999999</v>
      </c>
      <c r="E1856">
        <v>1086.855</v>
      </c>
      <c r="F1856">
        <v>1098.0650000000001</v>
      </c>
      <c r="G1856">
        <v>1115.7370000000001</v>
      </c>
      <c r="H1856">
        <v>1130.9849999999999</v>
      </c>
      <c r="I1856">
        <v>1141.9639999999999</v>
      </c>
      <c r="J1856">
        <v>1153.04</v>
      </c>
      <c r="K1856">
        <v>1165.3140000000001</v>
      </c>
      <c r="L1856">
        <v>1175.009</v>
      </c>
      <c r="M1856">
        <v>1150.2819999999999</v>
      </c>
      <c r="N1856">
        <v>1123.145</v>
      </c>
      <c r="O1856">
        <v>1053.0429999999999</v>
      </c>
      <c r="P1856">
        <v>0</v>
      </c>
      <c r="Q1856">
        <v>0</v>
      </c>
      <c r="R1856">
        <v>1103.537</v>
      </c>
      <c r="S1856">
        <v>0</v>
      </c>
      <c r="T1856">
        <v>1122.633</v>
      </c>
      <c r="U1856">
        <v>1138.0340000000001</v>
      </c>
      <c r="V1856">
        <v>1148.259</v>
      </c>
      <c r="W1856">
        <v>1165.0250000000001</v>
      </c>
      <c r="X1856">
        <v>1183.9390000000001</v>
      </c>
      <c r="Y1856">
        <v>1188.7449999999999</v>
      </c>
    </row>
    <row r="1857" spans="1:25" x14ac:dyDescent="0.3">
      <c r="A1857">
        <v>49.700000005137795</v>
      </c>
      <c r="B1857">
        <v>1001.799</v>
      </c>
      <c r="C1857">
        <v>1055.194</v>
      </c>
      <c r="D1857">
        <v>1053.3209999999999</v>
      </c>
      <c r="E1857">
        <v>1087.4549999999999</v>
      </c>
      <c r="F1857">
        <v>1097.521</v>
      </c>
      <c r="G1857">
        <v>1117.0409999999999</v>
      </c>
      <c r="H1857">
        <v>1133.0730000000001</v>
      </c>
      <c r="I1857">
        <v>1142.518</v>
      </c>
      <c r="J1857">
        <v>1151.258</v>
      </c>
      <c r="K1857">
        <v>1164.162</v>
      </c>
      <c r="L1857">
        <v>1176.2239999999999</v>
      </c>
      <c r="M1857">
        <v>1155.3040000000001</v>
      </c>
      <c r="N1857">
        <v>1123.165</v>
      </c>
      <c r="O1857">
        <v>1042.8389999999999</v>
      </c>
      <c r="P1857">
        <v>0</v>
      </c>
      <c r="Q1857">
        <v>0</v>
      </c>
      <c r="R1857">
        <v>1104.328</v>
      </c>
      <c r="S1857">
        <v>0</v>
      </c>
      <c r="T1857">
        <v>1121.2919999999999</v>
      </c>
      <c r="U1857">
        <v>1138.874</v>
      </c>
      <c r="V1857">
        <v>1149.653</v>
      </c>
      <c r="W1857">
        <v>1165.7</v>
      </c>
      <c r="X1857">
        <v>1185.9169999999999</v>
      </c>
      <c r="Y1857">
        <v>1187.1179999999999</v>
      </c>
    </row>
    <row r="1858" spans="1:25" x14ac:dyDescent="0.3">
      <c r="A1858">
        <v>49.733333335785815</v>
      </c>
      <c r="B1858">
        <v>1003.427</v>
      </c>
      <c r="C1858">
        <v>1056.347</v>
      </c>
      <c r="D1858">
        <v>1056.606</v>
      </c>
      <c r="E1858">
        <v>1087.345</v>
      </c>
      <c r="F1858">
        <v>1098.462</v>
      </c>
      <c r="G1858">
        <v>1116.3630000000001</v>
      </c>
      <c r="H1858">
        <v>1130.778</v>
      </c>
      <c r="I1858">
        <v>1143.1300000000001</v>
      </c>
      <c r="J1858">
        <v>1149.673</v>
      </c>
      <c r="K1858">
        <v>1168.1110000000001</v>
      </c>
      <c r="L1858">
        <v>1178.345</v>
      </c>
      <c r="M1858">
        <v>1154.998</v>
      </c>
      <c r="N1858">
        <v>1115.8520000000001</v>
      </c>
      <c r="O1858">
        <v>1029.463</v>
      </c>
      <c r="P1858">
        <v>0</v>
      </c>
      <c r="Q1858">
        <v>0</v>
      </c>
      <c r="R1858">
        <v>1104.461</v>
      </c>
      <c r="S1858">
        <v>0</v>
      </c>
      <c r="T1858">
        <v>1122.144</v>
      </c>
      <c r="U1858">
        <v>1142.8440000000001</v>
      </c>
      <c r="V1858">
        <v>1150.1890000000001</v>
      </c>
      <c r="W1858">
        <v>1166.569</v>
      </c>
      <c r="X1858">
        <v>1186.9259999999999</v>
      </c>
      <c r="Y1858">
        <v>1188.961</v>
      </c>
    </row>
    <row r="1859" spans="1:25" x14ac:dyDescent="0.3">
      <c r="A1859">
        <v>49.766666666433835</v>
      </c>
      <c r="B1859">
        <v>1001.999</v>
      </c>
      <c r="C1859">
        <v>1056.92</v>
      </c>
      <c r="D1859">
        <v>1057.9590000000001</v>
      </c>
      <c r="E1859">
        <v>1086.912</v>
      </c>
      <c r="F1859">
        <v>1096.5989999999999</v>
      </c>
      <c r="G1859">
        <v>1112.223</v>
      </c>
      <c r="H1859">
        <v>1126.904</v>
      </c>
      <c r="I1859">
        <v>1141.6590000000001</v>
      </c>
      <c r="J1859">
        <v>1152.4649999999999</v>
      </c>
      <c r="K1859">
        <v>1164.0650000000001</v>
      </c>
      <c r="L1859">
        <v>1175.664</v>
      </c>
      <c r="M1859">
        <v>1154.7090000000001</v>
      </c>
      <c r="N1859">
        <v>1120.1579999999999</v>
      </c>
      <c r="O1859">
        <v>1023.14</v>
      </c>
      <c r="P1859">
        <v>0</v>
      </c>
      <c r="Q1859">
        <v>0</v>
      </c>
      <c r="R1859">
        <v>1099.8330000000001</v>
      </c>
      <c r="S1859">
        <v>0</v>
      </c>
      <c r="T1859">
        <v>1123.05</v>
      </c>
      <c r="U1859">
        <v>1141.5820000000001</v>
      </c>
      <c r="V1859">
        <v>1152.1199999999999</v>
      </c>
      <c r="W1859">
        <v>1168.7829999999999</v>
      </c>
      <c r="X1859">
        <v>1186.73</v>
      </c>
      <c r="Y1859">
        <v>1187.6210000000001</v>
      </c>
    </row>
    <row r="1860" spans="1:25" x14ac:dyDescent="0.3">
      <c r="A1860">
        <v>49.783333336996535</v>
      </c>
      <c r="B1860">
        <v>985.33799999999997</v>
      </c>
      <c r="C1860">
        <v>1045.058</v>
      </c>
      <c r="D1860">
        <v>1054.136</v>
      </c>
      <c r="E1860">
        <v>1085.527</v>
      </c>
      <c r="F1860">
        <v>1093.7639999999999</v>
      </c>
      <c r="G1860">
        <v>1112.261</v>
      </c>
      <c r="H1860">
        <v>1128.6510000000001</v>
      </c>
      <c r="I1860">
        <v>1145.4369999999999</v>
      </c>
      <c r="J1860">
        <v>1153.252</v>
      </c>
      <c r="K1860">
        <v>1164.123</v>
      </c>
      <c r="L1860">
        <v>1173.1980000000001</v>
      </c>
      <c r="M1860">
        <v>1150.1110000000001</v>
      </c>
      <c r="N1860">
        <v>1136.547</v>
      </c>
      <c r="O1860">
        <v>1034.396</v>
      </c>
      <c r="P1860">
        <v>0</v>
      </c>
      <c r="Q1860">
        <v>0</v>
      </c>
      <c r="R1860">
        <v>1100.2280000000001</v>
      </c>
      <c r="S1860">
        <v>0</v>
      </c>
      <c r="T1860">
        <v>1124.4169999999999</v>
      </c>
      <c r="U1860">
        <v>1141.373</v>
      </c>
      <c r="V1860">
        <v>1147.23</v>
      </c>
      <c r="W1860">
        <v>1162.7049999999999</v>
      </c>
      <c r="X1860">
        <v>1183.029</v>
      </c>
      <c r="Y1860">
        <v>1188.5329999999999</v>
      </c>
    </row>
    <row r="1861" spans="1:25" x14ac:dyDescent="0.3">
      <c r="A1861">
        <v>49.816666667644554</v>
      </c>
      <c r="B1861">
        <v>985.41</v>
      </c>
      <c r="C1861">
        <v>1051.3430000000001</v>
      </c>
      <c r="D1861">
        <v>1059.0730000000001</v>
      </c>
      <c r="E1861">
        <v>1086.6690000000001</v>
      </c>
      <c r="F1861">
        <v>1094.4949999999999</v>
      </c>
      <c r="G1861">
        <v>1114.3019999999999</v>
      </c>
      <c r="H1861">
        <v>1134.231</v>
      </c>
      <c r="I1861">
        <v>1147.6110000000001</v>
      </c>
      <c r="J1861">
        <v>1156.2809999999999</v>
      </c>
      <c r="K1861">
        <v>1165.3920000000001</v>
      </c>
      <c r="L1861">
        <v>1175.491</v>
      </c>
      <c r="M1861">
        <v>1154.9010000000001</v>
      </c>
      <c r="N1861">
        <v>1120.404</v>
      </c>
      <c r="O1861">
        <v>1024.204</v>
      </c>
      <c r="P1861">
        <v>0</v>
      </c>
      <c r="Q1861">
        <v>0</v>
      </c>
      <c r="R1861">
        <v>1103.933</v>
      </c>
      <c r="S1861">
        <v>0</v>
      </c>
      <c r="T1861">
        <v>1128.8019999999999</v>
      </c>
      <c r="U1861">
        <v>1143.701</v>
      </c>
      <c r="V1861">
        <v>1151.5840000000001</v>
      </c>
      <c r="W1861">
        <v>1168.0319999999999</v>
      </c>
      <c r="X1861">
        <v>1186.2460000000001</v>
      </c>
      <c r="Y1861">
        <v>1188.068</v>
      </c>
    </row>
    <row r="1862" spans="1:25" x14ac:dyDescent="0.3">
      <c r="A1862">
        <v>49.833333338207254</v>
      </c>
      <c r="B1862">
        <v>989.90499999999997</v>
      </c>
      <c r="C1862">
        <v>1052.287</v>
      </c>
      <c r="D1862">
        <v>1058.3510000000001</v>
      </c>
      <c r="E1862">
        <v>1087.288</v>
      </c>
      <c r="F1862">
        <v>1097.3720000000001</v>
      </c>
      <c r="G1862">
        <v>1115.8520000000001</v>
      </c>
      <c r="H1862">
        <v>1136.2639999999999</v>
      </c>
      <c r="I1862">
        <v>1147.9570000000001</v>
      </c>
      <c r="J1862">
        <v>1158.431</v>
      </c>
      <c r="K1862">
        <v>1166.299</v>
      </c>
      <c r="L1862">
        <v>1176.4760000000001</v>
      </c>
      <c r="M1862">
        <v>1156.8579999999999</v>
      </c>
      <c r="N1862">
        <v>1108.636</v>
      </c>
      <c r="O1862">
        <v>1019.236</v>
      </c>
      <c r="P1862">
        <v>0</v>
      </c>
      <c r="Q1862">
        <v>0</v>
      </c>
      <c r="R1862">
        <v>1106.3979999999999</v>
      </c>
      <c r="S1862">
        <v>0</v>
      </c>
      <c r="T1862">
        <v>1127.5129999999999</v>
      </c>
      <c r="U1862">
        <v>1143.9880000000001</v>
      </c>
      <c r="V1862">
        <v>1150.972</v>
      </c>
      <c r="W1862">
        <v>1169.634</v>
      </c>
      <c r="X1862">
        <v>1187.566</v>
      </c>
      <c r="Y1862">
        <v>1187.662</v>
      </c>
    </row>
    <row r="1863" spans="1:25" x14ac:dyDescent="0.3">
      <c r="A1863">
        <v>49.866666668855274</v>
      </c>
      <c r="B1863">
        <v>993.81700000000001</v>
      </c>
      <c r="C1863">
        <v>1052.23</v>
      </c>
      <c r="D1863">
        <v>1057.2729999999999</v>
      </c>
      <c r="E1863">
        <v>1086.2760000000001</v>
      </c>
      <c r="F1863">
        <v>1095.885</v>
      </c>
      <c r="G1863">
        <v>1115.1890000000001</v>
      </c>
      <c r="H1863">
        <v>1134.896</v>
      </c>
      <c r="I1863">
        <v>1146.047</v>
      </c>
      <c r="J1863">
        <v>1159.1569999999999</v>
      </c>
      <c r="K1863">
        <v>1165.2370000000001</v>
      </c>
      <c r="L1863">
        <v>1172.33</v>
      </c>
      <c r="M1863">
        <v>1158.4670000000001</v>
      </c>
      <c r="N1863">
        <v>1099.3820000000001</v>
      </c>
      <c r="O1863">
        <v>1016.612</v>
      </c>
      <c r="P1863">
        <v>0</v>
      </c>
      <c r="Q1863">
        <v>0</v>
      </c>
      <c r="R1863">
        <v>1102.4290000000001</v>
      </c>
      <c r="S1863">
        <v>0</v>
      </c>
      <c r="T1863">
        <v>1121.443</v>
      </c>
      <c r="U1863">
        <v>1142.8420000000001</v>
      </c>
      <c r="V1863">
        <v>1147.7639999999999</v>
      </c>
      <c r="W1863">
        <v>1164.9680000000001</v>
      </c>
      <c r="X1863">
        <v>1183.7660000000001</v>
      </c>
      <c r="Y1863">
        <v>1186.769</v>
      </c>
    </row>
    <row r="1864" spans="1:25" x14ac:dyDescent="0.3">
      <c r="A1864">
        <v>49.899999999503294</v>
      </c>
      <c r="B1864">
        <v>998.73400000000004</v>
      </c>
      <c r="C1864">
        <v>1055.4559999999999</v>
      </c>
      <c r="D1864">
        <v>1059.7439999999999</v>
      </c>
      <c r="E1864">
        <v>1086.971</v>
      </c>
      <c r="F1864">
        <v>1096.5450000000001</v>
      </c>
      <c r="G1864">
        <v>1115.2860000000001</v>
      </c>
      <c r="H1864">
        <v>1135.43</v>
      </c>
      <c r="I1864">
        <v>1144.867</v>
      </c>
      <c r="J1864">
        <v>1158.546</v>
      </c>
      <c r="K1864">
        <v>1164.317</v>
      </c>
      <c r="L1864">
        <v>1171.7739999999999</v>
      </c>
      <c r="M1864">
        <v>1157.1849999999999</v>
      </c>
      <c r="N1864">
        <v>1099.6289999999999</v>
      </c>
      <c r="O1864">
        <v>1017.183</v>
      </c>
      <c r="P1864">
        <v>0</v>
      </c>
      <c r="Q1864">
        <v>0</v>
      </c>
      <c r="R1864">
        <v>1106.135</v>
      </c>
      <c r="S1864">
        <v>0</v>
      </c>
      <c r="T1864">
        <v>1122.654</v>
      </c>
      <c r="U1864">
        <v>1140.8219999999999</v>
      </c>
      <c r="V1864">
        <v>1145.42</v>
      </c>
      <c r="W1864">
        <v>1164.011</v>
      </c>
      <c r="X1864">
        <v>1186.152</v>
      </c>
      <c r="Y1864">
        <v>1185.9580000000001</v>
      </c>
    </row>
    <row r="1865" spans="1:25" x14ac:dyDescent="0.3">
      <c r="A1865">
        <v>49.916666670065993</v>
      </c>
      <c r="B1865">
        <v>1009.766</v>
      </c>
      <c r="C1865">
        <v>1055.4190000000001</v>
      </c>
      <c r="D1865">
        <v>1059.316</v>
      </c>
      <c r="E1865">
        <v>1087.663</v>
      </c>
      <c r="F1865">
        <v>1095.999</v>
      </c>
      <c r="G1865">
        <v>1117.0050000000001</v>
      </c>
      <c r="H1865">
        <v>1135.828</v>
      </c>
      <c r="I1865">
        <v>1145.2090000000001</v>
      </c>
      <c r="J1865">
        <v>1156.2260000000001</v>
      </c>
      <c r="K1865">
        <v>1168.1690000000001</v>
      </c>
      <c r="L1865">
        <v>1174.838</v>
      </c>
      <c r="M1865">
        <v>1156.1869999999999</v>
      </c>
      <c r="N1865">
        <v>1097.3910000000001</v>
      </c>
      <c r="O1865">
        <v>1015.385</v>
      </c>
      <c r="P1865">
        <v>0</v>
      </c>
      <c r="Q1865">
        <v>0</v>
      </c>
      <c r="R1865">
        <v>1110.5619999999999</v>
      </c>
      <c r="S1865">
        <v>0</v>
      </c>
      <c r="T1865">
        <v>1125.3869999999999</v>
      </c>
      <c r="U1865">
        <v>1142.9770000000001</v>
      </c>
      <c r="V1865">
        <v>1151.49</v>
      </c>
      <c r="W1865">
        <v>1172.1010000000001</v>
      </c>
      <c r="X1865">
        <v>1187.2560000000001</v>
      </c>
      <c r="Y1865">
        <v>1193.3789999999999</v>
      </c>
    </row>
    <row r="1866" spans="1:25" x14ac:dyDescent="0.3">
      <c r="A1866">
        <v>49.950000000714013</v>
      </c>
      <c r="B1866">
        <v>1004.414</v>
      </c>
      <c r="C1866">
        <v>1055.1220000000001</v>
      </c>
      <c r="D1866">
        <v>1061.5260000000001</v>
      </c>
      <c r="E1866">
        <v>1089.348</v>
      </c>
      <c r="F1866">
        <v>1097.316</v>
      </c>
      <c r="G1866">
        <v>1118.7809999999999</v>
      </c>
      <c r="H1866">
        <v>1136.702</v>
      </c>
      <c r="I1866">
        <v>1143.913</v>
      </c>
      <c r="J1866">
        <v>1152.6220000000001</v>
      </c>
      <c r="K1866">
        <v>1167.0709999999999</v>
      </c>
      <c r="L1866">
        <v>1179.098</v>
      </c>
      <c r="M1866">
        <v>1155.67</v>
      </c>
      <c r="N1866">
        <v>1102.2429999999999</v>
      </c>
      <c r="O1866">
        <v>1015.495</v>
      </c>
      <c r="P1866">
        <v>0</v>
      </c>
      <c r="Q1866">
        <v>0</v>
      </c>
      <c r="R1866">
        <v>1107.884</v>
      </c>
      <c r="S1866">
        <v>0</v>
      </c>
      <c r="T1866">
        <v>1125.0650000000001</v>
      </c>
      <c r="U1866">
        <v>1141.261</v>
      </c>
      <c r="V1866">
        <v>1151.682</v>
      </c>
      <c r="W1866">
        <v>1173.778</v>
      </c>
      <c r="X1866">
        <v>1189.5820000000001</v>
      </c>
      <c r="Y1866">
        <v>1187.2950000000001</v>
      </c>
    </row>
    <row r="1867" spans="1:25" x14ac:dyDescent="0.3">
      <c r="A1867">
        <v>49.983333331362033</v>
      </c>
      <c r="B1867">
        <v>1010.534</v>
      </c>
      <c r="C1867">
        <v>1056.4580000000001</v>
      </c>
      <c r="D1867">
        <v>1061.0239999999999</v>
      </c>
      <c r="E1867">
        <v>1087.4570000000001</v>
      </c>
      <c r="F1867">
        <v>1096.845</v>
      </c>
      <c r="G1867">
        <v>1120.0650000000001</v>
      </c>
      <c r="H1867">
        <v>1140.5350000000001</v>
      </c>
      <c r="I1867">
        <v>1150.4179999999999</v>
      </c>
      <c r="J1867">
        <v>1157.702</v>
      </c>
      <c r="K1867">
        <v>1168.2650000000001</v>
      </c>
      <c r="L1867">
        <v>1176.7070000000001</v>
      </c>
      <c r="M1867">
        <v>1155.2090000000001</v>
      </c>
      <c r="N1867">
        <v>1123.7739999999999</v>
      </c>
      <c r="O1867">
        <v>1017.934</v>
      </c>
      <c r="P1867">
        <v>0</v>
      </c>
      <c r="Q1867">
        <v>0</v>
      </c>
      <c r="R1867">
        <v>1110.865</v>
      </c>
      <c r="S1867">
        <v>0</v>
      </c>
      <c r="T1867">
        <v>1123.508</v>
      </c>
      <c r="U1867">
        <v>1143.5309999999999</v>
      </c>
      <c r="V1867">
        <v>1150.914</v>
      </c>
      <c r="W1867">
        <v>1172.7750000000001</v>
      </c>
      <c r="X1867">
        <v>1194.1389999999999</v>
      </c>
      <c r="Y1867">
        <v>1190.492</v>
      </c>
    </row>
    <row r="1868" spans="1:25" x14ac:dyDescent="0.3">
      <c r="A1868">
        <v>50.000000001924732</v>
      </c>
      <c r="B1868">
        <v>1018.409</v>
      </c>
      <c r="C1868">
        <v>1058.405</v>
      </c>
      <c r="D1868">
        <v>1059.6300000000001</v>
      </c>
      <c r="E1868">
        <v>1085.6949999999999</v>
      </c>
      <c r="F1868">
        <v>1097.7650000000001</v>
      </c>
      <c r="G1868">
        <v>1118.212</v>
      </c>
      <c r="H1868">
        <v>1137.8820000000001</v>
      </c>
      <c r="I1868">
        <v>1146.6769999999999</v>
      </c>
      <c r="J1868">
        <v>1154.422</v>
      </c>
      <c r="K1868">
        <v>1164.7940000000001</v>
      </c>
      <c r="L1868">
        <v>1175.645</v>
      </c>
      <c r="M1868">
        <v>1151.181</v>
      </c>
      <c r="N1868">
        <v>1120.0450000000001</v>
      </c>
      <c r="O1868">
        <v>1019.583</v>
      </c>
      <c r="P1868">
        <v>0</v>
      </c>
      <c r="Q1868">
        <v>0</v>
      </c>
      <c r="R1868">
        <v>1108.8040000000001</v>
      </c>
      <c r="S1868">
        <v>0</v>
      </c>
      <c r="T1868">
        <v>1122.8040000000001</v>
      </c>
      <c r="U1868">
        <v>1142.308</v>
      </c>
      <c r="V1868">
        <v>1151.9100000000001</v>
      </c>
      <c r="W1868">
        <v>1169.94</v>
      </c>
      <c r="X1868">
        <v>1189.23</v>
      </c>
      <c r="Y1868">
        <v>1187.1759999999999</v>
      </c>
    </row>
    <row r="1869" spans="1:25" x14ac:dyDescent="0.3">
      <c r="A1869">
        <v>50.033333332572752</v>
      </c>
      <c r="B1869">
        <v>1012.617</v>
      </c>
      <c r="C1869">
        <v>1056.5889999999999</v>
      </c>
      <c r="D1869">
        <v>1060.932</v>
      </c>
      <c r="E1869">
        <v>1085.117</v>
      </c>
      <c r="F1869">
        <v>1096.357</v>
      </c>
      <c r="G1869">
        <v>1118.366</v>
      </c>
      <c r="H1869">
        <v>1136.797</v>
      </c>
      <c r="I1869">
        <v>1142.73</v>
      </c>
      <c r="J1869">
        <v>1148.415</v>
      </c>
      <c r="K1869">
        <v>1158.048</v>
      </c>
      <c r="L1869">
        <v>1168.998</v>
      </c>
      <c r="M1869">
        <v>1150.1130000000001</v>
      </c>
      <c r="N1869">
        <v>1130.19</v>
      </c>
      <c r="O1869">
        <v>1023.198</v>
      </c>
      <c r="P1869">
        <v>0</v>
      </c>
      <c r="Q1869">
        <v>0</v>
      </c>
      <c r="R1869">
        <v>1106.925</v>
      </c>
      <c r="S1869">
        <v>0</v>
      </c>
      <c r="T1869">
        <v>1124.6859999999999</v>
      </c>
      <c r="U1869">
        <v>1144.027</v>
      </c>
      <c r="V1869">
        <v>1154.079</v>
      </c>
      <c r="W1869">
        <v>1169.172</v>
      </c>
      <c r="X1869">
        <v>1186.326</v>
      </c>
      <c r="Y1869">
        <v>1190.337</v>
      </c>
    </row>
    <row r="1870" spans="1:25" x14ac:dyDescent="0.3">
      <c r="A1870">
        <v>50.050000003135452</v>
      </c>
      <c r="B1870">
        <v>1011.668</v>
      </c>
      <c r="C1870">
        <v>1055.364</v>
      </c>
      <c r="D1870">
        <v>1060.171</v>
      </c>
      <c r="E1870">
        <v>1087.4770000000001</v>
      </c>
      <c r="F1870">
        <v>1098.2190000000001</v>
      </c>
      <c r="G1870">
        <v>1120.2370000000001</v>
      </c>
      <c r="H1870">
        <v>1136.4549999999999</v>
      </c>
      <c r="I1870">
        <v>1142.979</v>
      </c>
      <c r="J1870">
        <v>1148.873</v>
      </c>
      <c r="K1870">
        <v>1161.634</v>
      </c>
      <c r="L1870">
        <v>1173.258</v>
      </c>
      <c r="M1870">
        <v>1155.115</v>
      </c>
      <c r="N1870">
        <v>1162.171</v>
      </c>
      <c r="O1870">
        <v>1022.006</v>
      </c>
      <c r="P1870">
        <v>0</v>
      </c>
      <c r="Q1870">
        <v>0</v>
      </c>
      <c r="R1870">
        <v>1107.509</v>
      </c>
      <c r="S1870">
        <v>0</v>
      </c>
      <c r="T1870">
        <v>1125.18</v>
      </c>
      <c r="U1870">
        <v>1141.7</v>
      </c>
      <c r="V1870">
        <v>1150.19</v>
      </c>
      <c r="W1870">
        <v>1172.3720000000001</v>
      </c>
      <c r="X1870">
        <v>1191.7139999999999</v>
      </c>
      <c r="Y1870">
        <v>1195.992</v>
      </c>
    </row>
    <row r="1871" spans="1:25" x14ac:dyDescent="0.3">
      <c r="A1871">
        <v>50.083333333783472</v>
      </c>
      <c r="B1871">
        <v>993.82</v>
      </c>
      <c r="C1871">
        <v>1054.547</v>
      </c>
      <c r="D1871">
        <v>1056.162</v>
      </c>
      <c r="E1871">
        <v>1085.96</v>
      </c>
      <c r="F1871">
        <v>1096.9590000000001</v>
      </c>
      <c r="G1871">
        <v>1118.46</v>
      </c>
      <c r="H1871">
        <v>1134.1010000000001</v>
      </c>
      <c r="I1871">
        <v>1144.6569999999999</v>
      </c>
      <c r="J1871">
        <v>1153.0239999999999</v>
      </c>
      <c r="K1871">
        <v>1169.095</v>
      </c>
      <c r="L1871">
        <v>1181.0160000000001</v>
      </c>
      <c r="M1871">
        <v>1160.2909999999999</v>
      </c>
      <c r="N1871">
        <v>1165.452</v>
      </c>
      <c r="O1871">
        <v>1015.092</v>
      </c>
      <c r="P1871">
        <v>0</v>
      </c>
      <c r="Q1871">
        <v>0</v>
      </c>
      <c r="R1871">
        <v>1104.575</v>
      </c>
      <c r="S1871">
        <v>0</v>
      </c>
      <c r="T1871">
        <v>1121.2190000000001</v>
      </c>
      <c r="U1871">
        <v>1141.204</v>
      </c>
      <c r="V1871">
        <v>1152.9090000000001</v>
      </c>
      <c r="W1871">
        <v>1170.367</v>
      </c>
      <c r="X1871">
        <v>1187.0239999999999</v>
      </c>
      <c r="Y1871">
        <v>1191.9649999999999</v>
      </c>
    </row>
    <row r="1872" spans="1:25" x14ac:dyDescent="0.3">
      <c r="A1872">
        <v>50.116666664431492</v>
      </c>
      <c r="B1872">
        <v>1000.852</v>
      </c>
      <c r="C1872">
        <v>1054.6959999999999</v>
      </c>
      <c r="D1872">
        <v>1055.086</v>
      </c>
      <c r="E1872">
        <v>1084.6679999999999</v>
      </c>
      <c r="F1872">
        <v>1094.086</v>
      </c>
      <c r="G1872">
        <v>1115.192</v>
      </c>
      <c r="H1872">
        <v>1134.519</v>
      </c>
      <c r="I1872">
        <v>1137.5219999999999</v>
      </c>
      <c r="J1872">
        <v>1146.7180000000001</v>
      </c>
      <c r="K1872">
        <v>1165.183</v>
      </c>
      <c r="L1872">
        <v>1177.556</v>
      </c>
      <c r="M1872">
        <v>1157.07</v>
      </c>
      <c r="N1872">
        <v>1175.2439999999999</v>
      </c>
      <c r="O1872">
        <v>1014.194</v>
      </c>
      <c r="P1872">
        <v>0</v>
      </c>
      <c r="Q1872">
        <v>0</v>
      </c>
      <c r="R1872">
        <v>1100.758</v>
      </c>
      <c r="S1872">
        <v>0</v>
      </c>
      <c r="T1872">
        <v>1122.655</v>
      </c>
      <c r="U1872">
        <v>1142.1389999999999</v>
      </c>
      <c r="V1872">
        <v>1152.8520000000001</v>
      </c>
      <c r="W1872">
        <v>1174.183</v>
      </c>
      <c r="X1872">
        <v>1192.45</v>
      </c>
      <c r="Y1872">
        <v>1192.9929999999999</v>
      </c>
    </row>
    <row r="1873" spans="1:25" x14ac:dyDescent="0.3">
      <c r="A1873">
        <v>50.133333334994191</v>
      </c>
      <c r="B1873">
        <v>995.00300000000004</v>
      </c>
      <c r="C1873">
        <v>1055.252</v>
      </c>
      <c r="D1873">
        <v>1053.9159999999999</v>
      </c>
      <c r="E1873">
        <v>1084.125</v>
      </c>
      <c r="F1873">
        <v>1093.636</v>
      </c>
      <c r="G1873">
        <v>1116.3820000000001</v>
      </c>
      <c r="H1873">
        <v>1136.759</v>
      </c>
      <c r="I1873">
        <v>1142.31</v>
      </c>
      <c r="J1873">
        <v>1147.9000000000001</v>
      </c>
      <c r="K1873">
        <v>1162.9369999999999</v>
      </c>
      <c r="L1873">
        <v>1172.1400000000001</v>
      </c>
      <c r="M1873">
        <v>1154.999</v>
      </c>
      <c r="N1873">
        <v>1175.05</v>
      </c>
      <c r="O1873">
        <v>1013.606</v>
      </c>
      <c r="P1873">
        <v>0</v>
      </c>
      <c r="Q1873">
        <v>0</v>
      </c>
      <c r="R1873">
        <v>1100.174</v>
      </c>
      <c r="S1873">
        <v>0</v>
      </c>
      <c r="T1873">
        <v>1123.319</v>
      </c>
      <c r="U1873">
        <v>1143.3209999999999</v>
      </c>
      <c r="V1873">
        <v>1153.3309999999999</v>
      </c>
      <c r="W1873">
        <v>1172.5450000000001</v>
      </c>
      <c r="X1873">
        <v>1192.3140000000001</v>
      </c>
      <c r="Y1873">
        <v>1191.7329999999999</v>
      </c>
    </row>
    <row r="1874" spans="1:25" x14ac:dyDescent="0.3">
      <c r="A1874">
        <v>50.166666665642211</v>
      </c>
      <c r="B1874">
        <v>1000.523</v>
      </c>
      <c r="C1874">
        <v>1055.7349999999999</v>
      </c>
      <c r="D1874">
        <v>1051.4570000000001</v>
      </c>
      <c r="E1874">
        <v>1083.826</v>
      </c>
      <c r="F1874">
        <v>1094.835</v>
      </c>
      <c r="G1874">
        <v>1117.837</v>
      </c>
      <c r="H1874">
        <v>1134.7470000000001</v>
      </c>
      <c r="I1874">
        <v>1143.5509999999999</v>
      </c>
      <c r="J1874">
        <v>1152.181</v>
      </c>
      <c r="K1874">
        <v>1162.2280000000001</v>
      </c>
      <c r="L1874">
        <v>1167.6880000000001</v>
      </c>
      <c r="M1874">
        <v>1148.9690000000001</v>
      </c>
      <c r="N1874">
        <v>1179.4090000000001</v>
      </c>
      <c r="O1874">
        <v>1014.341</v>
      </c>
      <c r="P1874">
        <v>0</v>
      </c>
      <c r="Q1874">
        <v>0</v>
      </c>
      <c r="R1874">
        <v>1102.0550000000001</v>
      </c>
      <c r="S1874">
        <v>0</v>
      </c>
      <c r="T1874">
        <v>1122.617</v>
      </c>
      <c r="U1874">
        <v>1141.471</v>
      </c>
      <c r="V1874">
        <v>1150.2280000000001</v>
      </c>
      <c r="W1874">
        <v>1171.0029999999999</v>
      </c>
      <c r="X1874">
        <v>1193.2249999999999</v>
      </c>
      <c r="Y1874">
        <v>1190.125</v>
      </c>
    </row>
    <row r="1875" spans="1:25" x14ac:dyDescent="0.3">
      <c r="A1875">
        <v>50.18333333620491</v>
      </c>
      <c r="B1875">
        <v>1008.7809999999999</v>
      </c>
      <c r="C1875">
        <v>1056.403</v>
      </c>
      <c r="D1875">
        <v>1051.623</v>
      </c>
      <c r="E1875">
        <v>1083.508</v>
      </c>
      <c r="F1875">
        <v>1094.011</v>
      </c>
      <c r="G1875">
        <v>1116.798</v>
      </c>
      <c r="H1875">
        <v>1134.8040000000001</v>
      </c>
      <c r="I1875">
        <v>1144.123</v>
      </c>
      <c r="J1875">
        <v>1154.252</v>
      </c>
      <c r="K1875">
        <v>1162.7650000000001</v>
      </c>
      <c r="L1875">
        <v>1172.3520000000001</v>
      </c>
      <c r="M1875">
        <v>1153.8879999999999</v>
      </c>
      <c r="N1875">
        <v>1183.2070000000001</v>
      </c>
      <c r="O1875">
        <v>1017.587</v>
      </c>
      <c r="P1875">
        <v>0</v>
      </c>
      <c r="Q1875">
        <v>0</v>
      </c>
      <c r="R1875">
        <v>1101.3219999999999</v>
      </c>
      <c r="S1875">
        <v>0</v>
      </c>
      <c r="T1875">
        <v>1123.0920000000001</v>
      </c>
      <c r="U1875">
        <v>1140.251</v>
      </c>
      <c r="V1875">
        <v>1155.134</v>
      </c>
      <c r="W1875">
        <v>1173.971</v>
      </c>
      <c r="X1875">
        <v>1189.2139999999999</v>
      </c>
      <c r="Y1875">
        <v>1193.2639999999999</v>
      </c>
    </row>
    <row r="1876" spans="1:25" x14ac:dyDescent="0.3">
      <c r="A1876">
        <v>50.21666666685293</v>
      </c>
      <c r="B1876">
        <v>1009.182</v>
      </c>
      <c r="C1876">
        <v>1055.79</v>
      </c>
      <c r="D1876">
        <v>1052.806</v>
      </c>
      <c r="E1876">
        <v>1084.93</v>
      </c>
      <c r="F1876">
        <v>1094.1790000000001</v>
      </c>
      <c r="G1876">
        <v>1115.8910000000001</v>
      </c>
      <c r="H1876">
        <v>1130.95</v>
      </c>
      <c r="I1876">
        <v>1141.9290000000001</v>
      </c>
      <c r="J1876">
        <v>1151.605</v>
      </c>
      <c r="K1876">
        <v>1162.9749999999999</v>
      </c>
      <c r="L1876">
        <v>1170.367</v>
      </c>
      <c r="M1876">
        <v>1155.5360000000001</v>
      </c>
      <c r="N1876">
        <v>1188.903</v>
      </c>
      <c r="O1876">
        <v>1013.386</v>
      </c>
      <c r="P1876">
        <v>0</v>
      </c>
      <c r="Q1876">
        <v>0</v>
      </c>
      <c r="R1876">
        <v>1100.174</v>
      </c>
      <c r="S1876">
        <v>0</v>
      </c>
      <c r="T1876">
        <v>1122.56</v>
      </c>
      <c r="U1876">
        <v>1140.364</v>
      </c>
      <c r="V1876">
        <v>1157.2809999999999</v>
      </c>
      <c r="W1876">
        <v>1177.614</v>
      </c>
      <c r="X1876">
        <v>1193.9449999999999</v>
      </c>
      <c r="Y1876">
        <v>1194.335</v>
      </c>
    </row>
    <row r="1877" spans="1:25" x14ac:dyDescent="0.3">
      <c r="A1877">
        <v>50.24999999750095</v>
      </c>
      <c r="B1877">
        <v>1015.66</v>
      </c>
      <c r="C1877">
        <v>1057.5350000000001</v>
      </c>
      <c r="D1877">
        <v>1054.6769999999999</v>
      </c>
      <c r="E1877">
        <v>1085.567</v>
      </c>
      <c r="F1877">
        <v>1093.2429999999999</v>
      </c>
      <c r="G1877">
        <v>1113.076</v>
      </c>
      <c r="H1877">
        <v>1132.4490000000001</v>
      </c>
      <c r="I1877">
        <v>1142.2149999999999</v>
      </c>
      <c r="J1877">
        <v>1152.4680000000001</v>
      </c>
      <c r="K1877">
        <v>1164.241</v>
      </c>
      <c r="L1877">
        <v>1175.0119999999999</v>
      </c>
      <c r="M1877">
        <v>1154.501</v>
      </c>
      <c r="N1877">
        <v>1188.845</v>
      </c>
      <c r="O1877">
        <v>1015.99</v>
      </c>
      <c r="P1877">
        <v>0</v>
      </c>
      <c r="Q1877">
        <v>0</v>
      </c>
      <c r="R1877">
        <v>1102.1110000000001</v>
      </c>
      <c r="S1877">
        <v>0</v>
      </c>
      <c r="T1877">
        <v>1124.002</v>
      </c>
      <c r="U1877">
        <v>1142.501</v>
      </c>
      <c r="V1877">
        <v>1159.1410000000001</v>
      </c>
      <c r="W1877">
        <v>1179.3689999999999</v>
      </c>
      <c r="X1877">
        <v>1192.4110000000001</v>
      </c>
      <c r="Y1877">
        <v>1190.318</v>
      </c>
    </row>
    <row r="1878" spans="1:25" x14ac:dyDescent="0.3">
      <c r="A1878">
        <v>50.26666666806365</v>
      </c>
      <c r="B1878">
        <v>1018.65</v>
      </c>
      <c r="C1878">
        <v>1055.1790000000001</v>
      </c>
      <c r="D1878">
        <v>1053.287</v>
      </c>
      <c r="E1878">
        <v>1084.5940000000001</v>
      </c>
      <c r="F1878">
        <v>1095.568</v>
      </c>
      <c r="G1878">
        <v>1115.3810000000001</v>
      </c>
      <c r="H1878">
        <v>1134.2909999999999</v>
      </c>
      <c r="I1878">
        <v>1143.4939999999999</v>
      </c>
      <c r="J1878">
        <v>1149.4269999999999</v>
      </c>
      <c r="K1878">
        <v>1163.82</v>
      </c>
      <c r="L1878">
        <v>1174.511</v>
      </c>
      <c r="M1878">
        <v>1156.5530000000001</v>
      </c>
      <c r="N1878">
        <v>1191.539</v>
      </c>
      <c r="O1878">
        <v>1015.6609999999999</v>
      </c>
      <c r="P1878">
        <v>0</v>
      </c>
      <c r="Q1878">
        <v>0</v>
      </c>
      <c r="R1878">
        <v>1099.7239999999999</v>
      </c>
      <c r="S1878">
        <v>0</v>
      </c>
      <c r="T1878">
        <v>1121.673</v>
      </c>
      <c r="U1878">
        <v>1141.8530000000001</v>
      </c>
      <c r="V1878">
        <v>1157.396</v>
      </c>
      <c r="W1878">
        <v>1178.404</v>
      </c>
      <c r="X1878">
        <v>1189.4269999999999</v>
      </c>
      <c r="Y1878">
        <v>1186.9849999999999</v>
      </c>
    </row>
    <row r="1879" spans="1:25" x14ac:dyDescent="0.3">
      <c r="A1879">
        <v>50.299999998711669</v>
      </c>
      <c r="B1879">
        <v>1011.1559999999999</v>
      </c>
      <c r="C1879">
        <v>1052.307</v>
      </c>
      <c r="D1879">
        <v>1051.8630000000001</v>
      </c>
      <c r="E1879">
        <v>1080.925</v>
      </c>
      <c r="F1879">
        <v>1091.1279999999999</v>
      </c>
      <c r="G1879">
        <v>1114.5309999999999</v>
      </c>
      <c r="H1879">
        <v>1137.58</v>
      </c>
      <c r="I1879">
        <v>1143.2840000000001</v>
      </c>
      <c r="J1879">
        <v>1154.923</v>
      </c>
      <c r="K1879">
        <v>1168.787</v>
      </c>
      <c r="L1879">
        <v>1181.6179999999999</v>
      </c>
      <c r="M1879">
        <v>1155.9780000000001</v>
      </c>
      <c r="N1879">
        <v>1189.5429999999999</v>
      </c>
      <c r="O1879">
        <v>1013.992</v>
      </c>
      <c r="P1879">
        <v>0</v>
      </c>
      <c r="Q1879">
        <v>0</v>
      </c>
      <c r="R1879">
        <v>1098.3699999999999</v>
      </c>
      <c r="S1879">
        <v>0</v>
      </c>
      <c r="T1879">
        <v>1122.3720000000001</v>
      </c>
      <c r="U1879">
        <v>1141.2429999999999</v>
      </c>
      <c r="V1879">
        <v>1153.3699999999999</v>
      </c>
      <c r="W1879">
        <v>1172.854</v>
      </c>
      <c r="X1879">
        <v>1190.7840000000001</v>
      </c>
      <c r="Y1879">
        <v>1190.5119999999999</v>
      </c>
    </row>
    <row r="1880" spans="1:25" x14ac:dyDescent="0.3">
      <c r="A1880">
        <v>50.316666669274369</v>
      </c>
      <c r="B1880">
        <v>1010.353</v>
      </c>
      <c r="C1880">
        <v>1051.2719999999999</v>
      </c>
      <c r="D1880">
        <v>1051.8820000000001</v>
      </c>
      <c r="E1880">
        <v>1081.5989999999999</v>
      </c>
      <c r="F1880">
        <v>1091.1279999999999</v>
      </c>
      <c r="G1880">
        <v>1112.9069999999999</v>
      </c>
      <c r="H1880">
        <v>1136.2090000000001</v>
      </c>
      <c r="I1880">
        <v>1142.1780000000001</v>
      </c>
      <c r="J1880">
        <v>1154.329</v>
      </c>
      <c r="K1880">
        <v>1170.252</v>
      </c>
      <c r="L1880">
        <v>1179.7</v>
      </c>
      <c r="M1880">
        <v>1154.0989999999999</v>
      </c>
      <c r="N1880">
        <v>1192.9549999999999</v>
      </c>
      <c r="O1880">
        <v>1009.403</v>
      </c>
      <c r="P1880">
        <v>0</v>
      </c>
      <c r="Q1880">
        <v>0</v>
      </c>
      <c r="R1880">
        <v>1100.0809999999999</v>
      </c>
      <c r="S1880">
        <v>0</v>
      </c>
      <c r="T1880">
        <v>1123.9459999999999</v>
      </c>
      <c r="U1880">
        <v>1140.1179999999999</v>
      </c>
      <c r="V1880">
        <v>1150.019</v>
      </c>
      <c r="W1880">
        <v>1172.6610000000001</v>
      </c>
      <c r="X1880">
        <v>1189.5630000000001</v>
      </c>
      <c r="Y1880">
        <v>1191.443</v>
      </c>
    </row>
    <row r="1881" spans="1:25" x14ac:dyDescent="0.3">
      <c r="A1881">
        <v>50.349999999922389</v>
      </c>
      <c r="B1881">
        <v>996.91499999999996</v>
      </c>
      <c r="C1881">
        <v>1051.771</v>
      </c>
      <c r="D1881">
        <v>1054.0840000000001</v>
      </c>
      <c r="E1881">
        <v>1084.482</v>
      </c>
      <c r="F1881">
        <v>1094.5540000000001</v>
      </c>
      <c r="G1881">
        <v>1115.703</v>
      </c>
      <c r="H1881">
        <v>1133.9880000000001</v>
      </c>
      <c r="I1881">
        <v>1143.742</v>
      </c>
      <c r="J1881">
        <v>1153.5050000000001</v>
      </c>
      <c r="K1881">
        <v>1166.05</v>
      </c>
      <c r="L1881">
        <v>1177.981</v>
      </c>
      <c r="M1881">
        <v>1150.7249999999999</v>
      </c>
      <c r="N1881">
        <v>1192.2380000000001</v>
      </c>
      <c r="O1881">
        <v>1006.936</v>
      </c>
      <c r="P1881">
        <v>0</v>
      </c>
      <c r="Q1881">
        <v>0</v>
      </c>
      <c r="R1881">
        <v>1104.068</v>
      </c>
      <c r="S1881">
        <v>0</v>
      </c>
      <c r="T1881">
        <v>1124.6300000000001</v>
      </c>
      <c r="U1881">
        <v>1141.2809999999999</v>
      </c>
      <c r="V1881">
        <v>1151.0119999999999</v>
      </c>
      <c r="W1881">
        <v>1174.6469999999999</v>
      </c>
      <c r="X1881">
        <v>1192.0440000000001</v>
      </c>
      <c r="Y1881">
        <v>1191.8109999999999</v>
      </c>
    </row>
    <row r="1882" spans="1:25" x14ac:dyDescent="0.3">
      <c r="A1882">
        <v>50.383333330570409</v>
      </c>
      <c r="B1882">
        <v>1000.03</v>
      </c>
      <c r="C1882">
        <v>1052.03</v>
      </c>
      <c r="D1882">
        <v>1054.585</v>
      </c>
      <c r="E1882">
        <v>1085.961</v>
      </c>
      <c r="F1882">
        <v>1097.58</v>
      </c>
      <c r="G1882">
        <v>1120.7850000000001</v>
      </c>
      <c r="H1882">
        <v>1134.7470000000001</v>
      </c>
      <c r="I1882">
        <v>1146.0509999999999</v>
      </c>
      <c r="J1882">
        <v>1155.9010000000001</v>
      </c>
      <c r="K1882">
        <v>1165.376</v>
      </c>
      <c r="L1882">
        <v>1175.9380000000001</v>
      </c>
      <c r="M1882">
        <v>1150.8779999999999</v>
      </c>
      <c r="N1882">
        <v>1193.3030000000001</v>
      </c>
      <c r="O1882">
        <v>1009.5309999999999</v>
      </c>
      <c r="P1882">
        <v>0</v>
      </c>
      <c r="Q1882">
        <v>0</v>
      </c>
      <c r="R1882">
        <v>1100.758</v>
      </c>
      <c r="S1882">
        <v>0</v>
      </c>
      <c r="T1882">
        <v>1121.9939999999999</v>
      </c>
      <c r="U1882">
        <v>1138.7629999999999</v>
      </c>
      <c r="V1882">
        <v>1147.1189999999999</v>
      </c>
      <c r="W1882">
        <v>1171.5239999999999</v>
      </c>
      <c r="X1882">
        <v>1185.029</v>
      </c>
      <c r="Y1882">
        <v>1188.0519999999999</v>
      </c>
    </row>
    <row r="1883" spans="1:25" x14ac:dyDescent="0.3">
      <c r="A1883">
        <v>50.400000001133108</v>
      </c>
      <c r="B1883">
        <v>1004.341</v>
      </c>
      <c r="C1883">
        <v>1050.5139999999999</v>
      </c>
      <c r="D1883">
        <v>1054.752</v>
      </c>
      <c r="E1883">
        <v>1085.174</v>
      </c>
      <c r="F1883">
        <v>1095.229</v>
      </c>
      <c r="G1883">
        <v>1117.5540000000001</v>
      </c>
      <c r="H1883">
        <v>1131.8420000000001</v>
      </c>
      <c r="I1883">
        <v>1143.1500000000001</v>
      </c>
      <c r="J1883">
        <v>1150.5329999999999</v>
      </c>
      <c r="K1883">
        <v>1160.809</v>
      </c>
      <c r="L1883">
        <v>1169.519</v>
      </c>
      <c r="M1883">
        <v>1148.9690000000001</v>
      </c>
      <c r="N1883">
        <v>1193.2829999999999</v>
      </c>
      <c r="O1883">
        <v>1007.064</v>
      </c>
      <c r="P1883">
        <v>0</v>
      </c>
      <c r="Q1883">
        <v>0</v>
      </c>
      <c r="R1883">
        <v>1096.0940000000001</v>
      </c>
      <c r="S1883">
        <v>0</v>
      </c>
      <c r="T1883">
        <v>1116.742</v>
      </c>
      <c r="U1883">
        <v>1134.1769999999999</v>
      </c>
      <c r="V1883">
        <v>1145.8779999999999</v>
      </c>
      <c r="W1883">
        <v>1169.211</v>
      </c>
      <c r="X1883">
        <v>1187.799</v>
      </c>
      <c r="Y1883">
        <v>1187.509</v>
      </c>
    </row>
    <row r="1884" spans="1:25" x14ac:dyDescent="0.3">
      <c r="A1884">
        <v>50.433333331781128</v>
      </c>
      <c r="B1884">
        <v>998.46199999999999</v>
      </c>
      <c r="C1884">
        <v>1052.825</v>
      </c>
      <c r="D1884">
        <v>1055.81</v>
      </c>
      <c r="E1884">
        <v>1085.0060000000001</v>
      </c>
      <c r="F1884">
        <v>1094.442</v>
      </c>
      <c r="G1884">
        <v>1116.308</v>
      </c>
      <c r="H1884">
        <v>1133.9880000000001</v>
      </c>
      <c r="I1884">
        <v>1144.982</v>
      </c>
      <c r="J1884">
        <v>1149.0840000000001</v>
      </c>
      <c r="K1884">
        <v>1158.106</v>
      </c>
      <c r="L1884">
        <v>1168.787</v>
      </c>
      <c r="M1884">
        <v>1148.55</v>
      </c>
      <c r="N1884">
        <v>1187.645</v>
      </c>
      <c r="O1884">
        <v>1006.3150000000001</v>
      </c>
      <c r="P1884">
        <v>0</v>
      </c>
      <c r="Q1884">
        <v>0</v>
      </c>
      <c r="R1884">
        <v>1094.2919999999999</v>
      </c>
      <c r="S1884">
        <v>0</v>
      </c>
      <c r="T1884">
        <v>1120.8230000000001</v>
      </c>
      <c r="U1884">
        <v>1137.3900000000001</v>
      </c>
      <c r="V1884">
        <v>1148.454</v>
      </c>
      <c r="W1884">
        <v>1170.5609999999999</v>
      </c>
      <c r="X1884">
        <v>1191.269</v>
      </c>
      <c r="Y1884">
        <v>1186.347</v>
      </c>
    </row>
    <row r="1885" spans="1:25" x14ac:dyDescent="0.3">
      <c r="A1885">
        <v>50.466666672906527</v>
      </c>
      <c r="B1885">
        <v>995.51499999999999</v>
      </c>
      <c r="C1885">
        <v>1053.6400000000001</v>
      </c>
      <c r="D1885">
        <v>1057.297</v>
      </c>
      <c r="E1885">
        <v>1086.1310000000001</v>
      </c>
      <c r="F1885">
        <v>1093.2449999999999</v>
      </c>
      <c r="G1885">
        <v>1113.4190000000001</v>
      </c>
      <c r="H1885">
        <v>1133.99</v>
      </c>
      <c r="I1885">
        <v>1147.3109999999999</v>
      </c>
      <c r="J1885">
        <v>1143.7819999999999</v>
      </c>
      <c r="K1885">
        <v>1151.7809999999999</v>
      </c>
      <c r="L1885">
        <v>1162.518</v>
      </c>
      <c r="M1885">
        <v>1147.712</v>
      </c>
      <c r="N1885">
        <v>1183.325</v>
      </c>
      <c r="O1885">
        <v>1006.7</v>
      </c>
      <c r="P1885">
        <v>0</v>
      </c>
      <c r="Q1885">
        <v>0</v>
      </c>
      <c r="R1885">
        <v>1095.664</v>
      </c>
      <c r="S1885">
        <v>0</v>
      </c>
      <c r="T1885">
        <v>1121.9580000000001</v>
      </c>
      <c r="U1885">
        <v>1138.9369999999999</v>
      </c>
      <c r="V1885">
        <v>1153.5260000000001</v>
      </c>
      <c r="W1885">
        <v>1173.164</v>
      </c>
      <c r="X1885">
        <v>1190.05</v>
      </c>
      <c r="Y1885">
        <v>1186.096</v>
      </c>
    </row>
    <row r="1886" spans="1:25" x14ac:dyDescent="0.3">
      <c r="A1886">
        <v>50.483333332991847</v>
      </c>
      <c r="B1886">
        <v>995.62199999999996</v>
      </c>
      <c r="C1886">
        <v>1053.9159999999999</v>
      </c>
      <c r="D1886">
        <v>1057.8510000000001</v>
      </c>
      <c r="E1886">
        <v>1085.3420000000001</v>
      </c>
      <c r="F1886">
        <v>1092.1949999999999</v>
      </c>
      <c r="G1886">
        <v>1111.6220000000001</v>
      </c>
      <c r="H1886">
        <v>1130.4000000000001</v>
      </c>
      <c r="I1886">
        <v>1144.3140000000001</v>
      </c>
      <c r="J1886">
        <v>1144.6569999999999</v>
      </c>
      <c r="K1886">
        <v>1156.8979999999999</v>
      </c>
      <c r="L1886">
        <v>1166.8789999999999</v>
      </c>
      <c r="M1886">
        <v>1150.82</v>
      </c>
      <c r="N1886">
        <v>1185.8620000000001</v>
      </c>
      <c r="O1886">
        <v>1005.364</v>
      </c>
      <c r="P1886">
        <v>0</v>
      </c>
      <c r="Q1886">
        <v>0</v>
      </c>
      <c r="R1886">
        <v>1099.0840000000001</v>
      </c>
      <c r="S1886">
        <v>0</v>
      </c>
      <c r="T1886">
        <v>1124.7619999999999</v>
      </c>
      <c r="U1886">
        <v>1141.643</v>
      </c>
      <c r="V1886">
        <v>1155.652</v>
      </c>
      <c r="W1886">
        <v>1173.162</v>
      </c>
      <c r="X1886">
        <v>1193.9459999999999</v>
      </c>
      <c r="Y1886">
        <v>1186.0550000000001</v>
      </c>
    </row>
    <row r="1887" spans="1:25" x14ac:dyDescent="0.3">
      <c r="A1887">
        <v>50.516666663639867</v>
      </c>
      <c r="B1887">
        <v>981.60400000000004</v>
      </c>
      <c r="C1887">
        <v>1046.318</v>
      </c>
      <c r="D1887">
        <v>1058.018</v>
      </c>
      <c r="E1887">
        <v>1085.586</v>
      </c>
      <c r="F1887">
        <v>1097.1099999999999</v>
      </c>
      <c r="G1887">
        <v>1120.1610000000001</v>
      </c>
      <c r="H1887">
        <v>1135.5440000000001</v>
      </c>
      <c r="I1887">
        <v>1147.385</v>
      </c>
      <c r="J1887">
        <v>1152.181</v>
      </c>
      <c r="K1887">
        <v>1164.778</v>
      </c>
      <c r="L1887">
        <v>1170.83</v>
      </c>
      <c r="M1887">
        <v>1151.721</v>
      </c>
      <c r="N1887">
        <v>1188.2840000000001</v>
      </c>
      <c r="O1887">
        <v>1009.475</v>
      </c>
      <c r="P1887">
        <v>0</v>
      </c>
      <c r="Q1887">
        <v>0</v>
      </c>
      <c r="R1887">
        <v>1099.1220000000001</v>
      </c>
      <c r="S1887">
        <v>0</v>
      </c>
      <c r="T1887">
        <v>1124.193</v>
      </c>
      <c r="U1887">
        <v>1141.9100000000001</v>
      </c>
      <c r="V1887">
        <v>1154.329</v>
      </c>
      <c r="W1887">
        <v>1171.9280000000001</v>
      </c>
      <c r="X1887">
        <v>1190.144</v>
      </c>
      <c r="Y1887">
        <v>1186.404</v>
      </c>
    </row>
    <row r="1888" spans="1:25" x14ac:dyDescent="0.3">
      <c r="A1888">
        <v>50.533333334202567</v>
      </c>
      <c r="B1888">
        <v>988.72400000000005</v>
      </c>
      <c r="C1888">
        <v>1048.1849999999999</v>
      </c>
      <c r="D1888">
        <v>1054.752</v>
      </c>
      <c r="E1888">
        <v>1084.7809999999999</v>
      </c>
      <c r="F1888">
        <v>1095.8320000000001</v>
      </c>
      <c r="G1888">
        <v>1119.2360000000001</v>
      </c>
      <c r="H1888">
        <v>1131.425</v>
      </c>
      <c r="I1888">
        <v>1142.3119999999999</v>
      </c>
      <c r="J1888">
        <v>1152.8530000000001</v>
      </c>
      <c r="K1888">
        <v>1162.42</v>
      </c>
      <c r="L1888">
        <v>1171.4090000000001</v>
      </c>
      <c r="M1888">
        <v>1150.2670000000001</v>
      </c>
      <c r="N1888">
        <v>1189.97</v>
      </c>
      <c r="O1888">
        <v>1010.627</v>
      </c>
      <c r="P1888">
        <v>0</v>
      </c>
      <c r="Q1888">
        <v>0</v>
      </c>
      <c r="R1888">
        <v>1096.2449999999999</v>
      </c>
      <c r="S1888">
        <v>0</v>
      </c>
      <c r="T1888">
        <v>1119.7460000000001</v>
      </c>
      <c r="U1888">
        <v>1137.7139999999999</v>
      </c>
      <c r="V1888">
        <v>1150.5909999999999</v>
      </c>
      <c r="W1888">
        <v>1171.4280000000001</v>
      </c>
      <c r="X1888">
        <v>1186.9860000000001</v>
      </c>
      <c r="Y1888">
        <v>1186.7539999999999</v>
      </c>
    </row>
    <row r="1889" spans="1:25" x14ac:dyDescent="0.3">
      <c r="A1889">
        <v>50.566666664850587</v>
      </c>
      <c r="B1889">
        <v>995.33399999999995</v>
      </c>
      <c r="C1889">
        <v>1048.8340000000001</v>
      </c>
      <c r="D1889">
        <v>1054.55</v>
      </c>
      <c r="E1889">
        <v>1084.934</v>
      </c>
      <c r="F1889">
        <v>1092.741</v>
      </c>
      <c r="G1889">
        <v>1114.704</v>
      </c>
      <c r="H1889">
        <v>1127.992</v>
      </c>
      <c r="I1889">
        <v>1142.4280000000001</v>
      </c>
      <c r="J1889">
        <v>1157.2840000000001</v>
      </c>
      <c r="K1889">
        <v>1160.6780000000001</v>
      </c>
      <c r="L1889">
        <v>1169.1559999999999</v>
      </c>
      <c r="M1889">
        <v>1151.5129999999999</v>
      </c>
      <c r="N1889">
        <v>1193.1310000000001</v>
      </c>
      <c r="O1889">
        <v>1009.167</v>
      </c>
      <c r="P1889">
        <v>0</v>
      </c>
      <c r="Q1889">
        <v>0</v>
      </c>
      <c r="R1889">
        <v>1090.7929999999999</v>
      </c>
      <c r="S1889">
        <v>0</v>
      </c>
      <c r="T1889">
        <v>1114.364</v>
      </c>
      <c r="U1889">
        <v>1133.6110000000001</v>
      </c>
      <c r="V1889">
        <v>1145.1179999999999</v>
      </c>
      <c r="W1889">
        <v>1164.954</v>
      </c>
      <c r="X1889">
        <v>1189.1980000000001</v>
      </c>
      <c r="Y1889">
        <v>1188.558</v>
      </c>
    </row>
    <row r="1890" spans="1:25" x14ac:dyDescent="0.3">
      <c r="A1890">
        <v>50.600000005975986</v>
      </c>
      <c r="B1890">
        <v>988.30499999999995</v>
      </c>
      <c r="C1890">
        <v>1049.424</v>
      </c>
      <c r="D1890">
        <v>1053.787</v>
      </c>
      <c r="E1890">
        <v>1082.6849999999999</v>
      </c>
      <c r="F1890">
        <v>1090.473</v>
      </c>
      <c r="G1890">
        <v>1110.81</v>
      </c>
      <c r="H1890">
        <v>1126.7180000000001</v>
      </c>
      <c r="I1890">
        <v>1140.69</v>
      </c>
      <c r="J1890">
        <v>1151.53</v>
      </c>
      <c r="K1890">
        <v>1166.32</v>
      </c>
      <c r="L1890">
        <v>1173.22</v>
      </c>
      <c r="M1890">
        <v>1152.68</v>
      </c>
      <c r="N1890">
        <v>1191.8109999999999</v>
      </c>
      <c r="O1890">
        <v>1012.582</v>
      </c>
      <c r="P1890">
        <v>0</v>
      </c>
      <c r="Q1890">
        <v>0</v>
      </c>
      <c r="R1890">
        <v>1095.7940000000001</v>
      </c>
      <c r="S1890">
        <v>0</v>
      </c>
      <c r="T1890">
        <v>1114.5509999999999</v>
      </c>
      <c r="U1890">
        <v>1132.6780000000001</v>
      </c>
      <c r="V1890">
        <v>1145.9549999999999</v>
      </c>
      <c r="W1890">
        <v>1170.021</v>
      </c>
      <c r="X1890">
        <v>1186.443</v>
      </c>
      <c r="Y1890">
        <v>1185.8430000000001</v>
      </c>
    </row>
    <row r="1891" spans="1:25" x14ac:dyDescent="0.3">
      <c r="A1891">
        <v>50.616666666061306</v>
      </c>
      <c r="B1891">
        <v>983.91</v>
      </c>
      <c r="C1891">
        <v>1051.5139999999999</v>
      </c>
      <c r="D1891">
        <v>1053.807</v>
      </c>
      <c r="E1891">
        <v>1082.9670000000001</v>
      </c>
      <c r="F1891">
        <v>1092.665</v>
      </c>
      <c r="G1891">
        <v>1111.038</v>
      </c>
      <c r="H1891">
        <v>1126.701</v>
      </c>
      <c r="I1891">
        <v>1141.0730000000001</v>
      </c>
      <c r="J1891">
        <v>1146.701</v>
      </c>
      <c r="K1891">
        <v>1164.1479999999999</v>
      </c>
      <c r="L1891">
        <v>1173.106</v>
      </c>
      <c r="M1891">
        <v>1156.172</v>
      </c>
      <c r="N1891">
        <v>1192.297</v>
      </c>
      <c r="O1891">
        <v>1017.295</v>
      </c>
      <c r="P1891">
        <v>0</v>
      </c>
      <c r="Q1891">
        <v>0</v>
      </c>
      <c r="R1891">
        <v>1102.17</v>
      </c>
      <c r="S1891">
        <v>0</v>
      </c>
      <c r="T1891">
        <v>1115.44</v>
      </c>
      <c r="U1891">
        <v>1134.673</v>
      </c>
      <c r="V1891">
        <v>1146.9110000000001</v>
      </c>
      <c r="W1891">
        <v>1172.143</v>
      </c>
      <c r="X1891">
        <v>1191.29</v>
      </c>
      <c r="Y1891">
        <v>1189.759</v>
      </c>
    </row>
    <row r="1892" spans="1:25" x14ac:dyDescent="0.3">
      <c r="A1892">
        <v>50.649999996709326</v>
      </c>
      <c r="B1892">
        <v>993.64</v>
      </c>
      <c r="C1892">
        <v>1052.328</v>
      </c>
      <c r="D1892">
        <v>1057.241</v>
      </c>
      <c r="E1892">
        <v>1083.173</v>
      </c>
      <c r="F1892">
        <v>1095.1189999999999</v>
      </c>
      <c r="G1892">
        <v>1112.191</v>
      </c>
      <c r="H1892">
        <v>1130.326</v>
      </c>
      <c r="I1892">
        <v>1142.847</v>
      </c>
      <c r="J1892">
        <v>1151.819</v>
      </c>
      <c r="K1892">
        <v>1164.742</v>
      </c>
      <c r="L1892">
        <v>1173.588</v>
      </c>
      <c r="M1892">
        <v>1155.596</v>
      </c>
      <c r="N1892">
        <v>1190.883</v>
      </c>
      <c r="O1892">
        <v>1020.615</v>
      </c>
      <c r="P1892">
        <v>0</v>
      </c>
      <c r="Q1892">
        <v>0</v>
      </c>
      <c r="R1892">
        <v>1108.357</v>
      </c>
      <c r="S1892">
        <v>0</v>
      </c>
      <c r="T1892">
        <v>1118.9169999999999</v>
      </c>
      <c r="U1892">
        <v>1134.18</v>
      </c>
      <c r="V1892">
        <v>1149.6579999999999</v>
      </c>
      <c r="W1892">
        <v>1169.8109999999999</v>
      </c>
      <c r="X1892">
        <v>1190.4369999999999</v>
      </c>
      <c r="Y1892">
        <v>1193.8309999999999</v>
      </c>
    </row>
    <row r="1893" spans="1:25" x14ac:dyDescent="0.3">
      <c r="A1893">
        <v>50.666666667272025</v>
      </c>
      <c r="B1893">
        <v>993.83900000000006</v>
      </c>
      <c r="C1893">
        <v>1054.1210000000001</v>
      </c>
      <c r="D1893">
        <v>1062.6959999999999</v>
      </c>
      <c r="E1893">
        <v>1089.855</v>
      </c>
      <c r="F1893">
        <v>1104.82</v>
      </c>
      <c r="G1893">
        <v>1121.9380000000001</v>
      </c>
      <c r="H1893">
        <v>1137.5229999999999</v>
      </c>
      <c r="I1893">
        <v>1145.5160000000001</v>
      </c>
      <c r="J1893">
        <v>1153.0830000000001</v>
      </c>
      <c r="K1893">
        <v>1164.51</v>
      </c>
      <c r="L1893">
        <v>1173.567</v>
      </c>
      <c r="M1893">
        <v>1155.115</v>
      </c>
      <c r="N1893">
        <v>1188.2840000000001</v>
      </c>
      <c r="O1893">
        <v>1024.575</v>
      </c>
      <c r="P1893">
        <v>0</v>
      </c>
      <c r="Q1893">
        <v>0</v>
      </c>
      <c r="R1893">
        <v>1106.9829999999999</v>
      </c>
      <c r="S1893">
        <v>0</v>
      </c>
      <c r="T1893">
        <v>1119.7270000000001</v>
      </c>
      <c r="U1893">
        <v>1135.81</v>
      </c>
      <c r="V1893">
        <v>1146.165</v>
      </c>
      <c r="W1893">
        <v>1166.1279999999999</v>
      </c>
      <c r="X1893">
        <v>1188.3230000000001</v>
      </c>
      <c r="Y1893">
        <v>1190.3969999999999</v>
      </c>
    </row>
    <row r="1894" spans="1:25" x14ac:dyDescent="0.3">
      <c r="A1894">
        <v>50.699999997920045</v>
      </c>
      <c r="B1894">
        <v>993.89499999999998</v>
      </c>
      <c r="C1894">
        <v>1054.346</v>
      </c>
      <c r="D1894">
        <v>1060.452</v>
      </c>
      <c r="E1894">
        <v>1086.075</v>
      </c>
      <c r="F1894">
        <v>1101.174</v>
      </c>
      <c r="G1894">
        <v>1119.9179999999999</v>
      </c>
      <c r="H1894">
        <v>1135.0340000000001</v>
      </c>
      <c r="I1894">
        <v>1140.615</v>
      </c>
      <c r="J1894">
        <v>1147.1969999999999</v>
      </c>
      <c r="K1894">
        <v>1158.204</v>
      </c>
      <c r="L1894">
        <v>1168.654</v>
      </c>
      <c r="M1894">
        <v>1150.001</v>
      </c>
      <c r="N1894">
        <v>1183.674</v>
      </c>
      <c r="O1894">
        <v>1022.797</v>
      </c>
      <c r="P1894">
        <v>0</v>
      </c>
      <c r="Q1894">
        <v>0</v>
      </c>
      <c r="R1894">
        <v>1102.2080000000001</v>
      </c>
      <c r="S1894">
        <v>0</v>
      </c>
      <c r="T1894">
        <v>1117.462</v>
      </c>
      <c r="U1894">
        <v>1134.085</v>
      </c>
      <c r="V1894">
        <v>1142.79</v>
      </c>
      <c r="W1894">
        <v>1163.0740000000001</v>
      </c>
      <c r="X1894">
        <v>1186.5419999999999</v>
      </c>
      <c r="Y1894">
        <v>1191.4639999999999</v>
      </c>
    </row>
    <row r="1895" spans="1:25" x14ac:dyDescent="0.3">
      <c r="A1895">
        <v>50.733333339045444</v>
      </c>
      <c r="B1895">
        <v>993.36699999999996</v>
      </c>
      <c r="C1895">
        <v>1052.587</v>
      </c>
      <c r="D1895">
        <v>1058.54</v>
      </c>
      <c r="E1895">
        <v>1084.8019999999999</v>
      </c>
      <c r="F1895">
        <v>1097.921</v>
      </c>
      <c r="G1895">
        <v>1118.7650000000001</v>
      </c>
      <c r="H1895">
        <v>1133.06</v>
      </c>
      <c r="I1895">
        <v>1135.5650000000001</v>
      </c>
      <c r="J1895">
        <v>1141.0730000000001</v>
      </c>
      <c r="K1895">
        <v>1151.1479999999999</v>
      </c>
      <c r="L1895">
        <v>1162.403</v>
      </c>
      <c r="M1895">
        <v>1149.4100000000001</v>
      </c>
      <c r="N1895">
        <v>1177.867</v>
      </c>
      <c r="O1895">
        <v>1017.424</v>
      </c>
      <c r="P1895">
        <v>0</v>
      </c>
      <c r="Q1895">
        <v>0</v>
      </c>
      <c r="R1895">
        <v>1098.259</v>
      </c>
      <c r="S1895">
        <v>0</v>
      </c>
      <c r="T1895">
        <v>1115.932</v>
      </c>
      <c r="U1895">
        <v>1134.4069999999999</v>
      </c>
      <c r="V1895">
        <v>1141.4549999999999</v>
      </c>
      <c r="W1895">
        <v>1161.981</v>
      </c>
      <c r="X1895">
        <v>1184.43</v>
      </c>
      <c r="Y1895">
        <v>1191.367</v>
      </c>
    </row>
    <row r="1896" spans="1:25" x14ac:dyDescent="0.3">
      <c r="A1896">
        <v>50.749999999130765</v>
      </c>
      <c r="B1896">
        <v>997.00800000000004</v>
      </c>
      <c r="C1896">
        <v>1053.8440000000001</v>
      </c>
      <c r="D1896">
        <v>1058.577</v>
      </c>
      <c r="E1896">
        <v>1083.0609999999999</v>
      </c>
      <c r="F1896">
        <v>1094.9490000000001</v>
      </c>
      <c r="G1896">
        <v>1114.741</v>
      </c>
      <c r="H1896">
        <v>1129.548</v>
      </c>
      <c r="I1896">
        <v>1138.078</v>
      </c>
      <c r="J1896">
        <v>1140.94</v>
      </c>
      <c r="K1896">
        <v>1151.5119999999999</v>
      </c>
      <c r="L1896">
        <v>1161.655</v>
      </c>
      <c r="M1896">
        <v>1149.3150000000001</v>
      </c>
      <c r="N1896">
        <v>1171.2560000000001</v>
      </c>
      <c r="O1896">
        <v>1016.1950000000001</v>
      </c>
      <c r="P1896">
        <v>0</v>
      </c>
      <c r="Q1896">
        <v>0</v>
      </c>
      <c r="R1896">
        <v>1098.1089999999999</v>
      </c>
      <c r="S1896">
        <v>0</v>
      </c>
      <c r="T1896">
        <v>1117.7070000000001</v>
      </c>
      <c r="U1896">
        <v>1136.7429999999999</v>
      </c>
      <c r="V1896">
        <v>1143.3240000000001</v>
      </c>
      <c r="W1896">
        <v>1161.809</v>
      </c>
      <c r="X1896">
        <v>1182.356</v>
      </c>
      <c r="Y1896">
        <v>1188.557</v>
      </c>
    </row>
    <row r="1897" spans="1:25" x14ac:dyDescent="0.3">
      <c r="A1897">
        <v>50.783333329778785</v>
      </c>
      <c r="B1897">
        <v>1016.452</v>
      </c>
      <c r="C1897">
        <v>1056.3320000000001</v>
      </c>
      <c r="D1897">
        <v>1057.5940000000001</v>
      </c>
      <c r="E1897">
        <v>1082.3499999999999</v>
      </c>
      <c r="F1897">
        <v>1094.3689999999999</v>
      </c>
      <c r="G1897">
        <v>1113.9670000000001</v>
      </c>
      <c r="H1897">
        <v>1132.434</v>
      </c>
      <c r="I1897">
        <v>1138.308</v>
      </c>
      <c r="J1897">
        <v>1147.2360000000001</v>
      </c>
      <c r="K1897">
        <v>1151.973</v>
      </c>
      <c r="L1897">
        <v>1164.8579999999999</v>
      </c>
      <c r="M1897">
        <v>1148.915</v>
      </c>
      <c r="N1897">
        <v>1177.097</v>
      </c>
      <c r="O1897">
        <v>1015.682</v>
      </c>
      <c r="P1897">
        <v>0</v>
      </c>
      <c r="Q1897">
        <v>0</v>
      </c>
      <c r="R1897">
        <v>1098.655</v>
      </c>
      <c r="S1897">
        <v>0</v>
      </c>
      <c r="T1897">
        <v>1121.846</v>
      </c>
      <c r="U1897">
        <v>1141.761</v>
      </c>
      <c r="V1897">
        <v>1148.2850000000001</v>
      </c>
      <c r="W1897">
        <v>1164.6469999999999</v>
      </c>
      <c r="X1897">
        <v>1190.922</v>
      </c>
      <c r="Y1897">
        <v>1190.3409999999999</v>
      </c>
    </row>
    <row r="1898" spans="1:25" x14ac:dyDescent="0.3">
      <c r="A1898">
        <v>50.800000000341484</v>
      </c>
      <c r="B1898">
        <v>1018.158</v>
      </c>
      <c r="C1898">
        <v>1054.2529999999999</v>
      </c>
      <c r="D1898">
        <v>1058.578</v>
      </c>
      <c r="E1898">
        <v>1084.5219999999999</v>
      </c>
      <c r="F1898">
        <v>1096.172</v>
      </c>
      <c r="G1898">
        <v>1112.683</v>
      </c>
      <c r="H1898">
        <v>1133.7819999999999</v>
      </c>
      <c r="I1898">
        <v>1135.9269999999999</v>
      </c>
      <c r="J1898">
        <v>1143.325</v>
      </c>
      <c r="K1898">
        <v>1152.913</v>
      </c>
      <c r="L1898">
        <v>1165.3399999999999</v>
      </c>
      <c r="M1898">
        <v>1147.98</v>
      </c>
      <c r="N1898">
        <v>1177.8869999999999</v>
      </c>
      <c r="O1898">
        <v>1022.083</v>
      </c>
      <c r="P1898">
        <v>0</v>
      </c>
      <c r="Q1898">
        <v>0</v>
      </c>
      <c r="R1898">
        <v>1101.5509999999999</v>
      </c>
      <c r="S1898">
        <v>0</v>
      </c>
      <c r="T1898">
        <v>1124.271</v>
      </c>
      <c r="U1898">
        <v>1145.29</v>
      </c>
      <c r="V1898">
        <v>1160.3900000000001</v>
      </c>
      <c r="W1898">
        <v>1173.9939999999999</v>
      </c>
      <c r="X1898">
        <v>1187.454</v>
      </c>
      <c r="Y1898">
        <v>1192.6279999999999</v>
      </c>
    </row>
    <row r="1899" spans="1:25" x14ac:dyDescent="0.3">
      <c r="A1899">
        <v>50.833333330989504</v>
      </c>
      <c r="B1899">
        <v>1018.597</v>
      </c>
      <c r="C1899">
        <v>1052.827</v>
      </c>
      <c r="D1899">
        <v>1058.7439999999999</v>
      </c>
      <c r="E1899">
        <v>1084.1469999999999</v>
      </c>
      <c r="F1899">
        <v>1094.125</v>
      </c>
      <c r="G1899">
        <v>1111.681</v>
      </c>
      <c r="H1899">
        <v>1135.432</v>
      </c>
      <c r="I1899">
        <v>1134.825</v>
      </c>
      <c r="J1899">
        <v>1141.2639999999999</v>
      </c>
      <c r="K1899">
        <v>1149.6579999999999</v>
      </c>
      <c r="L1899">
        <v>1159.335</v>
      </c>
      <c r="M1899">
        <v>1143.095</v>
      </c>
      <c r="N1899">
        <v>1192.336</v>
      </c>
      <c r="O1899">
        <v>1039.8130000000001</v>
      </c>
      <c r="P1899">
        <v>0</v>
      </c>
      <c r="Q1899">
        <v>0</v>
      </c>
      <c r="R1899">
        <v>1105.7809999999999</v>
      </c>
      <c r="S1899">
        <v>0</v>
      </c>
      <c r="T1899">
        <v>1126.568</v>
      </c>
      <c r="U1899">
        <v>1144.5830000000001</v>
      </c>
      <c r="V1899">
        <v>1155.117</v>
      </c>
      <c r="W1899">
        <v>1175.0530000000001</v>
      </c>
      <c r="X1899">
        <v>1184.856</v>
      </c>
      <c r="Y1899">
        <v>1184.876</v>
      </c>
    </row>
    <row r="1900" spans="1:25" x14ac:dyDescent="0.3">
      <c r="A1900">
        <v>50.866666672114903</v>
      </c>
      <c r="B1900">
        <v>1022.009</v>
      </c>
      <c r="C1900">
        <v>1054.086</v>
      </c>
      <c r="D1900">
        <v>1063.329</v>
      </c>
      <c r="E1900">
        <v>1085.8699999999999</v>
      </c>
      <c r="F1900">
        <v>1094.5940000000001</v>
      </c>
      <c r="G1900">
        <v>1116.933</v>
      </c>
      <c r="H1900">
        <v>1132.2249999999999</v>
      </c>
      <c r="I1900">
        <v>1131.124</v>
      </c>
      <c r="J1900">
        <v>1134.655</v>
      </c>
      <c r="K1900">
        <v>1143.153</v>
      </c>
      <c r="L1900">
        <v>1151.3209999999999</v>
      </c>
      <c r="M1900">
        <v>1142.3900000000001</v>
      </c>
      <c r="N1900">
        <v>1188.8489999999999</v>
      </c>
      <c r="O1900">
        <v>1052.384</v>
      </c>
      <c r="P1900">
        <v>0</v>
      </c>
      <c r="Q1900">
        <v>0</v>
      </c>
      <c r="R1900">
        <v>1111.606</v>
      </c>
      <c r="S1900">
        <v>0</v>
      </c>
      <c r="T1900">
        <v>1131.3900000000001</v>
      </c>
      <c r="U1900">
        <v>1149.8489999999999</v>
      </c>
      <c r="V1900">
        <v>1161.5409999999999</v>
      </c>
      <c r="W1900">
        <v>1177.9059999999999</v>
      </c>
      <c r="X1900">
        <v>1189.2940000000001</v>
      </c>
      <c r="Y1900">
        <v>1187.6089999999999</v>
      </c>
    </row>
    <row r="1901" spans="1:25" x14ac:dyDescent="0.3">
      <c r="A1901">
        <v>50.883333332200223</v>
      </c>
      <c r="B1901">
        <v>1022.853</v>
      </c>
      <c r="C1901">
        <v>1054.9590000000001</v>
      </c>
      <c r="D1901">
        <v>1067.5809999999999</v>
      </c>
      <c r="E1901">
        <v>1088.3779999999999</v>
      </c>
      <c r="F1901">
        <v>1096.473</v>
      </c>
      <c r="G1901">
        <v>1116.2909999999999</v>
      </c>
      <c r="H1901">
        <v>1133.231</v>
      </c>
      <c r="I1901">
        <v>1135.2239999999999</v>
      </c>
      <c r="J1901">
        <v>1143.191</v>
      </c>
      <c r="K1901">
        <v>1152.28</v>
      </c>
      <c r="L1901">
        <v>1161.2149999999999</v>
      </c>
      <c r="M1901">
        <v>1152.874</v>
      </c>
      <c r="N1901">
        <v>1187.202</v>
      </c>
      <c r="O1901">
        <v>1059.3389999999999</v>
      </c>
      <c r="P1901">
        <v>0</v>
      </c>
      <c r="Q1901">
        <v>0</v>
      </c>
      <c r="R1901">
        <v>1115.2329999999999</v>
      </c>
      <c r="S1901">
        <v>0</v>
      </c>
      <c r="T1901">
        <v>1133.7249999999999</v>
      </c>
      <c r="U1901">
        <v>1146.3579999999999</v>
      </c>
      <c r="V1901">
        <v>1157.6289999999999</v>
      </c>
      <c r="W1901">
        <v>1172.432</v>
      </c>
      <c r="X1901">
        <v>1185.69</v>
      </c>
      <c r="Y1901">
        <v>1185.4960000000001</v>
      </c>
    </row>
    <row r="1902" spans="1:25" x14ac:dyDescent="0.3">
      <c r="A1902">
        <v>50.916666673325622</v>
      </c>
      <c r="B1902">
        <v>1015.095</v>
      </c>
      <c r="C1902">
        <v>1053.567</v>
      </c>
      <c r="D1902">
        <v>1065.241</v>
      </c>
      <c r="E1902">
        <v>1091.2049999999999</v>
      </c>
      <c r="F1902">
        <v>1102.3399999999999</v>
      </c>
      <c r="G1902">
        <v>1121.713</v>
      </c>
      <c r="H1902">
        <v>1137.6210000000001</v>
      </c>
      <c r="I1902">
        <v>1142.924</v>
      </c>
      <c r="J1902">
        <v>1148.3040000000001</v>
      </c>
      <c r="K1902">
        <v>1156.172</v>
      </c>
      <c r="L1902">
        <v>1163.5160000000001</v>
      </c>
      <c r="M1902">
        <v>1153.4880000000001</v>
      </c>
      <c r="N1902">
        <v>1182.9970000000001</v>
      </c>
      <c r="O1902">
        <v>1058.0029999999999</v>
      </c>
      <c r="P1902">
        <v>0</v>
      </c>
      <c r="Q1902">
        <v>0</v>
      </c>
      <c r="R1902">
        <v>1113.741</v>
      </c>
      <c r="S1902">
        <v>0</v>
      </c>
      <c r="T1902">
        <v>1131.6559999999999</v>
      </c>
      <c r="U1902">
        <v>1144.7750000000001</v>
      </c>
      <c r="V1902">
        <v>1153.6990000000001</v>
      </c>
      <c r="W1902">
        <v>1168.636</v>
      </c>
      <c r="X1902">
        <v>1183.7909999999999</v>
      </c>
      <c r="Y1902">
        <v>1187.357</v>
      </c>
    </row>
    <row r="1903" spans="1:25" x14ac:dyDescent="0.3">
      <c r="A1903">
        <v>50.933333333410943</v>
      </c>
      <c r="B1903">
        <v>1017.938</v>
      </c>
      <c r="C1903">
        <v>1054.087</v>
      </c>
      <c r="D1903">
        <v>1066.0029999999999</v>
      </c>
      <c r="E1903">
        <v>1090.008</v>
      </c>
      <c r="F1903">
        <v>1100.9490000000001</v>
      </c>
      <c r="G1903">
        <v>1118.068</v>
      </c>
      <c r="H1903">
        <v>1135.2059999999999</v>
      </c>
      <c r="I1903">
        <v>1140.3489999999999</v>
      </c>
      <c r="J1903">
        <v>1145.7670000000001</v>
      </c>
      <c r="K1903">
        <v>1153.373</v>
      </c>
      <c r="L1903">
        <v>1164.7049999999999</v>
      </c>
      <c r="M1903">
        <v>1151.3789999999999</v>
      </c>
      <c r="N1903">
        <v>1186.2719999999999</v>
      </c>
      <c r="O1903">
        <v>1058.8009999999999</v>
      </c>
      <c r="P1903">
        <v>0</v>
      </c>
      <c r="Q1903">
        <v>0</v>
      </c>
      <c r="R1903">
        <v>1107.0989999999999</v>
      </c>
      <c r="S1903">
        <v>0</v>
      </c>
      <c r="T1903">
        <v>1129.9480000000001</v>
      </c>
      <c r="U1903">
        <v>1146.1489999999999</v>
      </c>
      <c r="V1903">
        <v>1152.07</v>
      </c>
      <c r="W1903">
        <v>1169.33</v>
      </c>
      <c r="X1903">
        <v>1187.144</v>
      </c>
      <c r="Y1903">
        <v>1184.857</v>
      </c>
    </row>
    <row r="1904" spans="1:25" x14ac:dyDescent="0.3">
      <c r="A1904">
        <v>50.966666664058963</v>
      </c>
      <c r="B1904">
        <v>1018.2859999999999</v>
      </c>
      <c r="C1904">
        <v>1056.0350000000001</v>
      </c>
      <c r="D1904">
        <v>1064.1089999999999</v>
      </c>
      <c r="E1904">
        <v>1088.921</v>
      </c>
      <c r="F1904">
        <v>1100.0840000000001</v>
      </c>
      <c r="G1904">
        <v>1119.201</v>
      </c>
      <c r="H1904">
        <v>1137.5060000000001</v>
      </c>
      <c r="I1904">
        <v>1137.4870000000001</v>
      </c>
      <c r="J1904">
        <v>1144.26</v>
      </c>
      <c r="K1904">
        <v>1150.5550000000001</v>
      </c>
      <c r="L1904">
        <v>1166.2460000000001</v>
      </c>
      <c r="M1904">
        <v>1149.9259999999999</v>
      </c>
      <c r="N1904">
        <v>1179.877</v>
      </c>
      <c r="O1904">
        <v>1057.316</v>
      </c>
      <c r="P1904">
        <v>0</v>
      </c>
      <c r="Q1904">
        <v>0</v>
      </c>
      <c r="R1904">
        <v>1106.4770000000001</v>
      </c>
      <c r="S1904">
        <v>0</v>
      </c>
      <c r="T1904">
        <v>1126.701</v>
      </c>
      <c r="U1904">
        <v>1143.039</v>
      </c>
      <c r="V1904">
        <v>1147.999</v>
      </c>
      <c r="W1904">
        <v>1164.5509999999999</v>
      </c>
      <c r="X1904">
        <v>1182.9000000000001</v>
      </c>
      <c r="Y1904">
        <v>1184.644</v>
      </c>
    </row>
    <row r="1905" spans="1:25" x14ac:dyDescent="0.3">
      <c r="A1905">
        <v>51.000000005184361</v>
      </c>
      <c r="B1905">
        <v>1014.967</v>
      </c>
      <c r="C1905">
        <v>1052.7909999999999</v>
      </c>
      <c r="D1905">
        <v>1057.1489999999999</v>
      </c>
      <c r="E1905">
        <v>1084.635</v>
      </c>
      <c r="F1905">
        <v>1096.8499999999999</v>
      </c>
      <c r="G1905">
        <v>1118.162</v>
      </c>
      <c r="H1905">
        <v>1131.277</v>
      </c>
      <c r="I1905">
        <v>1135.9649999999999</v>
      </c>
      <c r="J1905">
        <v>1140.1010000000001</v>
      </c>
      <c r="K1905">
        <v>1143.4590000000001</v>
      </c>
      <c r="L1905">
        <v>1157.3620000000001</v>
      </c>
      <c r="M1905">
        <v>1145.748</v>
      </c>
      <c r="N1905">
        <v>1182.6289999999999</v>
      </c>
      <c r="O1905">
        <v>1048.7239999999999</v>
      </c>
      <c r="P1905">
        <v>0</v>
      </c>
      <c r="Q1905">
        <v>0</v>
      </c>
      <c r="R1905">
        <v>1105.519</v>
      </c>
      <c r="S1905">
        <v>0</v>
      </c>
      <c r="T1905">
        <v>1125.5630000000001</v>
      </c>
      <c r="U1905">
        <v>1140.731</v>
      </c>
      <c r="V1905">
        <v>1148.2860000000001</v>
      </c>
      <c r="W1905">
        <v>1169.1759999999999</v>
      </c>
      <c r="X1905">
        <v>1180.827</v>
      </c>
      <c r="Y1905">
        <v>1180.788</v>
      </c>
    </row>
    <row r="1906" spans="1:25" x14ac:dyDescent="0.3">
      <c r="A1906">
        <v>51.016666665269682</v>
      </c>
      <c r="B1906">
        <v>1014.325</v>
      </c>
      <c r="C1906">
        <v>1049.703</v>
      </c>
      <c r="D1906">
        <v>1054.0119999999999</v>
      </c>
      <c r="E1906">
        <v>1081.3009999999999</v>
      </c>
      <c r="F1906">
        <v>1094.538</v>
      </c>
      <c r="G1906">
        <v>1113.6079999999999</v>
      </c>
      <c r="H1906">
        <v>1128.4290000000001</v>
      </c>
      <c r="I1906">
        <v>1132.491</v>
      </c>
      <c r="J1906">
        <v>1135.6610000000001</v>
      </c>
      <c r="K1906">
        <v>1143.5350000000001</v>
      </c>
      <c r="L1906">
        <v>1158.741</v>
      </c>
      <c r="M1906">
        <v>1145.691</v>
      </c>
      <c r="N1906">
        <v>1171.18</v>
      </c>
      <c r="O1906">
        <v>1040.701</v>
      </c>
      <c r="P1906">
        <v>0</v>
      </c>
      <c r="Q1906">
        <v>0</v>
      </c>
      <c r="R1906">
        <v>1102.3219999999999</v>
      </c>
      <c r="S1906">
        <v>0</v>
      </c>
      <c r="T1906">
        <v>1124.6130000000001</v>
      </c>
      <c r="U1906">
        <v>1143.191</v>
      </c>
      <c r="V1906">
        <v>1153.373</v>
      </c>
      <c r="W1906">
        <v>1174.9380000000001</v>
      </c>
      <c r="X1906">
        <v>1186.4259999999999</v>
      </c>
      <c r="Y1906">
        <v>1186.4459999999999</v>
      </c>
    </row>
    <row r="1907" spans="1:25" x14ac:dyDescent="0.3">
      <c r="A1907">
        <v>51.050000006395081</v>
      </c>
      <c r="B1907">
        <v>1012.877</v>
      </c>
      <c r="C1907">
        <v>1050.5540000000001</v>
      </c>
      <c r="D1907">
        <v>1054.941</v>
      </c>
      <c r="E1907">
        <v>1082.912</v>
      </c>
      <c r="F1907">
        <v>1099.652</v>
      </c>
      <c r="G1907">
        <v>1117.7090000000001</v>
      </c>
      <c r="H1907">
        <v>1133.232</v>
      </c>
      <c r="I1907">
        <v>1141.0170000000001</v>
      </c>
      <c r="J1907">
        <v>1143.6310000000001</v>
      </c>
      <c r="K1907">
        <v>1150.117</v>
      </c>
      <c r="L1907">
        <v>1163.7270000000001</v>
      </c>
      <c r="M1907">
        <v>1152.76</v>
      </c>
      <c r="N1907">
        <v>1166.8820000000001</v>
      </c>
      <c r="O1907">
        <v>1033.7760000000001</v>
      </c>
      <c r="P1907">
        <v>0</v>
      </c>
      <c r="Q1907">
        <v>0</v>
      </c>
      <c r="R1907">
        <v>1104.71</v>
      </c>
      <c r="S1907">
        <v>0</v>
      </c>
      <c r="T1907">
        <v>1125.297</v>
      </c>
      <c r="U1907">
        <v>1139.873</v>
      </c>
      <c r="V1907">
        <v>1154.4090000000001</v>
      </c>
      <c r="W1907">
        <v>1178.8710000000001</v>
      </c>
      <c r="X1907">
        <v>1191.117</v>
      </c>
      <c r="Y1907">
        <v>1185.1089999999999</v>
      </c>
    </row>
    <row r="1908" spans="1:25" x14ac:dyDescent="0.3">
      <c r="A1908">
        <v>51.066666666480401</v>
      </c>
      <c r="B1908">
        <v>996.75400000000002</v>
      </c>
      <c r="C1908">
        <v>1047.2819999999999</v>
      </c>
      <c r="D1908">
        <v>1052.569</v>
      </c>
      <c r="E1908">
        <v>1083.23</v>
      </c>
      <c r="F1908">
        <v>1101.9079999999999</v>
      </c>
      <c r="G1908">
        <v>1118.502</v>
      </c>
      <c r="H1908">
        <v>1131.03</v>
      </c>
      <c r="I1908">
        <v>1135.396</v>
      </c>
      <c r="J1908">
        <v>1143.8219999999999</v>
      </c>
      <c r="K1908">
        <v>1151.4939999999999</v>
      </c>
      <c r="L1908">
        <v>1165.2439999999999</v>
      </c>
      <c r="M1908">
        <v>1154.1210000000001</v>
      </c>
      <c r="N1908">
        <v>1175.768</v>
      </c>
      <c r="O1908">
        <v>1032.45</v>
      </c>
      <c r="P1908">
        <v>0</v>
      </c>
      <c r="Q1908">
        <v>0</v>
      </c>
      <c r="R1908">
        <v>1105.3679999999999</v>
      </c>
      <c r="S1908">
        <v>0</v>
      </c>
      <c r="T1908">
        <v>1126.626</v>
      </c>
      <c r="U1908">
        <v>1142.4670000000001</v>
      </c>
      <c r="V1908">
        <v>1151.6669999999999</v>
      </c>
      <c r="W1908">
        <v>1174.5340000000001</v>
      </c>
      <c r="X1908">
        <v>1189.78</v>
      </c>
      <c r="Y1908">
        <v>1186.7570000000001</v>
      </c>
    </row>
    <row r="1909" spans="1:25" x14ac:dyDescent="0.3">
      <c r="A1909">
        <v>51.099999997128421</v>
      </c>
      <c r="B1909">
        <v>1008.254</v>
      </c>
      <c r="C1909">
        <v>1047.412</v>
      </c>
      <c r="D1909">
        <v>1053.309</v>
      </c>
      <c r="E1909">
        <v>1084.8219999999999</v>
      </c>
      <c r="F1909">
        <v>1101.42</v>
      </c>
      <c r="G1909">
        <v>1119.8810000000001</v>
      </c>
      <c r="H1909">
        <v>1132.624</v>
      </c>
      <c r="I1909">
        <v>1139.682</v>
      </c>
      <c r="J1909">
        <v>1139.9490000000001</v>
      </c>
      <c r="K1909">
        <v>1144.68</v>
      </c>
      <c r="L1909">
        <v>1157.3420000000001</v>
      </c>
      <c r="M1909">
        <v>1148.2090000000001</v>
      </c>
      <c r="N1909">
        <v>1174.9190000000001</v>
      </c>
      <c r="O1909">
        <v>1029.7249999999999</v>
      </c>
      <c r="P1909">
        <v>0</v>
      </c>
      <c r="Q1909">
        <v>0</v>
      </c>
      <c r="R1909">
        <v>1104.635</v>
      </c>
      <c r="S1909">
        <v>0</v>
      </c>
      <c r="T1909">
        <v>1129.625</v>
      </c>
      <c r="U1909">
        <v>1145.443</v>
      </c>
      <c r="V1909">
        <v>1154.0450000000001</v>
      </c>
      <c r="W1909">
        <v>1176.365</v>
      </c>
      <c r="X1909">
        <v>1188.597</v>
      </c>
      <c r="Y1909">
        <v>1190.4190000000001</v>
      </c>
    </row>
    <row r="1910" spans="1:25" x14ac:dyDescent="0.3">
      <c r="A1910">
        <v>51.13333333825382</v>
      </c>
      <c r="B1910">
        <v>1000.856</v>
      </c>
      <c r="C1910">
        <v>1048.873</v>
      </c>
      <c r="D1910">
        <v>1056.8530000000001</v>
      </c>
      <c r="E1910">
        <v>1084.673</v>
      </c>
      <c r="F1910">
        <v>1101.8150000000001</v>
      </c>
      <c r="G1910">
        <v>1124.8040000000001</v>
      </c>
      <c r="H1910">
        <v>1139.396</v>
      </c>
      <c r="I1910">
        <v>1135.567</v>
      </c>
      <c r="J1910">
        <v>1137.6980000000001</v>
      </c>
      <c r="K1910">
        <v>1147.809</v>
      </c>
      <c r="L1910">
        <v>1160.4490000000001</v>
      </c>
      <c r="M1910">
        <v>1150.366</v>
      </c>
      <c r="N1910">
        <v>1176.077</v>
      </c>
      <c r="O1910">
        <v>1029.0809999999999</v>
      </c>
      <c r="P1910">
        <v>0</v>
      </c>
      <c r="Q1910">
        <v>0</v>
      </c>
      <c r="R1910">
        <v>1101.1189999999999</v>
      </c>
      <c r="S1910">
        <v>0</v>
      </c>
      <c r="T1910">
        <v>1127.405</v>
      </c>
      <c r="U1910">
        <v>1143.021</v>
      </c>
      <c r="V1910">
        <v>1150.194</v>
      </c>
      <c r="W1910">
        <v>1170.1790000000001</v>
      </c>
      <c r="X1910">
        <v>1181.0989999999999</v>
      </c>
      <c r="Y1910">
        <v>1183.153</v>
      </c>
    </row>
    <row r="1911" spans="1:25" x14ac:dyDescent="0.3">
      <c r="A1911">
        <v>51.14999999833914</v>
      </c>
      <c r="B1911">
        <v>1001.148</v>
      </c>
      <c r="C1911">
        <v>1052.366</v>
      </c>
      <c r="D1911">
        <v>1061.085</v>
      </c>
      <c r="E1911">
        <v>1085.365</v>
      </c>
      <c r="F1911">
        <v>1101.0999999999999</v>
      </c>
      <c r="G1911">
        <v>1116.7270000000001</v>
      </c>
      <c r="H1911">
        <v>1132.3209999999999</v>
      </c>
      <c r="I1911">
        <v>1140.1780000000001</v>
      </c>
      <c r="J1911">
        <v>1139.453</v>
      </c>
      <c r="K1911">
        <v>1150.0409999999999</v>
      </c>
      <c r="L1911">
        <v>1163.8810000000001</v>
      </c>
      <c r="M1911">
        <v>1151.1120000000001</v>
      </c>
      <c r="N1911">
        <v>1174.4380000000001</v>
      </c>
      <c r="O1911">
        <v>1028.75</v>
      </c>
      <c r="P1911">
        <v>0</v>
      </c>
      <c r="Q1911">
        <v>0</v>
      </c>
      <c r="R1911">
        <v>1101.74</v>
      </c>
      <c r="S1911">
        <v>0</v>
      </c>
      <c r="T1911">
        <v>1126.057</v>
      </c>
      <c r="U1911">
        <v>1140.0830000000001</v>
      </c>
      <c r="V1911">
        <v>1150.1559999999999</v>
      </c>
      <c r="W1911">
        <v>1169.1379999999999</v>
      </c>
      <c r="X1911">
        <v>1187.145</v>
      </c>
      <c r="Y1911">
        <v>1184.9159999999999</v>
      </c>
    </row>
    <row r="1912" spans="1:25" x14ac:dyDescent="0.3">
      <c r="A1912">
        <v>51.183333339464539</v>
      </c>
      <c r="B1912">
        <v>1016.325</v>
      </c>
      <c r="C1912">
        <v>1051.479</v>
      </c>
      <c r="D1912">
        <v>1060.5840000000001</v>
      </c>
      <c r="E1912">
        <v>1085.9639999999999</v>
      </c>
      <c r="F1912">
        <v>1100.2539999999999</v>
      </c>
      <c r="G1912">
        <v>1114.7809999999999</v>
      </c>
      <c r="H1912">
        <v>1133.6310000000001</v>
      </c>
      <c r="I1912">
        <v>1143.021</v>
      </c>
      <c r="J1912">
        <v>1147.008</v>
      </c>
      <c r="K1912">
        <v>1154.3330000000001</v>
      </c>
      <c r="L1912">
        <v>1166.825</v>
      </c>
      <c r="M1912">
        <v>1146.665</v>
      </c>
      <c r="N1912">
        <v>1165.3599999999999</v>
      </c>
      <c r="O1912">
        <v>1029.45</v>
      </c>
      <c r="P1912">
        <v>0</v>
      </c>
      <c r="Q1912">
        <v>0</v>
      </c>
      <c r="R1912">
        <v>1102.078</v>
      </c>
      <c r="S1912">
        <v>0</v>
      </c>
      <c r="T1912">
        <v>1122.982</v>
      </c>
      <c r="U1912">
        <v>1139.0530000000001</v>
      </c>
      <c r="V1912">
        <v>1149.297</v>
      </c>
      <c r="W1912">
        <v>1169.4659999999999</v>
      </c>
      <c r="X1912">
        <v>1188.114</v>
      </c>
      <c r="Y1912">
        <v>1185.5360000000001</v>
      </c>
    </row>
    <row r="1913" spans="1:25" x14ac:dyDescent="0.3">
      <c r="A1913">
        <v>51.216666670112559</v>
      </c>
      <c r="B1913">
        <v>1020.854</v>
      </c>
      <c r="C1913">
        <v>1054.7739999999999</v>
      </c>
      <c r="D1913">
        <v>1061.864</v>
      </c>
      <c r="E1913">
        <v>1086.001</v>
      </c>
      <c r="F1913">
        <v>1102.548</v>
      </c>
      <c r="G1913">
        <v>1118.615</v>
      </c>
      <c r="H1913">
        <v>1136.7439999999999</v>
      </c>
      <c r="I1913">
        <v>1140.75</v>
      </c>
      <c r="J1913">
        <v>1145.9770000000001</v>
      </c>
      <c r="K1913">
        <v>1155.674</v>
      </c>
      <c r="L1913">
        <v>1166.4390000000001</v>
      </c>
      <c r="M1913">
        <v>1149.3920000000001</v>
      </c>
      <c r="N1913">
        <v>1163.44</v>
      </c>
      <c r="O1913">
        <v>1029.5409999999999</v>
      </c>
      <c r="P1913">
        <v>0</v>
      </c>
      <c r="Q1913">
        <v>0</v>
      </c>
      <c r="R1913">
        <v>1102.3219999999999</v>
      </c>
      <c r="S1913">
        <v>0</v>
      </c>
      <c r="T1913">
        <v>1123.057</v>
      </c>
      <c r="U1913">
        <v>1139.9870000000001</v>
      </c>
      <c r="V1913">
        <v>1149.8689999999999</v>
      </c>
      <c r="W1913">
        <v>1168.848</v>
      </c>
      <c r="X1913">
        <v>1189.586</v>
      </c>
      <c r="Y1913">
        <v>1186.3689999999999</v>
      </c>
    </row>
    <row r="1914" spans="1:25" x14ac:dyDescent="0.3">
      <c r="A1914">
        <v>51.23333333019788</v>
      </c>
      <c r="B1914">
        <v>1022.874</v>
      </c>
      <c r="C1914">
        <v>1055.6849999999999</v>
      </c>
      <c r="D1914">
        <v>1062.8679999999999</v>
      </c>
      <c r="E1914">
        <v>1087.277</v>
      </c>
      <c r="F1914">
        <v>1101.422</v>
      </c>
      <c r="G1914">
        <v>1115.085</v>
      </c>
      <c r="H1914">
        <v>1131.374</v>
      </c>
      <c r="I1914">
        <v>1139.799</v>
      </c>
      <c r="J1914">
        <v>1144.1479999999999</v>
      </c>
      <c r="K1914">
        <v>1155.7529999999999</v>
      </c>
      <c r="L1914">
        <v>1165.3810000000001</v>
      </c>
      <c r="M1914">
        <v>1150.348</v>
      </c>
      <c r="N1914">
        <v>1160.547</v>
      </c>
      <c r="O1914">
        <v>1031.2739999999999</v>
      </c>
      <c r="P1914">
        <v>0</v>
      </c>
      <c r="Q1914">
        <v>0</v>
      </c>
      <c r="R1914">
        <v>1104.412</v>
      </c>
      <c r="S1914">
        <v>0</v>
      </c>
      <c r="T1914">
        <v>1124.2929999999999</v>
      </c>
      <c r="U1914">
        <v>1142.8510000000001</v>
      </c>
      <c r="V1914">
        <v>1150.425</v>
      </c>
      <c r="W1914">
        <v>1170.913</v>
      </c>
      <c r="X1914">
        <v>1190.557</v>
      </c>
      <c r="Y1914">
        <v>1190.3630000000001</v>
      </c>
    </row>
    <row r="1915" spans="1:25" x14ac:dyDescent="0.3">
      <c r="A1915">
        <v>51.266666671323279</v>
      </c>
      <c r="B1915">
        <v>1021.847</v>
      </c>
      <c r="C1915">
        <v>1057.913</v>
      </c>
      <c r="D1915">
        <v>1063.3689999999999</v>
      </c>
      <c r="E1915">
        <v>1086.6780000000001</v>
      </c>
      <c r="F1915">
        <v>1101.046</v>
      </c>
      <c r="G1915">
        <v>1116.4449999999999</v>
      </c>
      <c r="H1915">
        <v>1133.538</v>
      </c>
      <c r="I1915">
        <v>1136.9939999999999</v>
      </c>
      <c r="J1915">
        <v>1146.3040000000001</v>
      </c>
      <c r="K1915">
        <v>1159.722</v>
      </c>
      <c r="L1915">
        <v>1168.9849999999999</v>
      </c>
      <c r="M1915">
        <v>1147.239</v>
      </c>
      <c r="N1915">
        <v>1162.0809999999999</v>
      </c>
      <c r="O1915">
        <v>1028.549</v>
      </c>
      <c r="P1915">
        <v>0</v>
      </c>
      <c r="Q1915">
        <v>0</v>
      </c>
      <c r="R1915">
        <v>1108.4359999999999</v>
      </c>
      <c r="S1915">
        <v>0</v>
      </c>
      <c r="T1915">
        <v>1128.8679999999999</v>
      </c>
      <c r="U1915">
        <v>1149.662</v>
      </c>
      <c r="V1915">
        <v>1158.6679999999999</v>
      </c>
      <c r="W1915">
        <v>1176.8489999999999</v>
      </c>
      <c r="X1915">
        <v>1192.7270000000001</v>
      </c>
      <c r="Y1915">
        <v>1190.751</v>
      </c>
    </row>
    <row r="1916" spans="1:25" x14ac:dyDescent="0.3">
      <c r="A1916">
        <v>51.283333331408599</v>
      </c>
      <c r="B1916">
        <v>1024.8699999999999</v>
      </c>
      <c r="C1916">
        <v>1058.652</v>
      </c>
      <c r="D1916">
        <v>1064.8330000000001</v>
      </c>
      <c r="E1916">
        <v>1087.6859999999999</v>
      </c>
      <c r="F1916">
        <v>1104.4280000000001</v>
      </c>
      <c r="G1916">
        <v>1126.454</v>
      </c>
      <c r="H1916">
        <v>1138.327</v>
      </c>
      <c r="I1916">
        <v>1139.471</v>
      </c>
      <c r="J1916">
        <v>1144.126</v>
      </c>
      <c r="K1916">
        <v>1156.421</v>
      </c>
      <c r="L1916">
        <v>1168.404</v>
      </c>
      <c r="M1916">
        <v>1148.1130000000001</v>
      </c>
      <c r="N1916">
        <v>1170.9870000000001</v>
      </c>
      <c r="O1916">
        <v>1039.2249999999999</v>
      </c>
      <c r="P1916">
        <v>0</v>
      </c>
      <c r="Q1916">
        <v>0</v>
      </c>
      <c r="R1916">
        <v>1113.4380000000001</v>
      </c>
      <c r="S1916">
        <v>0</v>
      </c>
      <c r="T1916">
        <v>1133.5350000000001</v>
      </c>
      <c r="U1916">
        <v>1151.877</v>
      </c>
      <c r="V1916">
        <v>1159.508</v>
      </c>
      <c r="W1916">
        <v>1179.722</v>
      </c>
      <c r="X1916">
        <v>1193.8710000000001</v>
      </c>
      <c r="Y1916">
        <v>1188.403</v>
      </c>
    </row>
    <row r="1917" spans="1:25" x14ac:dyDescent="0.3">
      <c r="A1917">
        <v>51.316666672533998</v>
      </c>
      <c r="B1917">
        <v>1022.526</v>
      </c>
      <c r="C1917">
        <v>1060.0840000000001</v>
      </c>
      <c r="D1917">
        <v>1072.5609999999999</v>
      </c>
      <c r="E1917">
        <v>1096.0060000000001</v>
      </c>
      <c r="F1917">
        <v>1113.441</v>
      </c>
      <c r="G1917">
        <v>1131.7719999999999</v>
      </c>
      <c r="H1917">
        <v>1139.4929999999999</v>
      </c>
      <c r="I1917">
        <v>1142.6220000000001</v>
      </c>
      <c r="J1917">
        <v>1143.5</v>
      </c>
      <c r="K1917">
        <v>1153.759</v>
      </c>
      <c r="L1917">
        <v>1164.7460000000001</v>
      </c>
      <c r="M1917">
        <v>1154.181</v>
      </c>
      <c r="N1917">
        <v>1165.94</v>
      </c>
      <c r="O1917">
        <v>1032.4159999999999</v>
      </c>
      <c r="P1917">
        <v>0</v>
      </c>
      <c r="Q1917">
        <v>0</v>
      </c>
      <c r="R1917">
        <v>1114.537</v>
      </c>
      <c r="S1917">
        <v>0</v>
      </c>
      <c r="T1917">
        <v>1134.6389999999999</v>
      </c>
      <c r="U1917">
        <v>1152.0530000000001</v>
      </c>
      <c r="V1917">
        <v>1160.048</v>
      </c>
      <c r="W1917">
        <v>1178.854</v>
      </c>
      <c r="X1917">
        <v>1194.4580000000001</v>
      </c>
      <c r="Y1917">
        <v>1186.991</v>
      </c>
    </row>
    <row r="1918" spans="1:25" x14ac:dyDescent="0.3">
      <c r="A1918">
        <v>51.350000003182018</v>
      </c>
      <c r="B1918">
        <v>1021.205</v>
      </c>
      <c r="C1918">
        <v>1060.0840000000001</v>
      </c>
      <c r="D1918">
        <v>1072.8219999999999</v>
      </c>
      <c r="E1918">
        <v>1095.7619999999999</v>
      </c>
      <c r="F1918">
        <v>1112.175</v>
      </c>
      <c r="G1918">
        <v>1127.2360000000001</v>
      </c>
      <c r="H1918">
        <v>1137.7950000000001</v>
      </c>
      <c r="I1918">
        <v>1143.9190000000001</v>
      </c>
      <c r="J1918">
        <v>1146.838</v>
      </c>
      <c r="K1918">
        <v>1156.309</v>
      </c>
      <c r="L1918">
        <v>1167</v>
      </c>
      <c r="M1918">
        <v>1148.8030000000001</v>
      </c>
      <c r="N1918">
        <v>1171.742</v>
      </c>
      <c r="O1918">
        <v>1037.5889999999999</v>
      </c>
      <c r="P1918">
        <v>0</v>
      </c>
      <c r="Q1918">
        <v>0</v>
      </c>
      <c r="R1918">
        <v>1110.9659999999999</v>
      </c>
      <c r="S1918">
        <v>0</v>
      </c>
      <c r="T1918">
        <v>1129.3240000000001</v>
      </c>
      <c r="U1918">
        <v>1151.037</v>
      </c>
      <c r="V1918">
        <v>1158.2270000000001</v>
      </c>
      <c r="W1918">
        <v>1176.8489999999999</v>
      </c>
      <c r="X1918">
        <v>1192.7270000000001</v>
      </c>
      <c r="Y1918">
        <v>1188.5219999999999</v>
      </c>
    </row>
    <row r="1919" spans="1:25" x14ac:dyDescent="0.3">
      <c r="A1919">
        <v>51.366666663267338</v>
      </c>
      <c r="B1919">
        <v>1008.693</v>
      </c>
      <c r="C1919">
        <v>1058.4670000000001</v>
      </c>
      <c r="D1919">
        <v>1070.5830000000001</v>
      </c>
      <c r="E1919">
        <v>1093.6590000000001</v>
      </c>
      <c r="F1919">
        <v>1107.4929999999999</v>
      </c>
      <c r="G1919">
        <v>1122.3</v>
      </c>
      <c r="H1919">
        <v>1136.06</v>
      </c>
      <c r="I1919">
        <v>1141.3989999999999</v>
      </c>
      <c r="J1919">
        <v>1144.546</v>
      </c>
      <c r="K1919">
        <v>1152.0119999999999</v>
      </c>
      <c r="L1919">
        <v>1164.2639999999999</v>
      </c>
      <c r="M1919">
        <v>1145.252</v>
      </c>
      <c r="N1919">
        <v>1180.5940000000001</v>
      </c>
      <c r="O1919">
        <v>1035.0650000000001</v>
      </c>
      <c r="P1919">
        <v>0</v>
      </c>
      <c r="Q1919">
        <v>0</v>
      </c>
      <c r="R1919">
        <v>1108.3579999999999</v>
      </c>
      <c r="S1919">
        <v>0</v>
      </c>
      <c r="T1919">
        <v>1130.346</v>
      </c>
      <c r="U1919">
        <v>1157.7449999999999</v>
      </c>
      <c r="V1919">
        <v>1165.6869999999999</v>
      </c>
      <c r="W1919">
        <v>1177.232</v>
      </c>
      <c r="X1919">
        <v>1190.5930000000001</v>
      </c>
      <c r="Y1919">
        <v>1188.365</v>
      </c>
    </row>
    <row r="1920" spans="1:25" x14ac:dyDescent="0.3">
      <c r="A1920">
        <v>51.400000004392737</v>
      </c>
      <c r="B1920">
        <v>1011.728</v>
      </c>
      <c r="C1920">
        <v>1059.3599999999999</v>
      </c>
      <c r="D1920">
        <v>1070.492</v>
      </c>
      <c r="E1920">
        <v>1095.461</v>
      </c>
      <c r="F1920">
        <v>1107.797</v>
      </c>
      <c r="G1920">
        <v>1125.204</v>
      </c>
      <c r="H1920">
        <v>1138.673</v>
      </c>
      <c r="I1920">
        <v>1143.652</v>
      </c>
      <c r="J1920">
        <v>1149.127</v>
      </c>
      <c r="K1920">
        <v>1156.923</v>
      </c>
      <c r="L1920">
        <v>1169.2940000000001</v>
      </c>
      <c r="M1920">
        <v>1149.49</v>
      </c>
      <c r="N1920">
        <v>1175.943</v>
      </c>
      <c r="O1920">
        <v>1035.73</v>
      </c>
      <c r="P1920">
        <v>0</v>
      </c>
      <c r="Q1920">
        <v>0</v>
      </c>
      <c r="R1920">
        <v>1110.9849999999999</v>
      </c>
      <c r="S1920">
        <v>0</v>
      </c>
      <c r="T1920">
        <v>1130.7280000000001</v>
      </c>
      <c r="U1920">
        <v>1156.693</v>
      </c>
      <c r="V1920">
        <v>1169.3520000000001</v>
      </c>
      <c r="W1920">
        <v>1181.527</v>
      </c>
      <c r="X1920">
        <v>1194.107</v>
      </c>
      <c r="Y1920">
        <v>1186.604</v>
      </c>
    </row>
    <row r="1921" spans="1:25" x14ac:dyDescent="0.3">
      <c r="A1921">
        <v>51.416666664478058</v>
      </c>
      <c r="B1921">
        <v>1017.226</v>
      </c>
      <c r="C1921">
        <v>1059.8440000000001</v>
      </c>
      <c r="D1921">
        <v>1069.654</v>
      </c>
      <c r="E1921">
        <v>1096.5899999999999</v>
      </c>
      <c r="F1921">
        <v>1109.9090000000001</v>
      </c>
      <c r="G1921">
        <v>1129.2670000000001</v>
      </c>
      <c r="H1921">
        <v>1141.23</v>
      </c>
      <c r="I1921">
        <v>1147.277</v>
      </c>
      <c r="J1921">
        <v>1149.9480000000001</v>
      </c>
      <c r="K1921">
        <v>1156.1179999999999</v>
      </c>
      <c r="L1921">
        <v>1172.8599999999999</v>
      </c>
      <c r="M1921">
        <v>1149.9480000000001</v>
      </c>
      <c r="N1921">
        <v>1187.011</v>
      </c>
      <c r="O1921">
        <v>1039.357</v>
      </c>
      <c r="P1921">
        <v>0</v>
      </c>
      <c r="Q1921">
        <v>0</v>
      </c>
      <c r="R1921">
        <v>1109.078</v>
      </c>
      <c r="S1921">
        <v>0</v>
      </c>
      <c r="T1921">
        <v>1129.4949999999999</v>
      </c>
      <c r="U1921">
        <v>1153.1079999999999</v>
      </c>
      <c r="V1921">
        <v>1169.4680000000001</v>
      </c>
      <c r="W1921">
        <v>1181.43</v>
      </c>
      <c r="X1921">
        <v>1191.972</v>
      </c>
      <c r="Y1921">
        <v>1190.8679999999999</v>
      </c>
    </row>
    <row r="1922" spans="1:25" x14ac:dyDescent="0.3">
      <c r="A1922">
        <v>51.450000005603457</v>
      </c>
      <c r="B1922">
        <v>1024.433</v>
      </c>
      <c r="C1922">
        <v>1062.943</v>
      </c>
      <c r="D1922">
        <v>1072.5060000000001</v>
      </c>
      <c r="E1922">
        <v>1100.2940000000001</v>
      </c>
      <c r="F1922">
        <v>1111.5530000000001</v>
      </c>
      <c r="G1922">
        <v>1130.8620000000001</v>
      </c>
      <c r="H1922">
        <v>1142.8130000000001</v>
      </c>
      <c r="I1922">
        <v>1146.171</v>
      </c>
      <c r="J1922">
        <v>1150.673</v>
      </c>
      <c r="K1922">
        <v>1156.789</v>
      </c>
      <c r="L1922">
        <v>1170.143</v>
      </c>
      <c r="M1922">
        <v>1150.1959999999999</v>
      </c>
      <c r="N1922">
        <v>1176.1559999999999</v>
      </c>
      <c r="O1922">
        <v>1034.9570000000001</v>
      </c>
      <c r="P1922">
        <v>0</v>
      </c>
      <c r="Q1922">
        <v>0</v>
      </c>
      <c r="R1922">
        <v>1105.24</v>
      </c>
      <c r="S1922">
        <v>0</v>
      </c>
      <c r="T1922">
        <v>1127.1220000000001</v>
      </c>
      <c r="U1922">
        <v>1149.223</v>
      </c>
      <c r="V1922">
        <v>1162.4259999999999</v>
      </c>
      <c r="W1922">
        <v>1176.8879999999999</v>
      </c>
      <c r="X1922">
        <v>1189.9380000000001</v>
      </c>
      <c r="Y1922">
        <v>1190.577</v>
      </c>
    </row>
    <row r="1923" spans="1:25" x14ac:dyDescent="0.3">
      <c r="A1923">
        <v>51.483333336251476</v>
      </c>
      <c r="B1923">
        <v>1022.3049999999999</v>
      </c>
      <c r="C1923">
        <v>1062.126</v>
      </c>
      <c r="D1923">
        <v>1067.211</v>
      </c>
      <c r="E1923">
        <v>1097.3219999999999</v>
      </c>
      <c r="F1923">
        <v>1108.079</v>
      </c>
      <c r="G1923">
        <v>1125.9069999999999</v>
      </c>
      <c r="H1923">
        <v>1138.0239999999999</v>
      </c>
      <c r="I1923">
        <v>1140.981</v>
      </c>
      <c r="J1923">
        <v>1147.3340000000001</v>
      </c>
      <c r="K1923">
        <v>1154.181</v>
      </c>
      <c r="L1923">
        <v>1167.116</v>
      </c>
      <c r="M1923">
        <v>1151.0940000000001</v>
      </c>
      <c r="N1923">
        <v>1167.8679999999999</v>
      </c>
      <c r="O1923">
        <v>1035.8030000000001</v>
      </c>
      <c r="P1923">
        <v>0</v>
      </c>
      <c r="Q1923">
        <v>0</v>
      </c>
      <c r="R1923">
        <v>1105.9159999999999</v>
      </c>
      <c r="S1923">
        <v>0</v>
      </c>
      <c r="T1923">
        <v>1126.5519999999999</v>
      </c>
      <c r="U1923">
        <v>1149.509</v>
      </c>
      <c r="V1923">
        <v>1161.1600000000001</v>
      </c>
      <c r="W1923">
        <v>1178.8150000000001</v>
      </c>
      <c r="X1923">
        <v>1191.3320000000001</v>
      </c>
      <c r="Y1923">
        <v>1191.4680000000001</v>
      </c>
    </row>
    <row r="1924" spans="1:25" x14ac:dyDescent="0.3">
      <c r="A1924">
        <v>51.499999996336797</v>
      </c>
      <c r="B1924">
        <v>1025.1489999999999</v>
      </c>
      <c r="C1924">
        <v>1055.0360000000001</v>
      </c>
      <c r="D1924">
        <v>1061.5509999999999</v>
      </c>
      <c r="E1924">
        <v>1093.5119999999999</v>
      </c>
      <c r="F1924">
        <v>1103.7919999999999</v>
      </c>
      <c r="G1924">
        <v>1121.3579999999999</v>
      </c>
      <c r="H1924">
        <v>1133.3679999999999</v>
      </c>
      <c r="I1924">
        <v>1137.0709999999999</v>
      </c>
      <c r="J1924">
        <v>1143.271</v>
      </c>
      <c r="K1924">
        <v>1153.53</v>
      </c>
      <c r="L1924">
        <v>1165.4970000000001</v>
      </c>
      <c r="M1924">
        <v>1149.1279999999999</v>
      </c>
      <c r="N1924">
        <v>1174.1130000000001</v>
      </c>
      <c r="O1924">
        <v>1035.7670000000001</v>
      </c>
      <c r="P1924">
        <v>0</v>
      </c>
      <c r="Q1924">
        <v>0</v>
      </c>
      <c r="R1924">
        <v>1106.011</v>
      </c>
      <c r="S1924">
        <v>0</v>
      </c>
      <c r="T1924">
        <v>1127.4259999999999</v>
      </c>
      <c r="U1924">
        <v>1148.365</v>
      </c>
      <c r="V1924">
        <v>1161.123</v>
      </c>
      <c r="W1924">
        <v>1179.8409999999999</v>
      </c>
      <c r="X1924">
        <v>1194.771</v>
      </c>
      <c r="Y1924">
        <v>1194.2059999999999</v>
      </c>
    </row>
    <row r="1925" spans="1:25" x14ac:dyDescent="0.3">
      <c r="A1925">
        <v>51.533333337462196</v>
      </c>
      <c r="B1925">
        <v>1020.326</v>
      </c>
      <c r="C1925">
        <v>1056.058</v>
      </c>
      <c r="D1925">
        <v>1062.5540000000001</v>
      </c>
      <c r="E1925">
        <v>1092.595</v>
      </c>
      <c r="F1925">
        <v>1104.319</v>
      </c>
      <c r="G1925">
        <v>1123.345</v>
      </c>
      <c r="H1925">
        <v>1133.9380000000001</v>
      </c>
      <c r="I1925">
        <v>1140.2</v>
      </c>
      <c r="J1925">
        <v>1145.828</v>
      </c>
      <c r="K1925">
        <v>1155.0640000000001</v>
      </c>
      <c r="L1925">
        <v>1168.6780000000001</v>
      </c>
      <c r="M1925">
        <v>1153.1659999999999</v>
      </c>
      <c r="N1925">
        <v>1178.335</v>
      </c>
      <c r="O1925">
        <v>1034.663</v>
      </c>
      <c r="P1925">
        <v>0</v>
      </c>
      <c r="Q1925">
        <v>0</v>
      </c>
      <c r="R1925">
        <v>1107.5530000000001</v>
      </c>
      <c r="S1925">
        <v>0</v>
      </c>
      <c r="T1925">
        <v>1129.5340000000001</v>
      </c>
      <c r="U1925">
        <v>1149.567</v>
      </c>
      <c r="V1925">
        <v>1158.3810000000001</v>
      </c>
      <c r="W1925">
        <v>1177.4670000000001</v>
      </c>
      <c r="X1925">
        <v>1194.557</v>
      </c>
      <c r="Y1925">
        <v>1192.826</v>
      </c>
    </row>
    <row r="1926" spans="1:25" x14ac:dyDescent="0.3">
      <c r="A1926">
        <v>51.549999997547516</v>
      </c>
      <c r="B1926">
        <v>1012.624</v>
      </c>
      <c r="C1926">
        <v>1054.424</v>
      </c>
      <c r="D1926">
        <v>1064.9659999999999</v>
      </c>
      <c r="E1926">
        <v>1093.0250000000001</v>
      </c>
      <c r="F1926">
        <v>1106.067</v>
      </c>
      <c r="G1926">
        <v>1124.769</v>
      </c>
      <c r="H1926">
        <v>1131.8869999999999</v>
      </c>
      <c r="I1926">
        <v>1137.739</v>
      </c>
      <c r="J1926">
        <v>1145.5609999999999</v>
      </c>
      <c r="K1926">
        <v>1158.3230000000001</v>
      </c>
      <c r="L1926">
        <v>1169.8150000000001</v>
      </c>
      <c r="M1926">
        <v>1154.009</v>
      </c>
      <c r="N1926">
        <v>1171.241</v>
      </c>
      <c r="O1926">
        <v>1031.33</v>
      </c>
      <c r="P1926">
        <v>0</v>
      </c>
      <c r="Q1926">
        <v>0</v>
      </c>
      <c r="R1926">
        <v>1111.4770000000001</v>
      </c>
      <c r="S1926">
        <v>0</v>
      </c>
      <c r="T1926">
        <v>1130.2539999999999</v>
      </c>
      <c r="U1926">
        <v>1151.421</v>
      </c>
      <c r="V1926">
        <v>1164.2860000000001</v>
      </c>
      <c r="W1926">
        <v>1183.2909999999999</v>
      </c>
      <c r="X1926">
        <v>1198.259</v>
      </c>
      <c r="Y1926">
        <v>1193.174</v>
      </c>
    </row>
    <row r="1927" spans="1:25" x14ac:dyDescent="0.3">
      <c r="A1927">
        <v>51.583333338672915</v>
      </c>
      <c r="B1927">
        <v>1015.264</v>
      </c>
      <c r="C1927">
        <v>1056.2059999999999</v>
      </c>
      <c r="D1927">
        <v>1065.95</v>
      </c>
      <c r="E1927">
        <v>1091.864</v>
      </c>
      <c r="F1927">
        <v>1105.24</v>
      </c>
      <c r="G1927">
        <v>1123.5160000000001</v>
      </c>
      <c r="H1927">
        <v>1138.826</v>
      </c>
      <c r="I1927">
        <v>1143.519</v>
      </c>
      <c r="J1927">
        <v>1152.5519999999999</v>
      </c>
      <c r="K1927">
        <v>1164.171</v>
      </c>
      <c r="L1927">
        <v>1178.1410000000001</v>
      </c>
      <c r="M1927">
        <v>1159.57</v>
      </c>
      <c r="N1927">
        <v>1173.4380000000001</v>
      </c>
      <c r="O1927">
        <v>1034.1279999999999</v>
      </c>
      <c r="P1927">
        <v>0</v>
      </c>
      <c r="Q1927">
        <v>0</v>
      </c>
      <c r="R1927">
        <v>1114.2159999999999</v>
      </c>
      <c r="S1927">
        <v>0</v>
      </c>
      <c r="T1927">
        <v>1134.431</v>
      </c>
      <c r="U1927">
        <v>1151.229</v>
      </c>
      <c r="V1927">
        <v>1164.8420000000001</v>
      </c>
      <c r="W1927">
        <v>1184.124</v>
      </c>
      <c r="X1927">
        <v>1200.7339999999999</v>
      </c>
      <c r="Y1927">
        <v>1191.623</v>
      </c>
    </row>
    <row r="1928" spans="1:25" x14ac:dyDescent="0.3">
      <c r="A1928">
        <v>51.616666669320935</v>
      </c>
      <c r="B1928">
        <v>1010.779</v>
      </c>
      <c r="C1928">
        <v>1056.4469999999999</v>
      </c>
      <c r="D1928">
        <v>1065.0029999999999</v>
      </c>
      <c r="E1928">
        <v>1093.0619999999999</v>
      </c>
      <c r="F1928">
        <v>1105.0709999999999</v>
      </c>
      <c r="G1928">
        <v>1121.8679999999999</v>
      </c>
      <c r="H1928">
        <v>1139.4939999999999</v>
      </c>
      <c r="I1928">
        <v>1147.087</v>
      </c>
      <c r="J1928">
        <v>1155.0640000000001</v>
      </c>
      <c r="K1928">
        <v>1163.078</v>
      </c>
      <c r="L1928">
        <v>1176.6759999999999</v>
      </c>
      <c r="M1928">
        <v>1159.876</v>
      </c>
      <c r="N1928">
        <v>1179.183</v>
      </c>
      <c r="O1928">
        <v>1037.001</v>
      </c>
      <c r="P1928">
        <v>0</v>
      </c>
      <c r="Q1928">
        <v>0</v>
      </c>
      <c r="R1928">
        <v>1114.2729999999999</v>
      </c>
      <c r="S1928">
        <v>0</v>
      </c>
      <c r="T1928">
        <v>1135.9870000000001</v>
      </c>
      <c r="U1928">
        <v>1153.76</v>
      </c>
      <c r="V1928">
        <v>1163.385</v>
      </c>
      <c r="W1928">
        <v>1180.655</v>
      </c>
      <c r="X1928">
        <v>1199.759</v>
      </c>
      <c r="Y1928">
        <v>1188.9880000000001</v>
      </c>
    </row>
    <row r="1929" spans="1:25" x14ac:dyDescent="0.3">
      <c r="A1929">
        <v>51.633333339883634</v>
      </c>
      <c r="B1929">
        <v>1002.995</v>
      </c>
      <c r="C1929">
        <v>1054.7950000000001</v>
      </c>
      <c r="D1929">
        <v>1071.2750000000001</v>
      </c>
      <c r="E1929">
        <v>1100.106</v>
      </c>
      <c r="F1929">
        <v>1111.6849999999999</v>
      </c>
      <c r="G1929">
        <v>1128.6220000000001</v>
      </c>
      <c r="H1929">
        <v>1145.4269999999999</v>
      </c>
      <c r="I1929">
        <v>1150.1199999999999</v>
      </c>
      <c r="J1929">
        <v>1153.357</v>
      </c>
      <c r="K1929">
        <v>1161.008</v>
      </c>
      <c r="L1929">
        <v>1171.7809999999999</v>
      </c>
      <c r="M1929">
        <v>1156.463</v>
      </c>
      <c r="N1929">
        <v>1179.105</v>
      </c>
      <c r="O1929">
        <v>1042.183</v>
      </c>
      <c r="P1929">
        <v>0</v>
      </c>
      <c r="Q1929">
        <v>0</v>
      </c>
      <c r="R1929">
        <v>1114.1969999999999</v>
      </c>
      <c r="S1929">
        <v>0</v>
      </c>
      <c r="T1929">
        <v>1134.6579999999999</v>
      </c>
      <c r="U1929">
        <v>1154.508</v>
      </c>
      <c r="V1929">
        <v>1164.3440000000001</v>
      </c>
      <c r="W1929">
        <v>1177.8910000000001</v>
      </c>
      <c r="X1929">
        <v>1195.0630000000001</v>
      </c>
      <c r="Y1929">
        <v>1189.066</v>
      </c>
    </row>
    <row r="1930" spans="1:25" x14ac:dyDescent="0.3">
      <c r="A1930">
        <v>51.666666670531654</v>
      </c>
      <c r="B1930">
        <v>1010.797</v>
      </c>
      <c r="C1930">
        <v>1057.8579999999999</v>
      </c>
      <c r="D1930">
        <v>1069.8209999999999</v>
      </c>
      <c r="E1930">
        <v>1096.1759999999999</v>
      </c>
      <c r="F1930">
        <v>1108.7560000000001</v>
      </c>
      <c r="G1930">
        <v>1128.7170000000001</v>
      </c>
      <c r="H1930">
        <v>1146.7619999999999</v>
      </c>
      <c r="I1930">
        <v>1148.308</v>
      </c>
      <c r="J1930">
        <v>1154.7570000000001</v>
      </c>
      <c r="K1930">
        <v>1162.0050000000001</v>
      </c>
      <c r="L1930">
        <v>1173.3030000000001</v>
      </c>
      <c r="M1930">
        <v>1154.8530000000001</v>
      </c>
      <c r="N1930">
        <v>1168.6780000000001</v>
      </c>
      <c r="O1930">
        <v>1041.277</v>
      </c>
      <c r="P1930">
        <v>0</v>
      </c>
      <c r="Q1930">
        <v>0</v>
      </c>
      <c r="R1930">
        <v>1109.9649999999999</v>
      </c>
      <c r="S1930">
        <v>0</v>
      </c>
      <c r="T1930">
        <v>1131.5260000000001</v>
      </c>
      <c r="U1930">
        <v>1149.0899999999999</v>
      </c>
      <c r="V1930">
        <v>1161.2380000000001</v>
      </c>
      <c r="W1930">
        <v>1178.3920000000001</v>
      </c>
      <c r="X1930">
        <v>1194.4390000000001</v>
      </c>
      <c r="Y1930">
        <v>1187.011</v>
      </c>
    </row>
    <row r="1931" spans="1:25" x14ac:dyDescent="0.3">
      <c r="A1931">
        <v>51.683333330616975</v>
      </c>
      <c r="B1931">
        <v>1016.53</v>
      </c>
      <c r="C1931">
        <v>1058.452</v>
      </c>
      <c r="D1931">
        <v>1068.182</v>
      </c>
      <c r="E1931">
        <v>1094.0740000000001</v>
      </c>
      <c r="F1931">
        <v>1105.3340000000001</v>
      </c>
      <c r="G1931">
        <v>1123.7819999999999</v>
      </c>
      <c r="H1931">
        <v>1144.626</v>
      </c>
      <c r="I1931">
        <v>1148.8230000000001</v>
      </c>
      <c r="J1931">
        <v>1155.1790000000001</v>
      </c>
      <c r="K1931">
        <v>1166.346</v>
      </c>
      <c r="L1931">
        <v>1173.7280000000001</v>
      </c>
      <c r="M1931">
        <v>1155.0070000000001</v>
      </c>
      <c r="N1931">
        <v>1163.539</v>
      </c>
      <c r="O1931">
        <v>1041.962</v>
      </c>
      <c r="P1931">
        <v>0</v>
      </c>
      <c r="Q1931">
        <v>0</v>
      </c>
      <c r="R1931">
        <v>1106.7449999999999</v>
      </c>
      <c r="S1931">
        <v>0</v>
      </c>
      <c r="T1931">
        <v>1128.6610000000001</v>
      </c>
      <c r="U1931">
        <v>1146.3810000000001</v>
      </c>
      <c r="V1931">
        <v>1158.7840000000001</v>
      </c>
      <c r="W1931">
        <v>1178.797</v>
      </c>
      <c r="X1931">
        <v>1193.4069999999999</v>
      </c>
      <c r="Y1931">
        <v>1188.9110000000001</v>
      </c>
    </row>
    <row r="1932" spans="1:25" x14ac:dyDescent="0.3">
      <c r="A1932">
        <v>51.716666671742374</v>
      </c>
      <c r="B1932">
        <v>1027.961</v>
      </c>
      <c r="C1932">
        <v>1061.5150000000001</v>
      </c>
      <c r="D1932">
        <v>1069.7470000000001</v>
      </c>
      <c r="E1932">
        <v>1094.692</v>
      </c>
      <c r="F1932">
        <v>1108.0050000000001</v>
      </c>
      <c r="G1932">
        <v>1126.6289999999999</v>
      </c>
      <c r="H1932">
        <v>1144.741</v>
      </c>
      <c r="I1932">
        <v>1151.287</v>
      </c>
      <c r="J1932">
        <v>1154.278</v>
      </c>
      <c r="K1932">
        <v>1161.4110000000001</v>
      </c>
      <c r="L1932">
        <v>1168.8130000000001</v>
      </c>
      <c r="M1932">
        <v>1152.7059999999999</v>
      </c>
      <c r="N1932">
        <v>1150.0250000000001</v>
      </c>
      <c r="O1932">
        <v>1045.6220000000001</v>
      </c>
      <c r="P1932">
        <v>0</v>
      </c>
      <c r="Q1932">
        <v>0</v>
      </c>
      <c r="R1932">
        <v>1107.9670000000001</v>
      </c>
      <c r="S1932">
        <v>0</v>
      </c>
      <c r="T1932">
        <v>1131.6980000000001</v>
      </c>
      <c r="U1932">
        <v>1152.9169999999999</v>
      </c>
      <c r="V1932">
        <v>1159.7619999999999</v>
      </c>
      <c r="W1932">
        <v>1179.6679999999999</v>
      </c>
      <c r="X1932">
        <v>1197.0899999999999</v>
      </c>
      <c r="Y1932">
        <v>1192.5740000000001</v>
      </c>
    </row>
    <row r="1933" spans="1:25" x14ac:dyDescent="0.3">
      <c r="A1933">
        <v>51.750000002390394</v>
      </c>
      <c r="B1933">
        <v>1028.6600000000001</v>
      </c>
      <c r="C1933">
        <v>1058.8599999999999</v>
      </c>
      <c r="D1933">
        <v>1067.9570000000001</v>
      </c>
      <c r="E1933">
        <v>1094.0360000000001</v>
      </c>
      <c r="F1933">
        <v>1106.2739999999999</v>
      </c>
      <c r="G1933">
        <v>1121.9059999999999</v>
      </c>
      <c r="H1933">
        <v>1136.8040000000001</v>
      </c>
      <c r="I1933">
        <v>1144.721</v>
      </c>
      <c r="J1933">
        <v>1148.117</v>
      </c>
      <c r="K1933">
        <v>1158.17</v>
      </c>
      <c r="L1933">
        <v>1166.654</v>
      </c>
      <c r="M1933">
        <v>1150.4059999999999</v>
      </c>
      <c r="N1933">
        <v>1146.4380000000001</v>
      </c>
      <c r="O1933">
        <v>1039.5409999999999</v>
      </c>
      <c r="P1933">
        <v>0</v>
      </c>
      <c r="Q1933">
        <v>0</v>
      </c>
      <c r="R1933">
        <v>1109.248</v>
      </c>
      <c r="S1933">
        <v>0</v>
      </c>
      <c r="T1933">
        <v>1133.538</v>
      </c>
      <c r="U1933">
        <v>1155.2750000000001</v>
      </c>
      <c r="V1933">
        <v>1168.08</v>
      </c>
      <c r="W1933">
        <v>1182.2439999999999</v>
      </c>
      <c r="X1933">
        <v>1198.395</v>
      </c>
      <c r="Y1933">
        <v>1195.394</v>
      </c>
    </row>
    <row r="1934" spans="1:25" x14ac:dyDescent="0.3">
      <c r="A1934">
        <v>51.766666672953093</v>
      </c>
      <c r="B1934">
        <v>1030.0039999999999</v>
      </c>
      <c r="C1934">
        <v>1060.1030000000001</v>
      </c>
      <c r="D1934">
        <v>1068.0129999999999</v>
      </c>
      <c r="E1934">
        <v>1094.4290000000001</v>
      </c>
      <c r="F1934">
        <v>1104.6379999999999</v>
      </c>
      <c r="G1934">
        <v>1122.643</v>
      </c>
      <c r="H1934">
        <v>1139.4179999999999</v>
      </c>
      <c r="I1934">
        <v>1142.0119999999999</v>
      </c>
      <c r="J1934">
        <v>1147.8499999999999</v>
      </c>
      <c r="K1934">
        <v>1162.6949999999999</v>
      </c>
      <c r="L1934">
        <v>1171.627</v>
      </c>
      <c r="M1934">
        <v>1153.472</v>
      </c>
      <c r="N1934">
        <v>1156.559</v>
      </c>
      <c r="O1934">
        <v>1038.1790000000001</v>
      </c>
      <c r="P1934">
        <v>0</v>
      </c>
      <c r="Q1934">
        <v>0</v>
      </c>
      <c r="R1934">
        <v>1107.271</v>
      </c>
      <c r="S1934">
        <v>0</v>
      </c>
      <c r="T1934">
        <v>1138.75</v>
      </c>
      <c r="U1934">
        <v>1153.817</v>
      </c>
      <c r="V1934">
        <v>1164.3440000000001</v>
      </c>
      <c r="W1934">
        <v>1183.058</v>
      </c>
      <c r="X1934">
        <v>1200.2460000000001</v>
      </c>
      <c r="Y1934">
        <v>1196.914</v>
      </c>
    </row>
    <row r="1935" spans="1:25" x14ac:dyDescent="0.3">
      <c r="A1935">
        <v>51.800000003601113</v>
      </c>
      <c r="B1935">
        <v>1021.591</v>
      </c>
      <c r="C1935">
        <v>1055.1289999999999</v>
      </c>
      <c r="D1935">
        <v>1066.8040000000001</v>
      </c>
      <c r="E1935">
        <v>1092.557</v>
      </c>
      <c r="F1935">
        <v>1105.3530000000001</v>
      </c>
      <c r="G1935">
        <v>1122.2840000000001</v>
      </c>
      <c r="H1935">
        <v>1140.963</v>
      </c>
      <c r="I1935">
        <v>1146.3050000000001</v>
      </c>
      <c r="J1935">
        <v>1157.921</v>
      </c>
      <c r="K1935">
        <v>1165.6130000000001</v>
      </c>
      <c r="L1935">
        <v>1174.171</v>
      </c>
      <c r="M1935">
        <v>1157.537</v>
      </c>
      <c r="N1935">
        <v>1168.08</v>
      </c>
      <c r="O1935">
        <v>1047.3040000000001</v>
      </c>
      <c r="P1935">
        <v>0</v>
      </c>
      <c r="Q1935">
        <v>0</v>
      </c>
      <c r="R1935">
        <v>1111.723</v>
      </c>
      <c r="S1935">
        <v>0</v>
      </c>
      <c r="T1935">
        <v>1140.2950000000001</v>
      </c>
      <c r="U1935">
        <v>1153.913</v>
      </c>
      <c r="V1935">
        <v>1162.5609999999999</v>
      </c>
      <c r="W1935">
        <v>1182.3610000000001</v>
      </c>
      <c r="X1935">
        <v>1197.596</v>
      </c>
      <c r="Y1935">
        <v>1195.8810000000001</v>
      </c>
    </row>
    <row r="1936" spans="1:25" x14ac:dyDescent="0.3">
      <c r="A1936">
        <v>51.816666663686433</v>
      </c>
      <c r="B1936">
        <v>1019.665</v>
      </c>
      <c r="C1936">
        <v>1053.7929999999999</v>
      </c>
      <c r="D1936">
        <v>1067.3610000000001</v>
      </c>
      <c r="E1936">
        <v>1090.404</v>
      </c>
      <c r="F1936">
        <v>1103.51</v>
      </c>
      <c r="G1936">
        <v>1121.1690000000001</v>
      </c>
      <c r="H1936">
        <v>1143.748</v>
      </c>
      <c r="I1936">
        <v>1144.588</v>
      </c>
      <c r="J1936">
        <v>1152.82</v>
      </c>
      <c r="K1936">
        <v>1162.6949999999999</v>
      </c>
      <c r="L1936">
        <v>1173.5150000000001</v>
      </c>
      <c r="M1936">
        <v>1157.25</v>
      </c>
      <c r="N1936">
        <v>1157.8820000000001</v>
      </c>
      <c r="O1936">
        <v>1046.3789999999999</v>
      </c>
      <c r="P1936">
        <v>0</v>
      </c>
      <c r="Q1936">
        <v>0</v>
      </c>
      <c r="R1936">
        <v>1111.855</v>
      </c>
      <c r="S1936">
        <v>0</v>
      </c>
      <c r="T1936">
        <v>1143.481</v>
      </c>
      <c r="U1936">
        <v>1164.075</v>
      </c>
      <c r="V1936">
        <v>1172.1079999999999</v>
      </c>
      <c r="W1936">
        <v>1184.5889999999999</v>
      </c>
      <c r="X1936">
        <v>1195.433</v>
      </c>
      <c r="Y1936">
        <v>1194.2639999999999</v>
      </c>
    </row>
    <row r="1937" spans="1:25" x14ac:dyDescent="0.3">
      <c r="A1937">
        <v>51.850000004811832</v>
      </c>
      <c r="B1937">
        <v>1015.301</v>
      </c>
      <c r="C1937">
        <v>1053.7750000000001</v>
      </c>
      <c r="D1937">
        <v>1068.8900000000001</v>
      </c>
      <c r="E1937">
        <v>1091.415</v>
      </c>
      <c r="F1937">
        <v>1106.82</v>
      </c>
      <c r="G1937">
        <v>1121.8869999999999</v>
      </c>
      <c r="H1937">
        <v>1144.4159999999999</v>
      </c>
      <c r="I1937">
        <v>1147.335</v>
      </c>
      <c r="J1937">
        <v>1154.777</v>
      </c>
      <c r="K1937">
        <v>1165.2670000000001</v>
      </c>
      <c r="L1937">
        <v>1174.962</v>
      </c>
      <c r="M1937">
        <v>1158.5730000000001</v>
      </c>
      <c r="N1937">
        <v>1162.3499999999999</v>
      </c>
      <c r="O1937">
        <v>1040.3900000000001</v>
      </c>
      <c r="P1937">
        <v>0</v>
      </c>
      <c r="Q1937">
        <v>0</v>
      </c>
      <c r="R1937">
        <v>1113.5940000000001</v>
      </c>
      <c r="S1937">
        <v>0</v>
      </c>
      <c r="T1937">
        <v>1142.127</v>
      </c>
      <c r="U1937">
        <v>1160.874</v>
      </c>
      <c r="V1937">
        <v>1168.7550000000001</v>
      </c>
      <c r="W1937">
        <v>1180.9269999999999</v>
      </c>
      <c r="X1937">
        <v>1196.194</v>
      </c>
      <c r="Y1937">
        <v>1195.5899999999999</v>
      </c>
    </row>
    <row r="1938" spans="1:25" x14ac:dyDescent="0.3">
      <c r="A1938">
        <v>51.883333335459852</v>
      </c>
      <c r="B1938">
        <v>1002.321</v>
      </c>
      <c r="C1938">
        <v>1054.6110000000001</v>
      </c>
      <c r="D1938">
        <v>1074.6130000000001</v>
      </c>
      <c r="E1938">
        <v>1096.1020000000001</v>
      </c>
      <c r="F1938">
        <v>1107.9490000000001</v>
      </c>
      <c r="G1938">
        <v>1123.0229999999999</v>
      </c>
      <c r="H1938">
        <v>1143.635</v>
      </c>
      <c r="I1938">
        <v>1148.5</v>
      </c>
      <c r="J1938">
        <v>1154.471</v>
      </c>
      <c r="K1938">
        <v>1162.6579999999999</v>
      </c>
      <c r="L1938">
        <v>1173.1500000000001</v>
      </c>
      <c r="M1938">
        <v>1157.097</v>
      </c>
      <c r="N1938">
        <v>1153.857</v>
      </c>
      <c r="O1938">
        <v>1040.4459999999999</v>
      </c>
      <c r="P1938">
        <v>0</v>
      </c>
      <c r="Q1938">
        <v>0</v>
      </c>
      <c r="R1938">
        <v>1117.373</v>
      </c>
      <c r="S1938">
        <v>0</v>
      </c>
      <c r="T1938">
        <v>1141.5170000000001</v>
      </c>
      <c r="U1938">
        <v>1162.3889999999999</v>
      </c>
      <c r="V1938">
        <v>1170.24</v>
      </c>
      <c r="W1938">
        <v>1180.0360000000001</v>
      </c>
      <c r="X1938">
        <v>1193.798</v>
      </c>
      <c r="Y1938">
        <v>1198.7280000000001</v>
      </c>
    </row>
    <row r="1939" spans="1:25" x14ac:dyDescent="0.3">
      <c r="A1939">
        <v>51.900000006022552</v>
      </c>
      <c r="B1939">
        <v>1004.275</v>
      </c>
      <c r="C1939">
        <v>1057.7840000000001</v>
      </c>
      <c r="D1939">
        <v>1073.941</v>
      </c>
      <c r="E1939">
        <v>1097.3050000000001</v>
      </c>
      <c r="F1939">
        <v>1107.9290000000001</v>
      </c>
      <c r="G1939">
        <v>1122.2840000000001</v>
      </c>
      <c r="H1939">
        <v>1139.4369999999999</v>
      </c>
      <c r="I1939">
        <v>1142.6420000000001</v>
      </c>
      <c r="J1939">
        <v>1149.625</v>
      </c>
      <c r="K1939">
        <v>1157.576</v>
      </c>
      <c r="L1939">
        <v>1172.0899999999999</v>
      </c>
      <c r="M1939">
        <v>1154.8920000000001</v>
      </c>
      <c r="N1939">
        <v>1146.6489999999999</v>
      </c>
      <c r="O1939">
        <v>1035.8969999999999</v>
      </c>
      <c r="P1939">
        <v>0</v>
      </c>
      <c r="Q1939">
        <v>0</v>
      </c>
      <c r="R1939">
        <v>1115.4829999999999</v>
      </c>
      <c r="S1939">
        <v>0</v>
      </c>
      <c r="T1939">
        <v>1138.2159999999999</v>
      </c>
      <c r="U1939">
        <v>1156.3109999999999</v>
      </c>
      <c r="V1939">
        <v>1164.095</v>
      </c>
      <c r="W1939">
        <v>1179.6679999999999</v>
      </c>
      <c r="X1939">
        <v>1194.81</v>
      </c>
      <c r="Y1939">
        <v>1197.9090000000001</v>
      </c>
    </row>
    <row r="1940" spans="1:25" x14ac:dyDescent="0.3">
      <c r="A1940">
        <v>51.933333336670572</v>
      </c>
      <c r="B1940">
        <v>1014.6609999999999</v>
      </c>
      <c r="C1940">
        <v>1060.607</v>
      </c>
      <c r="D1940">
        <v>1072.0609999999999</v>
      </c>
      <c r="E1940">
        <v>1096.1410000000001</v>
      </c>
      <c r="F1940">
        <v>1105.6559999999999</v>
      </c>
      <c r="G1940">
        <v>1120.8879999999999</v>
      </c>
      <c r="H1940">
        <v>1143.5219999999999</v>
      </c>
      <c r="I1940">
        <v>1147.662</v>
      </c>
      <c r="J1940">
        <v>1154.664</v>
      </c>
      <c r="K1940">
        <v>1159.4770000000001</v>
      </c>
      <c r="L1940">
        <v>1169.336</v>
      </c>
      <c r="M1940">
        <v>1153.3219999999999</v>
      </c>
      <c r="N1940">
        <v>1146.059</v>
      </c>
      <c r="O1940">
        <v>1039.636</v>
      </c>
      <c r="P1940">
        <v>0</v>
      </c>
      <c r="Q1940">
        <v>0</v>
      </c>
      <c r="R1940">
        <v>1117.6579999999999</v>
      </c>
      <c r="S1940">
        <v>0</v>
      </c>
      <c r="T1940">
        <v>1134.9839999999999</v>
      </c>
      <c r="U1940">
        <v>1149.875</v>
      </c>
      <c r="V1940">
        <v>1161.49</v>
      </c>
      <c r="W1940">
        <v>1178.838</v>
      </c>
      <c r="X1940">
        <v>1199.1780000000001</v>
      </c>
      <c r="Y1940">
        <v>1193.2159999999999</v>
      </c>
    </row>
    <row r="1941" spans="1:25" x14ac:dyDescent="0.3">
      <c r="A1941">
        <v>51.966666667318592</v>
      </c>
      <c r="B1941">
        <v>1027.1880000000001</v>
      </c>
      <c r="C1941">
        <v>1063.538</v>
      </c>
      <c r="D1941">
        <v>1072.4690000000001</v>
      </c>
      <c r="E1941">
        <v>1094.654</v>
      </c>
      <c r="F1941">
        <v>1107.9480000000001</v>
      </c>
      <c r="G1941">
        <v>1123.6869999999999</v>
      </c>
      <c r="H1941">
        <v>1146.3240000000001</v>
      </c>
      <c r="I1941">
        <v>1147.5830000000001</v>
      </c>
      <c r="J1941">
        <v>1152.7439999999999</v>
      </c>
      <c r="K1941">
        <v>1162.9259999999999</v>
      </c>
      <c r="L1941">
        <v>1170.644</v>
      </c>
      <c r="M1941">
        <v>1156.1189999999999</v>
      </c>
      <c r="N1941">
        <v>1149.9870000000001</v>
      </c>
      <c r="O1941">
        <v>1043.182</v>
      </c>
      <c r="P1941">
        <v>0</v>
      </c>
      <c r="Q1941">
        <v>0</v>
      </c>
      <c r="R1941">
        <v>1120.2629999999999</v>
      </c>
      <c r="S1941">
        <v>0</v>
      </c>
      <c r="T1941">
        <v>1142.68</v>
      </c>
      <c r="U1941">
        <v>1159.4169999999999</v>
      </c>
      <c r="V1941">
        <v>1163.75</v>
      </c>
      <c r="W1941">
        <v>1178.0450000000001</v>
      </c>
      <c r="X1941">
        <v>1196.934</v>
      </c>
      <c r="Y1941">
        <v>1196.174</v>
      </c>
    </row>
    <row r="1942" spans="1:25" x14ac:dyDescent="0.3">
      <c r="A1942">
        <v>51.983333337881291</v>
      </c>
      <c r="B1942">
        <v>1029.047</v>
      </c>
      <c r="C1942">
        <v>1063.296</v>
      </c>
      <c r="D1942">
        <v>1072.5250000000001</v>
      </c>
      <c r="E1942">
        <v>1094.636</v>
      </c>
      <c r="F1942">
        <v>1106.7070000000001</v>
      </c>
      <c r="G1942">
        <v>1128.547</v>
      </c>
      <c r="H1942">
        <v>1146.3810000000001</v>
      </c>
      <c r="I1942">
        <v>1144.798</v>
      </c>
      <c r="J1942">
        <v>1149.3</v>
      </c>
      <c r="K1942">
        <v>1159.4929999999999</v>
      </c>
      <c r="L1942">
        <v>1167.252</v>
      </c>
      <c r="M1942">
        <v>1153.741</v>
      </c>
      <c r="N1942">
        <v>1162.7149999999999</v>
      </c>
      <c r="O1942">
        <v>1042.683</v>
      </c>
      <c r="P1942">
        <v>0</v>
      </c>
      <c r="Q1942">
        <v>0</v>
      </c>
      <c r="R1942">
        <v>1121.7550000000001</v>
      </c>
      <c r="S1942">
        <v>0</v>
      </c>
      <c r="T1942">
        <v>1142.509</v>
      </c>
      <c r="U1942">
        <v>1161.2380000000001</v>
      </c>
      <c r="V1942">
        <v>1166.443</v>
      </c>
      <c r="W1942">
        <v>1181.0820000000001</v>
      </c>
      <c r="X1942">
        <v>1197.441</v>
      </c>
      <c r="Y1942">
        <v>1195.979</v>
      </c>
    </row>
    <row r="1943" spans="1:25" x14ac:dyDescent="0.3">
      <c r="A1943">
        <v>52.016666668529311</v>
      </c>
      <c r="B1943">
        <v>1026.104</v>
      </c>
      <c r="C1943">
        <v>1061.7560000000001</v>
      </c>
      <c r="D1943">
        <v>1071.3140000000001</v>
      </c>
      <c r="E1943">
        <v>1094.5989999999999</v>
      </c>
      <c r="F1943">
        <v>1105.8620000000001</v>
      </c>
      <c r="G1943">
        <v>1128.7370000000001</v>
      </c>
      <c r="H1943">
        <v>1146.268</v>
      </c>
      <c r="I1943">
        <v>1146.5350000000001</v>
      </c>
      <c r="J1943">
        <v>1151.652</v>
      </c>
      <c r="K1943">
        <v>1166.25</v>
      </c>
      <c r="L1943">
        <v>1176.6389999999999</v>
      </c>
      <c r="M1943">
        <v>1157.404</v>
      </c>
      <c r="N1943">
        <v>1155.2180000000001</v>
      </c>
      <c r="O1943">
        <v>1040.502</v>
      </c>
      <c r="P1943">
        <v>0</v>
      </c>
      <c r="Q1943">
        <v>0</v>
      </c>
      <c r="R1943">
        <v>1122.02</v>
      </c>
      <c r="S1943">
        <v>0</v>
      </c>
      <c r="T1943">
        <v>1139.7049999999999</v>
      </c>
      <c r="U1943">
        <v>1160.875</v>
      </c>
      <c r="V1943">
        <v>1167.002</v>
      </c>
      <c r="W1943">
        <v>1180.366</v>
      </c>
      <c r="X1943">
        <v>1192.3030000000001</v>
      </c>
      <c r="Y1943">
        <v>1196.194</v>
      </c>
    </row>
    <row r="1944" spans="1:25" x14ac:dyDescent="0.3">
      <c r="A1944">
        <v>52.03333333909201</v>
      </c>
      <c r="B1944">
        <v>1027.0609999999999</v>
      </c>
      <c r="C1944">
        <v>1062.0920000000001</v>
      </c>
      <c r="D1944">
        <v>1072.9000000000001</v>
      </c>
      <c r="E1944">
        <v>1095.7460000000001</v>
      </c>
      <c r="F1944">
        <v>1107.18</v>
      </c>
      <c r="G1944">
        <v>1129.0989999999999</v>
      </c>
      <c r="H1944">
        <v>1143.1980000000001</v>
      </c>
      <c r="I1944">
        <v>1144.7429999999999</v>
      </c>
      <c r="J1944">
        <v>1151.903</v>
      </c>
      <c r="K1944">
        <v>1169.702</v>
      </c>
      <c r="L1944">
        <v>1178.298</v>
      </c>
      <c r="M1944">
        <v>1159.6110000000001</v>
      </c>
      <c r="N1944">
        <v>1161.279</v>
      </c>
      <c r="O1944">
        <v>1038.421</v>
      </c>
      <c r="P1944">
        <v>0</v>
      </c>
      <c r="Q1944">
        <v>0</v>
      </c>
      <c r="R1944">
        <v>1118.829</v>
      </c>
      <c r="S1944">
        <v>0</v>
      </c>
      <c r="T1944">
        <v>1135.4590000000001</v>
      </c>
      <c r="U1944">
        <v>1155.8140000000001</v>
      </c>
      <c r="V1944">
        <v>1164.078</v>
      </c>
      <c r="W1944">
        <v>1178.202</v>
      </c>
      <c r="X1944">
        <v>1190.9290000000001</v>
      </c>
      <c r="Y1944">
        <v>1194.481</v>
      </c>
    </row>
    <row r="1945" spans="1:25" x14ac:dyDescent="0.3">
      <c r="A1945">
        <v>52.06666666974003</v>
      </c>
      <c r="B1945">
        <v>1019.556</v>
      </c>
      <c r="C1945">
        <v>1063.538</v>
      </c>
      <c r="D1945">
        <v>1072.675</v>
      </c>
      <c r="E1945">
        <v>1095.914</v>
      </c>
      <c r="F1945">
        <v>1106.3689999999999</v>
      </c>
      <c r="G1945">
        <v>1127.731</v>
      </c>
      <c r="H1945">
        <v>1141.7460000000001</v>
      </c>
      <c r="I1945">
        <v>1146.3630000000001</v>
      </c>
      <c r="J1945">
        <v>1152.8219999999999</v>
      </c>
      <c r="K1945">
        <v>1165.942</v>
      </c>
      <c r="L1945">
        <v>1175.194</v>
      </c>
      <c r="M1945">
        <v>1160.357</v>
      </c>
      <c r="N1945">
        <v>1159.1110000000001</v>
      </c>
      <c r="O1945">
        <v>1040.317</v>
      </c>
      <c r="P1945">
        <v>0</v>
      </c>
      <c r="Q1945">
        <v>0</v>
      </c>
      <c r="R1945">
        <v>1116.201</v>
      </c>
      <c r="S1945">
        <v>0</v>
      </c>
      <c r="T1945">
        <v>1131.6410000000001</v>
      </c>
      <c r="U1945">
        <v>1148.1369999999999</v>
      </c>
      <c r="V1945">
        <v>1157.385</v>
      </c>
      <c r="W1945">
        <v>1176.9860000000001</v>
      </c>
      <c r="X1945">
        <v>1190.191</v>
      </c>
      <c r="Y1945">
        <v>1191.2950000000001</v>
      </c>
    </row>
    <row r="1946" spans="1:25" x14ac:dyDescent="0.3">
      <c r="A1946">
        <v>52.10000000038805</v>
      </c>
      <c r="B1946">
        <v>1003.875</v>
      </c>
      <c r="C1946">
        <v>1047.99</v>
      </c>
      <c r="D1946">
        <v>1066.5840000000001</v>
      </c>
      <c r="E1946">
        <v>1092.953</v>
      </c>
      <c r="F1946">
        <v>1104.02</v>
      </c>
      <c r="G1946">
        <v>1123.576</v>
      </c>
      <c r="H1946">
        <v>1139.4780000000001</v>
      </c>
      <c r="I1946">
        <v>1142.1489999999999</v>
      </c>
      <c r="J1946">
        <v>1153.2840000000001</v>
      </c>
      <c r="K1946">
        <v>1161.202</v>
      </c>
      <c r="L1946">
        <v>1174.366</v>
      </c>
      <c r="M1946">
        <v>1157.1569999999999</v>
      </c>
      <c r="N1946">
        <v>1156.1020000000001</v>
      </c>
      <c r="O1946">
        <v>1032.4929999999999</v>
      </c>
      <c r="P1946">
        <v>0</v>
      </c>
      <c r="Q1946">
        <v>0</v>
      </c>
      <c r="R1946">
        <v>1113.501</v>
      </c>
      <c r="S1946">
        <v>0</v>
      </c>
      <c r="T1946">
        <v>1131.0550000000001</v>
      </c>
      <c r="U1946">
        <v>1147.1469999999999</v>
      </c>
      <c r="V1946">
        <v>1155.201</v>
      </c>
      <c r="W1946">
        <v>1178.298</v>
      </c>
      <c r="X1946">
        <v>1190.5989999999999</v>
      </c>
      <c r="Y1946">
        <v>1192.557</v>
      </c>
    </row>
    <row r="1947" spans="1:25" x14ac:dyDescent="0.3">
      <c r="A1947">
        <v>52.11666667095075</v>
      </c>
      <c r="B1947">
        <v>1009.741</v>
      </c>
      <c r="C1947">
        <v>1051.4849999999999</v>
      </c>
      <c r="D1947">
        <v>1064.617</v>
      </c>
      <c r="E1947">
        <v>1091.549</v>
      </c>
      <c r="F1947">
        <v>1104.3589999999999</v>
      </c>
      <c r="G1947">
        <v>1122.798</v>
      </c>
      <c r="H1947">
        <v>1137.895</v>
      </c>
      <c r="I1947">
        <v>1141.73</v>
      </c>
      <c r="J1947">
        <v>1147.93</v>
      </c>
      <c r="K1947">
        <v>1153.4380000000001</v>
      </c>
      <c r="L1947">
        <v>1164.981</v>
      </c>
      <c r="M1947">
        <v>1149.914</v>
      </c>
      <c r="N1947">
        <v>1151.635</v>
      </c>
      <c r="O1947">
        <v>1037.299</v>
      </c>
      <c r="P1947">
        <v>0</v>
      </c>
      <c r="Q1947">
        <v>0</v>
      </c>
      <c r="R1947">
        <v>1107.5</v>
      </c>
      <c r="S1947">
        <v>0</v>
      </c>
      <c r="T1947">
        <v>1127.297</v>
      </c>
      <c r="U1947">
        <v>1148.0820000000001</v>
      </c>
      <c r="V1947">
        <v>1157.3869999999999</v>
      </c>
      <c r="W1947">
        <v>1173.5</v>
      </c>
      <c r="X1947">
        <v>1192.0920000000001</v>
      </c>
      <c r="Y1947">
        <v>1190.251</v>
      </c>
    </row>
    <row r="1948" spans="1:25" x14ac:dyDescent="0.3">
      <c r="A1948">
        <v>52.150000001598769</v>
      </c>
      <c r="B1948">
        <v>1014.313</v>
      </c>
      <c r="C1948">
        <v>1054.1300000000001</v>
      </c>
      <c r="D1948">
        <v>1063.9849999999999</v>
      </c>
      <c r="E1948">
        <v>1092.0730000000001</v>
      </c>
      <c r="F1948">
        <v>1100.9359999999999</v>
      </c>
      <c r="G1948">
        <v>1119.056</v>
      </c>
      <c r="H1948">
        <v>1133.693</v>
      </c>
      <c r="I1948">
        <v>1143.885</v>
      </c>
      <c r="J1948">
        <v>1148.0050000000001</v>
      </c>
      <c r="K1948">
        <v>1157.08</v>
      </c>
      <c r="L1948">
        <v>1166.6759999999999</v>
      </c>
      <c r="M1948">
        <v>1147.586</v>
      </c>
      <c r="N1948">
        <v>1124.98</v>
      </c>
      <c r="O1948">
        <v>1033.45</v>
      </c>
      <c r="P1948">
        <v>0</v>
      </c>
      <c r="Q1948">
        <v>0</v>
      </c>
      <c r="R1948">
        <v>1108.1010000000001</v>
      </c>
      <c r="S1948">
        <v>0</v>
      </c>
      <c r="T1948">
        <v>1126.29</v>
      </c>
      <c r="U1948">
        <v>1147.8150000000001</v>
      </c>
      <c r="V1948">
        <v>1159.4190000000001</v>
      </c>
      <c r="W1948">
        <v>1177.258</v>
      </c>
      <c r="X1948">
        <v>1194.9490000000001</v>
      </c>
      <c r="Y1948">
        <v>1192.77</v>
      </c>
    </row>
    <row r="1949" spans="1:25" x14ac:dyDescent="0.3">
      <c r="A1949">
        <v>52.166666672161469</v>
      </c>
      <c r="B1949">
        <v>1011.31</v>
      </c>
      <c r="C1949">
        <v>1054.9259999999999</v>
      </c>
      <c r="D1949">
        <v>1061.181</v>
      </c>
      <c r="E1949">
        <v>1091.3219999999999</v>
      </c>
      <c r="F1949">
        <v>1100.3140000000001</v>
      </c>
      <c r="G1949">
        <v>1118.7139999999999</v>
      </c>
      <c r="H1949">
        <v>1131.2049999999999</v>
      </c>
      <c r="I1949">
        <v>1141.556</v>
      </c>
      <c r="J1949">
        <v>1149.415</v>
      </c>
      <c r="K1949">
        <v>1153.627</v>
      </c>
      <c r="L1949">
        <v>1162.0630000000001</v>
      </c>
      <c r="M1949">
        <v>1150.904</v>
      </c>
      <c r="N1949">
        <v>1127.067</v>
      </c>
      <c r="O1949">
        <v>1034.1849999999999</v>
      </c>
      <c r="P1949">
        <v>0</v>
      </c>
      <c r="Q1949">
        <v>0</v>
      </c>
      <c r="R1949">
        <v>1108.569</v>
      </c>
      <c r="S1949">
        <v>0</v>
      </c>
      <c r="T1949">
        <v>1125.7380000000001</v>
      </c>
      <c r="U1949">
        <v>1146.249</v>
      </c>
      <c r="V1949">
        <v>1157.347</v>
      </c>
      <c r="W1949">
        <v>1174.153</v>
      </c>
      <c r="X1949">
        <v>1190.346</v>
      </c>
      <c r="Y1949">
        <v>1191.1600000000001</v>
      </c>
    </row>
    <row r="1950" spans="1:25" x14ac:dyDescent="0.3">
      <c r="A1950">
        <v>52.200000002809489</v>
      </c>
      <c r="B1950">
        <v>1019.024</v>
      </c>
      <c r="C1950">
        <v>1053.3869999999999</v>
      </c>
      <c r="D1950">
        <v>1060.402</v>
      </c>
      <c r="E1950">
        <v>1090.5920000000001</v>
      </c>
      <c r="F1950">
        <v>1096.6099999999999</v>
      </c>
      <c r="G1950">
        <v>1117.0889999999999</v>
      </c>
      <c r="H1950">
        <v>1130.4829999999999</v>
      </c>
      <c r="I1950">
        <v>1140.201</v>
      </c>
      <c r="J1950">
        <v>1150.77</v>
      </c>
      <c r="K1950">
        <v>1158.9000000000001</v>
      </c>
      <c r="L1950">
        <v>1168.2929999999999</v>
      </c>
      <c r="M1950">
        <v>1156.5409999999999</v>
      </c>
      <c r="N1950">
        <v>1127.3130000000001</v>
      </c>
      <c r="O1950">
        <v>1033.4480000000001</v>
      </c>
      <c r="P1950">
        <v>0</v>
      </c>
      <c r="Q1950">
        <v>0</v>
      </c>
      <c r="R1950">
        <v>1107.2529999999999</v>
      </c>
      <c r="S1950">
        <v>0</v>
      </c>
      <c r="T1950">
        <v>1125.2439999999999</v>
      </c>
      <c r="U1950">
        <v>1142.509</v>
      </c>
      <c r="V1950">
        <v>1152.2080000000001</v>
      </c>
      <c r="W1950">
        <v>1171.3389999999999</v>
      </c>
      <c r="X1950">
        <v>1187.788</v>
      </c>
      <c r="Y1950">
        <v>1189.028</v>
      </c>
    </row>
    <row r="1951" spans="1:25" x14ac:dyDescent="0.3">
      <c r="A1951">
        <v>52.233333333457509</v>
      </c>
      <c r="B1951">
        <v>1018.2380000000001</v>
      </c>
      <c r="C1951">
        <v>1049.395</v>
      </c>
      <c r="D1951">
        <v>1056.895</v>
      </c>
      <c r="E1951">
        <v>1087.5609999999999</v>
      </c>
      <c r="F1951">
        <v>1094.9380000000001</v>
      </c>
      <c r="G1951">
        <v>1114.5219999999999</v>
      </c>
      <c r="H1951">
        <v>1129.0989999999999</v>
      </c>
      <c r="I1951">
        <v>1138.6579999999999</v>
      </c>
      <c r="J1951">
        <v>1146.136</v>
      </c>
      <c r="K1951">
        <v>1159.4770000000001</v>
      </c>
      <c r="L1951">
        <v>1168.5840000000001</v>
      </c>
      <c r="M1951">
        <v>1151.673</v>
      </c>
      <c r="N1951">
        <v>1113.7850000000001</v>
      </c>
      <c r="O1951">
        <v>1032.2349999999999</v>
      </c>
      <c r="P1951">
        <v>0</v>
      </c>
      <c r="Q1951">
        <v>0</v>
      </c>
      <c r="R1951">
        <v>1105.8820000000001</v>
      </c>
      <c r="S1951">
        <v>0</v>
      </c>
      <c r="T1951">
        <v>1124.126</v>
      </c>
      <c r="U1951">
        <v>1143.4269999999999</v>
      </c>
      <c r="V1951">
        <v>1151.481</v>
      </c>
      <c r="W1951">
        <v>1171.6679999999999</v>
      </c>
      <c r="X1951">
        <v>1187.79</v>
      </c>
      <c r="Y1951">
        <v>1182.0920000000001</v>
      </c>
    </row>
    <row r="1952" spans="1:25" x14ac:dyDescent="0.3">
      <c r="A1952">
        <v>52.250000004020208</v>
      </c>
      <c r="B1952">
        <v>1023.061</v>
      </c>
      <c r="C1952">
        <v>1050.7080000000001</v>
      </c>
      <c r="D1952">
        <v>1055.2249999999999</v>
      </c>
      <c r="E1952">
        <v>1086.3630000000001</v>
      </c>
      <c r="F1952">
        <v>1094.825</v>
      </c>
      <c r="G1952">
        <v>1113.3879999999999</v>
      </c>
      <c r="H1952">
        <v>1130.068</v>
      </c>
      <c r="I1952">
        <v>1141.557</v>
      </c>
      <c r="J1952">
        <v>1149.741</v>
      </c>
      <c r="K1952">
        <v>1159.7639999999999</v>
      </c>
      <c r="L1952">
        <v>1173.518</v>
      </c>
      <c r="M1952">
        <v>1153.5329999999999</v>
      </c>
      <c r="N1952">
        <v>1110.1949999999999</v>
      </c>
      <c r="O1952">
        <v>1033.248</v>
      </c>
      <c r="P1952">
        <v>0</v>
      </c>
      <c r="Q1952">
        <v>0</v>
      </c>
      <c r="R1952">
        <v>1108.8920000000001</v>
      </c>
      <c r="S1952">
        <v>0</v>
      </c>
      <c r="T1952">
        <v>1125.702</v>
      </c>
      <c r="U1952">
        <v>1140.9849999999999</v>
      </c>
      <c r="V1952">
        <v>1148.463</v>
      </c>
      <c r="W1952">
        <v>1168.796</v>
      </c>
      <c r="X1952">
        <v>1188.4680000000001</v>
      </c>
      <c r="Y1952">
        <v>1182.557</v>
      </c>
    </row>
    <row r="1953" spans="1:25" x14ac:dyDescent="0.3">
      <c r="A1953">
        <v>52.283333334668228</v>
      </c>
      <c r="B1953">
        <v>1010.526</v>
      </c>
      <c r="C1953">
        <v>1052.0940000000001</v>
      </c>
      <c r="D1953">
        <v>1053.5550000000001</v>
      </c>
      <c r="E1953">
        <v>1084.491</v>
      </c>
      <c r="F1953">
        <v>1093.1959999999999</v>
      </c>
      <c r="G1953">
        <v>1110.5920000000001</v>
      </c>
      <c r="H1953">
        <v>1124.961</v>
      </c>
      <c r="I1953">
        <v>1135.117</v>
      </c>
      <c r="J1953">
        <v>1144.4760000000001</v>
      </c>
      <c r="K1953">
        <v>1156.6959999999999</v>
      </c>
      <c r="L1953">
        <v>1166.252</v>
      </c>
      <c r="M1953">
        <v>1148.692</v>
      </c>
      <c r="N1953">
        <v>1108.665</v>
      </c>
      <c r="O1953">
        <v>1022.437</v>
      </c>
      <c r="P1953">
        <v>0</v>
      </c>
      <c r="Q1953">
        <v>0</v>
      </c>
      <c r="R1953">
        <v>1103.5129999999999</v>
      </c>
      <c r="S1953">
        <v>0</v>
      </c>
      <c r="T1953">
        <v>1122.3810000000001</v>
      </c>
      <c r="U1953">
        <v>1137.0930000000001</v>
      </c>
      <c r="V1953">
        <v>1144.819</v>
      </c>
      <c r="W1953">
        <v>1166.5029999999999</v>
      </c>
      <c r="X1953">
        <v>1186.7629999999999</v>
      </c>
      <c r="Y1953">
        <v>1183.5840000000001</v>
      </c>
    </row>
    <row r="1954" spans="1:25" x14ac:dyDescent="0.3">
      <c r="A1954">
        <v>52.300000005230928</v>
      </c>
      <c r="B1954">
        <v>1009.263</v>
      </c>
      <c r="C1954">
        <v>1051.704</v>
      </c>
      <c r="D1954">
        <v>1051.002</v>
      </c>
      <c r="E1954">
        <v>1082.654</v>
      </c>
      <c r="F1954">
        <v>1093.4380000000001</v>
      </c>
      <c r="G1954">
        <v>1112.5740000000001</v>
      </c>
      <c r="H1954">
        <v>1128.9839999999999</v>
      </c>
      <c r="I1954">
        <v>1137.3969999999999</v>
      </c>
      <c r="J1954">
        <v>1148.7860000000001</v>
      </c>
      <c r="K1954">
        <v>1161.028</v>
      </c>
      <c r="L1954">
        <v>1165.788</v>
      </c>
      <c r="M1954">
        <v>1151.364</v>
      </c>
      <c r="N1954">
        <v>1112.0830000000001</v>
      </c>
      <c r="O1954">
        <v>1025.6079999999999</v>
      </c>
      <c r="P1954">
        <v>0</v>
      </c>
      <c r="Q1954">
        <v>0</v>
      </c>
      <c r="R1954">
        <v>1100.0319999999999</v>
      </c>
      <c r="S1954">
        <v>0</v>
      </c>
      <c r="T1954">
        <v>1122.568</v>
      </c>
      <c r="U1954">
        <v>1138.2739999999999</v>
      </c>
      <c r="V1954">
        <v>1145.6379999999999</v>
      </c>
      <c r="W1954">
        <v>1160.376</v>
      </c>
      <c r="X1954">
        <v>1182.653</v>
      </c>
      <c r="Y1954">
        <v>1186.548</v>
      </c>
    </row>
    <row r="1955" spans="1:25" x14ac:dyDescent="0.3">
      <c r="A1955">
        <v>52.333333335878947</v>
      </c>
      <c r="B1955">
        <v>1019.888</v>
      </c>
      <c r="C1955">
        <v>1052.9079999999999</v>
      </c>
      <c r="D1955">
        <v>1055.2619999999999</v>
      </c>
      <c r="E1955">
        <v>1085.8389999999999</v>
      </c>
      <c r="F1955">
        <v>1094.2070000000001</v>
      </c>
      <c r="G1955">
        <v>1111.82</v>
      </c>
      <c r="H1955">
        <v>1127.144</v>
      </c>
      <c r="I1955">
        <v>1133.883</v>
      </c>
      <c r="J1955">
        <v>1145.201</v>
      </c>
      <c r="K1955">
        <v>1155.9100000000001</v>
      </c>
      <c r="L1955">
        <v>1166.2909999999999</v>
      </c>
      <c r="M1955">
        <v>1152.9960000000001</v>
      </c>
      <c r="N1955">
        <v>1108.4960000000001</v>
      </c>
      <c r="O1955">
        <v>1029.8050000000001</v>
      </c>
      <c r="P1955">
        <v>0</v>
      </c>
      <c r="Q1955">
        <v>0</v>
      </c>
      <c r="R1955">
        <v>1100.9359999999999</v>
      </c>
      <c r="S1955">
        <v>0</v>
      </c>
      <c r="T1955">
        <v>1119.623</v>
      </c>
      <c r="U1955">
        <v>1136.96</v>
      </c>
      <c r="V1955">
        <v>1146.5550000000001</v>
      </c>
      <c r="W1955">
        <v>1166.098</v>
      </c>
      <c r="X1955">
        <v>1181.55</v>
      </c>
      <c r="Y1955">
        <v>1185.193</v>
      </c>
    </row>
    <row r="1956" spans="1:25" x14ac:dyDescent="0.3">
      <c r="A1956">
        <v>52.366666666526967</v>
      </c>
      <c r="B1956">
        <v>1022.199</v>
      </c>
      <c r="C1956">
        <v>1053.481</v>
      </c>
      <c r="D1956">
        <v>1053.1489999999999</v>
      </c>
      <c r="E1956">
        <v>1082.6559999999999</v>
      </c>
      <c r="F1956">
        <v>1089.6769999999999</v>
      </c>
      <c r="G1956">
        <v>1109.327</v>
      </c>
      <c r="H1956">
        <v>1127.088</v>
      </c>
      <c r="I1956">
        <v>1136.808</v>
      </c>
      <c r="J1956">
        <v>1148.3489999999999</v>
      </c>
      <c r="K1956">
        <v>1159.4770000000001</v>
      </c>
      <c r="L1956">
        <v>1167.0429999999999</v>
      </c>
      <c r="M1956">
        <v>1149.3800000000001</v>
      </c>
      <c r="N1956">
        <v>1121.04</v>
      </c>
      <c r="O1956">
        <v>1032.1990000000001</v>
      </c>
      <c r="P1956">
        <v>0</v>
      </c>
      <c r="Q1956">
        <v>0</v>
      </c>
      <c r="R1956">
        <v>1102.912</v>
      </c>
      <c r="S1956">
        <v>0</v>
      </c>
      <c r="T1956">
        <v>1121.4559999999999</v>
      </c>
      <c r="U1956">
        <v>1138.3340000000001</v>
      </c>
      <c r="V1956">
        <v>1147.0519999999999</v>
      </c>
      <c r="W1956">
        <v>1166.3879999999999</v>
      </c>
      <c r="X1956">
        <v>1183.508</v>
      </c>
      <c r="Y1956">
        <v>1184.67</v>
      </c>
    </row>
    <row r="1957" spans="1:25" x14ac:dyDescent="0.3">
      <c r="A1957">
        <v>52.383333337089667</v>
      </c>
      <c r="B1957">
        <v>1023.593</v>
      </c>
      <c r="C1957">
        <v>1053.722</v>
      </c>
      <c r="D1957">
        <v>1054.056</v>
      </c>
      <c r="E1957">
        <v>1082.5070000000001</v>
      </c>
      <c r="F1957">
        <v>1090.3699999999999</v>
      </c>
      <c r="G1957">
        <v>1110.857</v>
      </c>
      <c r="H1957">
        <v>1131.625</v>
      </c>
      <c r="I1957">
        <v>1141.8440000000001</v>
      </c>
      <c r="J1957">
        <v>1148.3109999999999</v>
      </c>
      <c r="K1957">
        <v>1158.423</v>
      </c>
      <c r="L1957">
        <v>1171.4179999999999</v>
      </c>
      <c r="M1957">
        <v>1151.329</v>
      </c>
      <c r="N1957">
        <v>1112.2929999999999</v>
      </c>
      <c r="O1957">
        <v>1028.203</v>
      </c>
      <c r="P1957">
        <v>0</v>
      </c>
      <c r="Q1957">
        <v>0</v>
      </c>
      <c r="R1957">
        <v>1103.306</v>
      </c>
      <c r="S1957">
        <v>0</v>
      </c>
      <c r="T1957">
        <v>1122.306</v>
      </c>
      <c r="U1957">
        <v>1140.47</v>
      </c>
      <c r="V1957">
        <v>1151.444</v>
      </c>
      <c r="W1957">
        <v>1171.6110000000001</v>
      </c>
      <c r="X1957">
        <v>1186.6469999999999</v>
      </c>
      <c r="Y1957">
        <v>1181.9570000000001</v>
      </c>
    </row>
    <row r="1958" spans="1:25" x14ac:dyDescent="0.3">
      <c r="A1958">
        <v>52.416666667737687</v>
      </c>
      <c r="B1958">
        <v>1013.284</v>
      </c>
      <c r="C1958">
        <v>1050.2070000000001</v>
      </c>
      <c r="D1958">
        <v>1047.527</v>
      </c>
      <c r="E1958">
        <v>1075.732</v>
      </c>
      <c r="F1958">
        <v>1087.4839999999999</v>
      </c>
      <c r="G1958">
        <v>1110.0989999999999</v>
      </c>
      <c r="H1958">
        <v>1131.2429999999999</v>
      </c>
      <c r="I1958">
        <v>1136.1210000000001</v>
      </c>
      <c r="J1958">
        <v>1145.5999999999999</v>
      </c>
      <c r="K1958">
        <v>1156.7139999999999</v>
      </c>
      <c r="L1958">
        <v>1167.8889999999999</v>
      </c>
      <c r="M1958">
        <v>1150.1400000000001</v>
      </c>
      <c r="N1958">
        <v>1119.5640000000001</v>
      </c>
      <c r="O1958">
        <v>1021.115</v>
      </c>
      <c r="P1958">
        <v>0</v>
      </c>
      <c r="Q1958">
        <v>0</v>
      </c>
      <c r="R1958">
        <v>1104.5260000000001</v>
      </c>
      <c r="S1958">
        <v>0</v>
      </c>
      <c r="T1958">
        <v>1123.0419999999999</v>
      </c>
      <c r="U1958">
        <v>1139.4380000000001</v>
      </c>
      <c r="V1958">
        <v>1146.9349999999999</v>
      </c>
      <c r="W1958">
        <v>1169.932</v>
      </c>
      <c r="X1958">
        <v>1187.633</v>
      </c>
      <c r="Y1958">
        <v>1183.97</v>
      </c>
    </row>
    <row r="1959" spans="1:25" x14ac:dyDescent="0.3">
      <c r="A1959">
        <v>52.449999998385707</v>
      </c>
      <c r="B1959">
        <v>1004.369</v>
      </c>
      <c r="C1959">
        <v>1049.192</v>
      </c>
      <c r="D1959">
        <v>1046.9549999999999</v>
      </c>
      <c r="E1959">
        <v>1075.826</v>
      </c>
      <c r="F1959">
        <v>1088.4780000000001</v>
      </c>
      <c r="G1959">
        <v>1107.9690000000001</v>
      </c>
      <c r="H1959">
        <v>1129.8589999999999</v>
      </c>
      <c r="I1959">
        <v>1140.336</v>
      </c>
      <c r="J1959">
        <v>1141.9770000000001</v>
      </c>
      <c r="K1959">
        <v>1150.6189999999999</v>
      </c>
      <c r="L1959">
        <v>1162.7550000000001</v>
      </c>
      <c r="M1959">
        <v>1149.3599999999999</v>
      </c>
      <c r="N1959">
        <v>1118.7719999999999</v>
      </c>
      <c r="O1959">
        <v>1018.072</v>
      </c>
      <c r="P1959">
        <v>0</v>
      </c>
      <c r="Q1959">
        <v>0</v>
      </c>
      <c r="R1959">
        <v>1103.4190000000001</v>
      </c>
      <c r="S1959">
        <v>0</v>
      </c>
      <c r="T1959">
        <v>1121.8900000000001</v>
      </c>
      <c r="U1959">
        <v>1137.933</v>
      </c>
      <c r="V1959">
        <v>1144.6289999999999</v>
      </c>
      <c r="W1959">
        <v>1165.982</v>
      </c>
      <c r="X1959">
        <v>1184.1659999999999</v>
      </c>
      <c r="Y1959">
        <v>1186.0070000000001</v>
      </c>
    </row>
    <row r="1960" spans="1:25" x14ac:dyDescent="0.3">
      <c r="A1960">
        <v>52.466666668948406</v>
      </c>
      <c r="B1960">
        <v>993.88400000000001</v>
      </c>
      <c r="C1960">
        <v>1045.7719999999999</v>
      </c>
      <c r="D1960">
        <v>1045.2909999999999</v>
      </c>
      <c r="E1960">
        <v>1074.857</v>
      </c>
      <c r="F1960">
        <v>1085.876</v>
      </c>
      <c r="G1960">
        <v>1105.1859999999999</v>
      </c>
      <c r="H1960">
        <v>1127.5999999999999</v>
      </c>
      <c r="I1960">
        <v>1140.546</v>
      </c>
      <c r="J1960">
        <v>1141.271</v>
      </c>
      <c r="K1960">
        <v>1146.479</v>
      </c>
      <c r="L1960">
        <v>1158.8440000000001</v>
      </c>
      <c r="M1960">
        <v>1146.174</v>
      </c>
      <c r="N1960">
        <v>1110.346</v>
      </c>
      <c r="O1960">
        <v>1012.755</v>
      </c>
      <c r="P1960">
        <v>0</v>
      </c>
      <c r="Q1960">
        <v>0</v>
      </c>
      <c r="R1960">
        <v>1104.077</v>
      </c>
      <c r="S1960">
        <v>0</v>
      </c>
      <c r="T1960">
        <v>1120.643</v>
      </c>
      <c r="U1960">
        <v>1134.0730000000001</v>
      </c>
      <c r="V1960">
        <v>1143.1980000000001</v>
      </c>
      <c r="W1960">
        <v>1164.615</v>
      </c>
      <c r="X1960">
        <v>1185.174</v>
      </c>
      <c r="Y1960">
        <v>1183.623</v>
      </c>
    </row>
    <row r="1961" spans="1:25" x14ac:dyDescent="0.3">
      <c r="A1961">
        <v>52.499999999596426</v>
      </c>
      <c r="B1961">
        <v>1003.364</v>
      </c>
      <c r="C1961">
        <v>1048.49</v>
      </c>
      <c r="D1961">
        <v>1048.3050000000001</v>
      </c>
      <c r="E1961">
        <v>1076.9079999999999</v>
      </c>
      <c r="F1961">
        <v>1086.325</v>
      </c>
      <c r="G1961">
        <v>1105.5999999999999</v>
      </c>
      <c r="H1961">
        <v>1124.5250000000001</v>
      </c>
      <c r="I1961">
        <v>1137.4559999999999</v>
      </c>
      <c r="J1961">
        <v>1142.816</v>
      </c>
      <c r="K1961">
        <v>1151.75</v>
      </c>
      <c r="L1961">
        <v>1161.586</v>
      </c>
      <c r="M1961">
        <v>1147.452</v>
      </c>
      <c r="N1961">
        <v>1098.6420000000001</v>
      </c>
      <c r="O1961">
        <v>1018.109</v>
      </c>
      <c r="P1961">
        <v>0</v>
      </c>
      <c r="Q1961">
        <v>0</v>
      </c>
      <c r="R1961">
        <v>1102.9110000000001</v>
      </c>
      <c r="S1961">
        <v>0</v>
      </c>
      <c r="T1961">
        <v>1117.5820000000001</v>
      </c>
      <c r="U1961">
        <v>1132.5540000000001</v>
      </c>
      <c r="V1961">
        <v>1142.626</v>
      </c>
      <c r="W1961">
        <v>1168.893</v>
      </c>
      <c r="X1961">
        <v>1186.1420000000001</v>
      </c>
      <c r="Y1961">
        <v>1174.366</v>
      </c>
    </row>
    <row r="1962" spans="1:25" x14ac:dyDescent="0.3">
      <c r="A1962">
        <v>52.516666670159125</v>
      </c>
      <c r="B1962">
        <v>1006.744</v>
      </c>
      <c r="C1962">
        <v>1049.377</v>
      </c>
      <c r="D1962">
        <v>1046.364</v>
      </c>
      <c r="E1962">
        <v>1078.1569999999999</v>
      </c>
      <c r="F1962">
        <v>1087.355</v>
      </c>
      <c r="G1962">
        <v>1107.1610000000001</v>
      </c>
      <c r="H1962">
        <v>1125.3030000000001</v>
      </c>
      <c r="I1962">
        <v>1138.925</v>
      </c>
      <c r="J1962">
        <v>1144.953</v>
      </c>
      <c r="K1962">
        <v>1154.357</v>
      </c>
      <c r="L1962">
        <v>1163.1959999999999</v>
      </c>
      <c r="M1962">
        <v>1145.5830000000001</v>
      </c>
      <c r="N1962">
        <v>1104.114</v>
      </c>
      <c r="O1962">
        <v>1020.2</v>
      </c>
      <c r="P1962">
        <v>0</v>
      </c>
      <c r="Q1962">
        <v>0</v>
      </c>
      <c r="R1962">
        <v>1102.2719999999999</v>
      </c>
      <c r="S1962">
        <v>0</v>
      </c>
      <c r="T1962">
        <v>1118.924</v>
      </c>
      <c r="U1962">
        <v>1134.1489999999999</v>
      </c>
      <c r="V1962">
        <v>1141.0039999999999</v>
      </c>
      <c r="W1962">
        <v>1164.5</v>
      </c>
      <c r="X1962">
        <v>1182.2470000000001</v>
      </c>
      <c r="Y1962">
        <v>1181.7629999999999</v>
      </c>
    </row>
    <row r="1963" spans="1:25" x14ac:dyDescent="0.3">
      <c r="A1963">
        <v>52.550000000807145</v>
      </c>
      <c r="B1963">
        <v>1014.919</v>
      </c>
      <c r="C1963">
        <v>1049.211</v>
      </c>
      <c r="D1963">
        <v>1044.3489999999999</v>
      </c>
      <c r="E1963">
        <v>1076.74</v>
      </c>
      <c r="F1963">
        <v>1086.944</v>
      </c>
      <c r="G1963">
        <v>1108.402</v>
      </c>
      <c r="H1963">
        <v>1124.127</v>
      </c>
      <c r="I1963">
        <v>1132.422</v>
      </c>
      <c r="J1963">
        <v>1145.354</v>
      </c>
      <c r="K1963">
        <v>1151.0029999999999</v>
      </c>
      <c r="L1963">
        <v>1159.1130000000001</v>
      </c>
      <c r="M1963">
        <v>1143.0650000000001</v>
      </c>
      <c r="N1963">
        <v>1099.2070000000001</v>
      </c>
      <c r="O1963">
        <v>1016.936</v>
      </c>
      <c r="P1963">
        <v>0</v>
      </c>
      <c r="Q1963">
        <v>0</v>
      </c>
      <c r="R1963">
        <v>1101.3879999999999</v>
      </c>
      <c r="S1963">
        <v>0</v>
      </c>
      <c r="T1963">
        <v>1120.2850000000001</v>
      </c>
      <c r="U1963">
        <v>1136.3889999999999</v>
      </c>
      <c r="V1963">
        <v>1146.175</v>
      </c>
      <c r="W1963">
        <v>1172.2860000000001</v>
      </c>
      <c r="X1963">
        <v>1183.973</v>
      </c>
      <c r="Y1963">
        <v>1188.662</v>
      </c>
    </row>
    <row r="1964" spans="1:25" x14ac:dyDescent="0.3">
      <c r="A1964">
        <v>52.583333331455165</v>
      </c>
      <c r="B1964">
        <v>1015.963</v>
      </c>
      <c r="C1964">
        <v>1046.308</v>
      </c>
      <c r="D1964">
        <v>1041.4459999999999</v>
      </c>
      <c r="E1964">
        <v>1075.528</v>
      </c>
      <c r="F1964">
        <v>1085.221</v>
      </c>
      <c r="G1964">
        <v>1106.0139999999999</v>
      </c>
      <c r="H1964">
        <v>1121.172</v>
      </c>
      <c r="I1964">
        <v>1127.752</v>
      </c>
      <c r="J1964">
        <v>1136.96</v>
      </c>
      <c r="K1964">
        <v>1149.3789999999999</v>
      </c>
      <c r="L1964">
        <v>1160.665</v>
      </c>
      <c r="M1964">
        <v>1141.634</v>
      </c>
      <c r="N1964">
        <v>1096.9870000000001</v>
      </c>
      <c r="O1964">
        <v>1013.121</v>
      </c>
      <c r="P1964">
        <v>0</v>
      </c>
      <c r="Q1964">
        <v>0</v>
      </c>
      <c r="R1964">
        <v>1099.5450000000001</v>
      </c>
      <c r="S1964">
        <v>0</v>
      </c>
      <c r="T1964">
        <v>1119.1880000000001</v>
      </c>
      <c r="U1964">
        <v>1134.7560000000001</v>
      </c>
      <c r="V1964">
        <v>1145.067</v>
      </c>
      <c r="W1964">
        <v>1169.278</v>
      </c>
      <c r="X1964">
        <v>1187.2080000000001</v>
      </c>
      <c r="Y1964">
        <v>1188.1379999999999</v>
      </c>
    </row>
    <row r="1965" spans="1:25" x14ac:dyDescent="0.3">
      <c r="A1965">
        <v>52.600000002017865</v>
      </c>
      <c r="B1965">
        <v>1016.258</v>
      </c>
      <c r="C1965">
        <v>1047.954</v>
      </c>
      <c r="D1965">
        <v>1046.8630000000001</v>
      </c>
      <c r="E1965">
        <v>1077.989</v>
      </c>
      <c r="F1965">
        <v>1085.951</v>
      </c>
      <c r="G1965">
        <v>1107.2929999999999</v>
      </c>
      <c r="H1965">
        <v>1123.348</v>
      </c>
      <c r="I1965">
        <v>1133.58</v>
      </c>
      <c r="J1965">
        <v>1141.31</v>
      </c>
      <c r="K1965">
        <v>1152.076</v>
      </c>
      <c r="L1965">
        <v>1162.8900000000001</v>
      </c>
      <c r="M1965">
        <v>1144.114</v>
      </c>
      <c r="N1965">
        <v>1086.2139999999999</v>
      </c>
      <c r="O1965">
        <v>1007.4930000000001</v>
      </c>
      <c r="P1965">
        <v>0</v>
      </c>
      <c r="Q1965">
        <v>0</v>
      </c>
      <c r="R1965">
        <v>1097.684</v>
      </c>
      <c r="S1965">
        <v>0</v>
      </c>
      <c r="T1965">
        <v>1118.962</v>
      </c>
      <c r="U1965">
        <v>1134.7950000000001</v>
      </c>
      <c r="V1965">
        <v>1147.2239999999999</v>
      </c>
      <c r="W1965">
        <v>1173.962</v>
      </c>
      <c r="X1965">
        <v>1188.0809999999999</v>
      </c>
      <c r="Y1965">
        <v>1190.7159999999999</v>
      </c>
    </row>
    <row r="1966" spans="1:25" x14ac:dyDescent="0.3">
      <c r="A1966">
        <v>52.633333332665885</v>
      </c>
      <c r="B1966">
        <v>1005.082</v>
      </c>
      <c r="C1966">
        <v>1045.0150000000001</v>
      </c>
      <c r="D1966">
        <v>1045.3109999999999</v>
      </c>
      <c r="E1966">
        <v>1076.5909999999999</v>
      </c>
      <c r="F1966">
        <v>1088.123</v>
      </c>
      <c r="G1966">
        <v>1112.2360000000001</v>
      </c>
      <c r="H1966">
        <v>1128.037</v>
      </c>
      <c r="I1966">
        <v>1132.5170000000001</v>
      </c>
      <c r="J1966">
        <v>1137.5139999999999</v>
      </c>
      <c r="K1966">
        <v>1150.3330000000001</v>
      </c>
      <c r="L1966">
        <v>1156.1790000000001</v>
      </c>
      <c r="M1966">
        <v>1139.9939999999999</v>
      </c>
      <c r="N1966">
        <v>1101.087</v>
      </c>
      <c r="O1966">
        <v>1007.566</v>
      </c>
      <c r="P1966">
        <v>0</v>
      </c>
      <c r="Q1966">
        <v>0</v>
      </c>
      <c r="R1966">
        <v>1103.758</v>
      </c>
      <c r="S1966">
        <v>0</v>
      </c>
      <c r="T1966">
        <v>1121.777</v>
      </c>
      <c r="U1966">
        <v>1136.865</v>
      </c>
      <c r="V1966">
        <v>1146.098</v>
      </c>
      <c r="W1966">
        <v>1171.6300000000001</v>
      </c>
      <c r="X1966">
        <v>1191.55</v>
      </c>
      <c r="Y1966">
        <v>1188.604</v>
      </c>
    </row>
    <row r="1967" spans="1:25" x14ac:dyDescent="0.3">
      <c r="A1967">
        <v>52.650000003228584</v>
      </c>
      <c r="B1967">
        <v>997.70799999999997</v>
      </c>
      <c r="C1967">
        <v>1047.825</v>
      </c>
      <c r="D1967">
        <v>1050.9490000000001</v>
      </c>
      <c r="E1967">
        <v>1080.2080000000001</v>
      </c>
      <c r="F1967">
        <v>1090.576</v>
      </c>
      <c r="G1967">
        <v>1114.693</v>
      </c>
      <c r="H1967">
        <v>1130.107</v>
      </c>
      <c r="I1967">
        <v>1131.8150000000001</v>
      </c>
      <c r="J1967">
        <v>1136.048</v>
      </c>
      <c r="K1967">
        <v>1145.069</v>
      </c>
      <c r="L1967">
        <v>1156.5830000000001</v>
      </c>
      <c r="M1967">
        <v>1139.25</v>
      </c>
      <c r="N1967">
        <v>1086.364</v>
      </c>
      <c r="O1967">
        <v>1009.559</v>
      </c>
      <c r="P1967">
        <v>0</v>
      </c>
      <c r="Q1967">
        <v>0</v>
      </c>
      <c r="R1967">
        <v>1104.0029999999999</v>
      </c>
      <c r="S1967">
        <v>0</v>
      </c>
      <c r="T1967">
        <v>1122.893</v>
      </c>
      <c r="U1967">
        <v>1137.0940000000001</v>
      </c>
      <c r="V1967">
        <v>1144.287</v>
      </c>
      <c r="W1967">
        <v>1170.1469999999999</v>
      </c>
      <c r="X1967">
        <v>1190.3879999999999</v>
      </c>
      <c r="Y1967">
        <v>1188.818</v>
      </c>
    </row>
    <row r="1968" spans="1:25" x14ac:dyDescent="0.3">
      <c r="A1968">
        <v>52.683333333876604</v>
      </c>
      <c r="B1968">
        <v>1000.02</v>
      </c>
      <c r="C1968">
        <v>1050.93</v>
      </c>
      <c r="D1968">
        <v>1053.9259999999999</v>
      </c>
      <c r="E1968">
        <v>1082.431</v>
      </c>
      <c r="F1968">
        <v>1095.107</v>
      </c>
      <c r="G1968">
        <v>1119.453</v>
      </c>
      <c r="H1968">
        <v>1134.8320000000001</v>
      </c>
      <c r="I1968">
        <v>1140.7750000000001</v>
      </c>
      <c r="J1968">
        <v>1144.2280000000001</v>
      </c>
      <c r="K1968">
        <v>1148.1959999999999</v>
      </c>
      <c r="L1968">
        <v>1157.77</v>
      </c>
      <c r="M1968">
        <v>1138.2380000000001</v>
      </c>
      <c r="N1968">
        <v>1068.9480000000001</v>
      </c>
      <c r="O1968">
        <v>1008.443</v>
      </c>
      <c r="P1968">
        <v>0</v>
      </c>
      <c r="Q1968">
        <v>0</v>
      </c>
      <c r="R1968">
        <v>1101.2</v>
      </c>
      <c r="S1968">
        <v>0</v>
      </c>
      <c r="T1968">
        <v>1119.963</v>
      </c>
      <c r="U1968">
        <v>1135.155</v>
      </c>
      <c r="V1968">
        <v>1143.2550000000001</v>
      </c>
      <c r="W1968">
        <v>1167.0619999999999</v>
      </c>
      <c r="X1968">
        <v>1187.2470000000001</v>
      </c>
      <c r="Y1968">
        <v>1184.6890000000001</v>
      </c>
    </row>
    <row r="1969" spans="1:25" x14ac:dyDescent="0.3">
      <c r="A1969">
        <v>52.716666664524624</v>
      </c>
      <c r="B1969">
        <v>999.92899999999997</v>
      </c>
      <c r="C1969">
        <v>1051.614</v>
      </c>
      <c r="D1969">
        <v>1053.6659999999999</v>
      </c>
      <c r="E1969">
        <v>1083.106</v>
      </c>
      <c r="F1969">
        <v>1093.347</v>
      </c>
      <c r="G1969">
        <v>1115.24</v>
      </c>
      <c r="H1969">
        <v>1133.2380000000001</v>
      </c>
      <c r="I1969">
        <v>1143.3320000000001</v>
      </c>
      <c r="J1969">
        <v>1149.0550000000001</v>
      </c>
      <c r="K1969">
        <v>1156.0450000000001</v>
      </c>
      <c r="L1969">
        <v>1163.6189999999999</v>
      </c>
      <c r="M1969">
        <v>1144.057</v>
      </c>
      <c r="N1969">
        <v>1073.05</v>
      </c>
      <c r="O1969">
        <v>1012.28</v>
      </c>
      <c r="P1969">
        <v>0</v>
      </c>
      <c r="Q1969">
        <v>0</v>
      </c>
      <c r="R1969">
        <v>1096.6500000000001</v>
      </c>
      <c r="S1969">
        <v>0</v>
      </c>
      <c r="T1969">
        <v>1117.81</v>
      </c>
      <c r="U1969">
        <v>1133.2760000000001</v>
      </c>
      <c r="V1969">
        <v>1140.9670000000001</v>
      </c>
      <c r="W1969">
        <v>1161.165</v>
      </c>
      <c r="X1969">
        <v>1188.0029999999999</v>
      </c>
      <c r="Y1969">
        <v>1183.915</v>
      </c>
    </row>
    <row r="1970" spans="1:25" x14ac:dyDescent="0.3">
      <c r="A1970">
        <v>52.733333335087323</v>
      </c>
      <c r="B1970">
        <v>986.83900000000006</v>
      </c>
      <c r="C1970">
        <v>1047.3620000000001</v>
      </c>
      <c r="D1970">
        <v>1052.76</v>
      </c>
      <c r="E1970">
        <v>1082.5250000000001</v>
      </c>
      <c r="F1970">
        <v>1091.0250000000001</v>
      </c>
      <c r="G1970">
        <v>1112.1030000000001</v>
      </c>
      <c r="H1970">
        <v>1125.5119999999999</v>
      </c>
      <c r="I1970">
        <v>1138.3710000000001</v>
      </c>
      <c r="J1970">
        <v>1144.7809999999999</v>
      </c>
      <c r="K1970">
        <v>1154.453</v>
      </c>
      <c r="L1970">
        <v>1164.462</v>
      </c>
      <c r="M1970">
        <v>1146.5550000000001</v>
      </c>
      <c r="N1970">
        <v>1060.348</v>
      </c>
      <c r="O1970">
        <v>1011.8049999999999</v>
      </c>
      <c r="P1970">
        <v>0</v>
      </c>
      <c r="Q1970">
        <v>0</v>
      </c>
      <c r="R1970">
        <v>1101.6890000000001</v>
      </c>
      <c r="S1970">
        <v>0</v>
      </c>
      <c r="T1970">
        <v>1117.0719999999999</v>
      </c>
      <c r="U1970">
        <v>1131.1310000000001</v>
      </c>
      <c r="V1970">
        <v>1137.4369999999999</v>
      </c>
      <c r="W1970">
        <v>1158.345</v>
      </c>
      <c r="X1970">
        <v>1185.4059999999999</v>
      </c>
      <c r="Y1970">
        <v>1182.48</v>
      </c>
    </row>
    <row r="1971" spans="1:25" x14ac:dyDescent="0.3">
      <c r="A1971">
        <v>52.766666665735343</v>
      </c>
      <c r="B1971">
        <v>991.13599999999997</v>
      </c>
      <c r="C1971">
        <v>1046.5119999999999</v>
      </c>
      <c r="D1971">
        <v>1054.557</v>
      </c>
      <c r="E1971">
        <v>1082.5250000000001</v>
      </c>
      <c r="F1971">
        <v>1089.527</v>
      </c>
      <c r="G1971">
        <v>1109.232</v>
      </c>
      <c r="H1971">
        <v>1123.8989999999999</v>
      </c>
      <c r="I1971">
        <v>1138.296</v>
      </c>
      <c r="J1971">
        <v>1146.27</v>
      </c>
      <c r="K1971">
        <v>1155.24</v>
      </c>
      <c r="L1971">
        <v>1165.752</v>
      </c>
      <c r="M1971">
        <v>1144.7629999999999</v>
      </c>
      <c r="N1971">
        <v>1079.201</v>
      </c>
      <c r="O1971">
        <v>1007.895</v>
      </c>
      <c r="P1971">
        <v>0</v>
      </c>
      <c r="Q1971">
        <v>0</v>
      </c>
      <c r="R1971">
        <v>1101.482</v>
      </c>
      <c r="S1971">
        <v>0</v>
      </c>
      <c r="T1971">
        <v>1115.694</v>
      </c>
      <c r="U1971">
        <v>1130.6569999999999</v>
      </c>
      <c r="V1971">
        <v>1139.192</v>
      </c>
      <c r="W1971">
        <v>1163.9639999999999</v>
      </c>
      <c r="X1971">
        <v>1186.143</v>
      </c>
      <c r="Y1971">
        <v>1182.9459999999999</v>
      </c>
    </row>
    <row r="1972" spans="1:25" x14ac:dyDescent="0.3">
      <c r="A1972">
        <v>52.783333336298043</v>
      </c>
      <c r="B1972">
        <v>980.94200000000001</v>
      </c>
      <c r="C1972">
        <v>1048.046</v>
      </c>
      <c r="D1972">
        <v>1056.413</v>
      </c>
      <c r="E1972">
        <v>1084.2280000000001</v>
      </c>
      <c r="F1972">
        <v>1091.0250000000001</v>
      </c>
      <c r="G1972">
        <v>1109.345</v>
      </c>
      <c r="H1972">
        <v>1126.0999999999999</v>
      </c>
      <c r="I1972">
        <v>1141.92</v>
      </c>
      <c r="J1972">
        <v>1144.991</v>
      </c>
      <c r="K1972">
        <v>1153.6669999999999</v>
      </c>
      <c r="L1972">
        <v>1163.848</v>
      </c>
      <c r="M1972">
        <v>1148.1389999999999</v>
      </c>
      <c r="N1972">
        <v>1062.538</v>
      </c>
      <c r="O1972">
        <v>1001.701</v>
      </c>
      <c r="P1972">
        <v>0</v>
      </c>
      <c r="Q1972">
        <v>0</v>
      </c>
      <c r="R1972">
        <v>1103.569</v>
      </c>
      <c r="S1972">
        <v>0</v>
      </c>
      <c r="T1972">
        <v>1117.0340000000001</v>
      </c>
      <c r="U1972">
        <v>1131.8140000000001</v>
      </c>
      <c r="V1972">
        <v>1138.5050000000001</v>
      </c>
      <c r="W1972">
        <v>1164.117</v>
      </c>
      <c r="X1972">
        <v>1190.9480000000001</v>
      </c>
      <c r="Y1972">
        <v>1180.5229999999999</v>
      </c>
    </row>
    <row r="1973" spans="1:25" x14ac:dyDescent="0.3">
      <c r="A1973">
        <v>52.816666666946062</v>
      </c>
      <c r="B1973">
        <v>980.10900000000004</v>
      </c>
      <c r="C1973">
        <v>1046.0139999999999</v>
      </c>
      <c r="D1973">
        <v>1058.047</v>
      </c>
      <c r="E1973">
        <v>1085.4280000000001</v>
      </c>
      <c r="F1973">
        <v>1091.8869999999999</v>
      </c>
      <c r="G1973">
        <v>1114.768</v>
      </c>
      <c r="H1973">
        <v>1134.549</v>
      </c>
      <c r="I1973">
        <v>1142.989</v>
      </c>
      <c r="J1973">
        <v>1147.434</v>
      </c>
      <c r="K1973">
        <v>1153.1310000000001</v>
      </c>
      <c r="L1973">
        <v>1162.6420000000001</v>
      </c>
      <c r="M1973">
        <v>1147.2629999999999</v>
      </c>
      <c r="N1973">
        <v>1069.527</v>
      </c>
      <c r="O1973">
        <v>1003.73</v>
      </c>
      <c r="P1973">
        <v>0</v>
      </c>
      <c r="Q1973">
        <v>0</v>
      </c>
      <c r="R1973">
        <v>1103.8710000000001</v>
      </c>
      <c r="S1973">
        <v>0</v>
      </c>
      <c r="T1973">
        <v>1120.3989999999999</v>
      </c>
      <c r="U1973">
        <v>1136.01</v>
      </c>
      <c r="V1973">
        <v>1141.444</v>
      </c>
      <c r="W1973">
        <v>1167.4480000000001</v>
      </c>
      <c r="X1973">
        <v>1194.327</v>
      </c>
      <c r="Y1973">
        <v>1185.6400000000001</v>
      </c>
    </row>
    <row r="1974" spans="1:25" x14ac:dyDescent="0.3">
      <c r="A1974">
        <v>52.849999997594082</v>
      </c>
      <c r="B1974">
        <v>984.97</v>
      </c>
      <c r="C1974">
        <v>1046.7719999999999</v>
      </c>
      <c r="D1974">
        <v>1060.6089999999999</v>
      </c>
      <c r="E1974">
        <v>1087.9549999999999</v>
      </c>
      <c r="F1974">
        <v>1093.048</v>
      </c>
      <c r="G1974">
        <v>1114.107</v>
      </c>
      <c r="H1974">
        <v>1134.625</v>
      </c>
      <c r="I1974">
        <v>1144.5920000000001</v>
      </c>
      <c r="J1974">
        <v>1152.307</v>
      </c>
      <c r="K1974">
        <v>1158.366</v>
      </c>
      <c r="L1974">
        <v>1166.9860000000001</v>
      </c>
      <c r="M1974">
        <v>1151.367</v>
      </c>
      <c r="N1974">
        <v>1082.114</v>
      </c>
      <c r="O1974">
        <v>1009.248</v>
      </c>
      <c r="P1974">
        <v>0</v>
      </c>
      <c r="Q1974">
        <v>0</v>
      </c>
      <c r="R1974">
        <v>1095.635</v>
      </c>
      <c r="S1974">
        <v>0</v>
      </c>
      <c r="T1974">
        <v>1114.8630000000001</v>
      </c>
      <c r="U1974">
        <v>1134.9469999999999</v>
      </c>
      <c r="V1974">
        <v>1144.7829999999999</v>
      </c>
      <c r="W1974">
        <v>1161.644</v>
      </c>
      <c r="X1974">
        <v>1188.779</v>
      </c>
      <c r="Y1974">
        <v>1187.461</v>
      </c>
    </row>
    <row r="1975" spans="1:25" x14ac:dyDescent="0.3">
      <c r="A1975">
        <v>52.866666668156782</v>
      </c>
      <c r="B1975">
        <v>986.27599999999995</v>
      </c>
      <c r="C1975">
        <v>1047.4000000000001</v>
      </c>
      <c r="D1975">
        <v>1055.9490000000001</v>
      </c>
      <c r="E1975">
        <v>1086.7190000000001</v>
      </c>
      <c r="F1975">
        <v>1092.242</v>
      </c>
      <c r="G1975">
        <v>1111.8389999999999</v>
      </c>
      <c r="H1975">
        <v>1129.423</v>
      </c>
      <c r="I1975">
        <v>1139.5930000000001</v>
      </c>
      <c r="J1975">
        <v>1149.4369999999999</v>
      </c>
      <c r="K1975">
        <v>1155.9690000000001</v>
      </c>
      <c r="L1975">
        <v>1162.6410000000001</v>
      </c>
      <c r="M1975">
        <v>1145.335</v>
      </c>
      <c r="N1975">
        <v>1082.5630000000001</v>
      </c>
      <c r="O1975">
        <v>1007.95</v>
      </c>
      <c r="P1975">
        <v>0</v>
      </c>
      <c r="Q1975">
        <v>0</v>
      </c>
      <c r="R1975">
        <v>1093.5899999999999</v>
      </c>
      <c r="S1975">
        <v>0</v>
      </c>
      <c r="T1975">
        <v>1111.462</v>
      </c>
      <c r="U1975">
        <v>1131.9469999999999</v>
      </c>
      <c r="V1975">
        <v>1138.6579999999999</v>
      </c>
      <c r="W1975">
        <v>1157.56</v>
      </c>
      <c r="X1975">
        <v>1180.5229999999999</v>
      </c>
      <c r="Y1975">
        <v>1186.569</v>
      </c>
    </row>
    <row r="1976" spans="1:25" x14ac:dyDescent="0.3">
      <c r="A1976">
        <v>52.899999998804802</v>
      </c>
      <c r="B1976">
        <v>1000.1849999999999</v>
      </c>
      <c r="C1976">
        <v>1045.07</v>
      </c>
      <c r="D1976">
        <v>1052.076</v>
      </c>
      <c r="E1976">
        <v>1082.713</v>
      </c>
      <c r="F1976">
        <v>1089.9580000000001</v>
      </c>
      <c r="G1976">
        <v>1107.4059999999999</v>
      </c>
      <c r="H1976">
        <v>1123.8989999999999</v>
      </c>
      <c r="I1976">
        <v>1132.8969999999999</v>
      </c>
      <c r="J1976">
        <v>1140.9469999999999</v>
      </c>
      <c r="K1976">
        <v>1148.674</v>
      </c>
      <c r="L1976">
        <v>1157.732</v>
      </c>
      <c r="M1976">
        <v>1144.8009999999999</v>
      </c>
      <c r="N1976">
        <v>1093.1410000000001</v>
      </c>
      <c r="O1976">
        <v>1007.42</v>
      </c>
      <c r="P1976">
        <v>0</v>
      </c>
      <c r="Q1976">
        <v>0</v>
      </c>
      <c r="R1976">
        <v>1098.3610000000001</v>
      </c>
      <c r="S1976">
        <v>0</v>
      </c>
      <c r="T1976">
        <v>1112.3309999999999</v>
      </c>
      <c r="U1976">
        <v>1131.1500000000001</v>
      </c>
      <c r="V1976">
        <v>1144.8009999999999</v>
      </c>
      <c r="W1976">
        <v>1159.0360000000001</v>
      </c>
      <c r="X1976">
        <v>1175.6969999999999</v>
      </c>
      <c r="Y1976">
        <v>1185.6969999999999</v>
      </c>
    </row>
    <row r="1977" spans="1:25" x14ac:dyDescent="0.3">
      <c r="A1977">
        <v>52.916666669367501</v>
      </c>
      <c r="B1977">
        <v>1011.148</v>
      </c>
      <c r="C1977">
        <v>1045.2929999999999</v>
      </c>
      <c r="D1977">
        <v>1048.971</v>
      </c>
      <c r="E1977">
        <v>1081.4960000000001</v>
      </c>
      <c r="F1977">
        <v>1089.154</v>
      </c>
      <c r="G1977">
        <v>1106.297</v>
      </c>
      <c r="H1977">
        <v>1120.4929999999999</v>
      </c>
      <c r="I1977">
        <v>1133.979</v>
      </c>
      <c r="J1977">
        <v>1140.7380000000001</v>
      </c>
      <c r="K1977">
        <v>1151.866</v>
      </c>
      <c r="L1977">
        <v>1162.9290000000001</v>
      </c>
      <c r="M1977">
        <v>1144.8779999999999</v>
      </c>
      <c r="N1977">
        <v>1082.9000000000001</v>
      </c>
      <c r="O1977">
        <v>1009.175</v>
      </c>
      <c r="P1977">
        <v>0</v>
      </c>
      <c r="Q1977">
        <v>0</v>
      </c>
      <c r="R1977">
        <v>1099.5650000000001</v>
      </c>
      <c r="S1977">
        <v>0</v>
      </c>
      <c r="T1977">
        <v>1113.3699999999999</v>
      </c>
      <c r="U1977">
        <v>1133.713</v>
      </c>
      <c r="V1977">
        <v>1143.4659999999999</v>
      </c>
      <c r="W1977">
        <v>1160.6469999999999</v>
      </c>
      <c r="X1977">
        <v>1172.614</v>
      </c>
      <c r="Y1977">
        <v>1186.279</v>
      </c>
    </row>
    <row r="1978" spans="1:25" x14ac:dyDescent="0.3">
      <c r="A1978">
        <v>52.950000000015521</v>
      </c>
      <c r="B1978">
        <v>1013.287</v>
      </c>
      <c r="C1978">
        <v>1046.327</v>
      </c>
      <c r="D1978">
        <v>1048.25</v>
      </c>
      <c r="E1978">
        <v>1082.769</v>
      </c>
      <c r="F1978">
        <v>1090.6130000000001</v>
      </c>
      <c r="G1978">
        <v>1108.741</v>
      </c>
      <c r="H1978">
        <v>1123.1020000000001</v>
      </c>
      <c r="I1978">
        <v>1136.4269999999999</v>
      </c>
      <c r="J1978">
        <v>1140.299</v>
      </c>
      <c r="K1978">
        <v>1151.98</v>
      </c>
      <c r="L1978">
        <v>1162.8130000000001</v>
      </c>
      <c r="M1978">
        <v>1144.8009999999999</v>
      </c>
      <c r="N1978">
        <v>1078.9960000000001</v>
      </c>
      <c r="O1978">
        <v>1013.598</v>
      </c>
      <c r="P1978">
        <v>0</v>
      </c>
      <c r="Q1978">
        <v>0</v>
      </c>
      <c r="R1978">
        <v>1096.913</v>
      </c>
      <c r="S1978">
        <v>0</v>
      </c>
      <c r="T1978">
        <v>1110.8</v>
      </c>
      <c r="U1978">
        <v>1132.6120000000001</v>
      </c>
      <c r="V1978">
        <v>1139.9359999999999</v>
      </c>
      <c r="W1978">
        <v>1159.42</v>
      </c>
      <c r="X1978">
        <v>1179.671</v>
      </c>
      <c r="Y1978">
        <v>1186.046</v>
      </c>
    </row>
    <row r="1979" spans="1:25" x14ac:dyDescent="0.3">
      <c r="A1979">
        <v>52.983333330663541</v>
      </c>
      <c r="B1979">
        <v>1017.285</v>
      </c>
      <c r="C1979">
        <v>1048.527</v>
      </c>
      <c r="D1979">
        <v>1049.414</v>
      </c>
      <c r="E1979">
        <v>1081.9639999999999</v>
      </c>
      <c r="F1979">
        <v>1091.4369999999999</v>
      </c>
      <c r="G1979">
        <v>1108.798</v>
      </c>
      <c r="H1979">
        <v>1124.1079999999999</v>
      </c>
      <c r="I1979">
        <v>1139.5170000000001</v>
      </c>
      <c r="J1979">
        <v>1140.6610000000001</v>
      </c>
      <c r="K1979">
        <v>1153.3230000000001</v>
      </c>
      <c r="L1979">
        <v>1164.386</v>
      </c>
      <c r="M1979">
        <v>1146.556</v>
      </c>
      <c r="N1979">
        <v>1083.0309999999999</v>
      </c>
      <c r="O1979">
        <v>1013.3049999999999</v>
      </c>
      <c r="P1979">
        <v>0</v>
      </c>
      <c r="Q1979">
        <v>0</v>
      </c>
      <c r="R1979">
        <v>1098.568</v>
      </c>
      <c r="S1979">
        <v>0</v>
      </c>
      <c r="T1979">
        <v>1115.297</v>
      </c>
      <c r="U1979">
        <v>1136.712</v>
      </c>
      <c r="V1979">
        <v>1146.9380000000001</v>
      </c>
      <c r="W1979">
        <v>1165.347</v>
      </c>
      <c r="X1979">
        <v>1182.345</v>
      </c>
      <c r="Y1979">
        <v>1185.271</v>
      </c>
    </row>
    <row r="1980" spans="1:25" x14ac:dyDescent="0.3">
      <c r="A1980">
        <v>53.00000000122624</v>
      </c>
      <c r="B1980">
        <v>1020.861</v>
      </c>
      <c r="C1980">
        <v>1050.2840000000001</v>
      </c>
      <c r="D1980">
        <v>1051.06</v>
      </c>
      <c r="E1980">
        <v>1082.6379999999999</v>
      </c>
      <c r="F1980">
        <v>1091.213</v>
      </c>
      <c r="G1980">
        <v>1108.422</v>
      </c>
      <c r="H1980">
        <v>1126.9369999999999</v>
      </c>
      <c r="I1980">
        <v>1138.5630000000001</v>
      </c>
      <c r="J1980">
        <v>1138.373</v>
      </c>
      <c r="K1980">
        <v>1150.6199999999999</v>
      </c>
      <c r="L1980">
        <v>1165.116</v>
      </c>
      <c r="M1980">
        <v>1143.886</v>
      </c>
      <c r="N1980">
        <v>1081.01</v>
      </c>
      <c r="O1980">
        <v>1021.485</v>
      </c>
      <c r="P1980">
        <v>0</v>
      </c>
      <c r="Q1980">
        <v>0</v>
      </c>
      <c r="R1980">
        <v>1104.7929999999999</v>
      </c>
      <c r="S1980">
        <v>0</v>
      </c>
      <c r="T1980">
        <v>1121.098</v>
      </c>
      <c r="U1980">
        <v>1143.886</v>
      </c>
      <c r="V1980">
        <v>1152.7860000000001</v>
      </c>
      <c r="W1980">
        <v>1170.8599999999999</v>
      </c>
      <c r="X1980">
        <v>1185.5039999999999</v>
      </c>
      <c r="Y1980">
        <v>1187.481</v>
      </c>
    </row>
    <row r="1981" spans="1:25" x14ac:dyDescent="0.3">
      <c r="A1981">
        <v>53.03333333187426</v>
      </c>
      <c r="B1981">
        <v>1005.061</v>
      </c>
      <c r="C1981">
        <v>1049.2639999999999</v>
      </c>
      <c r="D1981">
        <v>1051.8340000000001</v>
      </c>
      <c r="E1981">
        <v>1086.08</v>
      </c>
      <c r="F1981">
        <v>1092.4639999999999</v>
      </c>
      <c r="G1981">
        <v>1111.95</v>
      </c>
      <c r="H1981">
        <v>1128.433</v>
      </c>
      <c r="I1981">
        <v>1135.761</v>
      </c>
      <c r="J1981">
        <v>1137.0719999999999</v>
      </c>
      <c r="K1981">
        <v>1147.47</v>
      </c>
      <c r="L1981">
        <v>1159.973</v>
      </c>
      <c r="M1981">
        <v>1143.463</v>
      </c>
      <c r="N1981">
        <v>1072.8979999999999</v>
      </c>
      <c r="O1981">
        <v>1019.41</v>
      </c>
      <c r="P1981">
        <v>0</v>
      </c>
      <c r="Q1981">
        <v>0</v>
      </c>
      <c r="R1981">
        <v>1101.5360000000001</v>
      </c>
      <c r="S1981">
        <v>0</v>
      </c>
      <c r="T1981">
        <v>1121.2650000000001</v>
      </c>
      <c r="U1981">
        <v>1144.3599999999999</v>
      </c>
      <c r="V1981">
        <v>1158.3050000000001</v>
      </c>
      <c r="W1981">
        <v>1178.181</v>
      </c>
      <c r="X1981">
        <v>1189.5899999999999</v>
      </c>
      <c r="Y1981">
        <v>1188.7370000000001</v>
      </c>
    </row>
    <row r="1982" spans="1:25" x14ac:dyDescent="0.3">
      <c r="A1982">
        <v>53.05000000243696</v>
      </c>
      <c r="B1982">
        <v>1002.9640000000001</v>
      </c>
      <c r="C1982">
        <v>1050.192</v>
      </c>
      <c r="D1982">
        <v>1054.317</v>
      </c>
      <c r="E1982">
        <v>1086.982</v>
      </c>
      <c r="F1982">
        <v>1093.797</v>
      </c>
      <c r="G1982">
        <v>1113.8240000000001</v>
      </c>
      <c r="H1982">
        <v>1128.4559999999999</v>
      </c>
      <c r="I1982">
        <v>1136.296</v>
      </c>
      <c r="J1982">
        <v>1140.319</v>
      </c>
      <c r="K1982">
        <v>1155.51</v>
      </c>
      <c r="L1982">
        <v>1165.098</v>
      </c>
      <c r="M1982">
        <v>1147.702</v>
      </c>
      <c r="N1982">
        <v>1087.2449999999999</v>
      </c>
      <c r="O1982">
        <v>1024.31</v>
      </c>
      <c r="P1982">
        <v>0</v>
      </c>
      <c r="Q1982">
        <v>0</v>
      </c>
      <c r="R1982">
        <v>1099.848</v>
      </c>
      <c r="S1982">
        <v>0</v>
      </c>
      <c r="T1982">
        <v>1125.4000000000001</v>
      </c>
      <c r="U1982">
        <v>1147.626</v>
      </c>
      <c r="V1982">
        <v>1156.7940000000001</v>
      </c>
      <c r="W1982">
        <v>1174.7149999999999</v>
      </c>
      <c r="X1982">
        <v>1184.923</v>
      </c>
      <c r="Y1982">
        <v>1190.175</v>
      </c>
    </row>
    <row r="1983" spans="1:25" x14ac:dyDescent="0.3">
      <c r="A1983">
        <v>53.08333333308498</v>
      </c>
      <c r="B1983">
        <v>1012.338</v>
      </c>
      <c r="C1983">
        <v>1048.7329999999999</v>
      </c>
      <c r="D1983">
        <v>1051.71</v>
      </c>
      <c r="E1983">
        <v>1087.3019999999999</v>
      </c>
      <c r="F1983">
        <v>1093.3679999999999</v>
      </c>
      <c r="G1983">
        <v>1116.0740000000001</v>
      </c>
      <c r="H1983">
        <v>1132.7860000000001</v>
      </c>
      <c r="I1983">
        <v>1136.83</v>
      </c>
      <c r="J1983">
        <v>1146.0630000000001</v>
      </c>
      <c r="K1983">
        <v>1159.499</v>
      </c>
      <c r="L1983">
        <v>1166.68</v>
      </c>
      <c r="M1983">
        <v>1148.9059999999999</v>
      </c>
      <c r="N1983">
        <v>1088.0509999999999</v>
      </c>
      <c r="O1983">
        <v>1024.0909999999999</v>
      </c>
      <c r="P1983">
        <v>0</v>
      </c>
      <c r="Q1983">
        <v>0</v>
      </c>
      <c r="R1983">
        <v>1104.3620000000001</v>
      </c>
      <c r="S1983">
        <v>0</v>
      </c>
      <c r="T1983">
        <v>1126.92</v>
      </c>
      <c r="U1983">
        <v>1148.2760000000001</v>
      </c>
      <c r="V1983">
        <v>1157.1220000000001</v>
      </c>
      <c r="W1983">
        <v>1171.652</v>
      </c>
      <c r="X1983">
        <v>1184.0730000000001</v>
      </c>
      <c r="Y1983">
        <v>1190.4290000000001</v>
      </c>
    </row>
    <row r="1984" spans="1:25" x14ac:dyDescent="0.3">
      <c r="A1984">
        <v>53.116666663733</v>
      </c>
      <c r="B1984">
        <v>1012.098</v>
      </c>
      <c r="C1984">
        <v>1049.674</v>
      </c>
      <c r="D1984">
        <v>1051.633</v>
      </c>
      <c r="E1984">
        <v>1085.596</v>
      </c>
      <c r="F1984">
        <v>1092.711</v>
      </c>
      <c r="G1984">
        <v>1113.7670000000001</v>
      </c>
      <c r="H1984">
        <v>1129.2719999999999</v>
      </c>
      <c r="I1984">
        <v>1136.694</v>
      </c>
      <c r="J1984">
        <v>1146.366</v>
      </c>
      <c r="K1984">
        <v>1161.549</v>
      </c>
      <c r="L1984">
        <v>1169.279</v>
      </c>
      <c r="M1984">
        <v>1149.056</v>
      </c>
      <c r="N1984">
        <v>1094.92</v>
      </c>
      <c r="O1984">
        <v>1022.622</v>
      </c>
      <c r="P1984">
        <v>0</v>
      </c>
      <c r="Q1984">
        <v>0</v>
      </c>
      <c r="R1984">
        <v>1098.8499999999999</v>
      </c>
      <c r="S1984">
        <v>0</v>
      </c>
      <c r="T1984">
        <v>1122.307</v>
      </c>
      <c r="U1984">
        <v>1143.3330000000001</v>
      </c>
      <c r="V1984">
        <v>1154.876</v>
      </c>
      <c r="W1984">
        <v>1175.0619999999999</v>
      </c>
      <c r="X1984">
        <v>1186.26</v>
      </c>
      <c r="Y1984">
        <v>1189.3219999999999</v>
      </c>
    </row>
    <row r="1985" spans="1:25" x14ac:dyDescent="0.3">
      <c r="A1985">
        <v>53.133333334295699</v>
      </c>
      <c r="B1985">
        <v>995.15899999999999</v>
      </c>
      <c r="C1985">
        <v>1041.096</v>
      </c>
      <c r="D1985">
        <v>1045.9949999999999</v>
      </c>
      <c r="E1985">
        <v>1084.6420000000001</v>
      </c>
      <c r="F1985">
        <v>1090.876</v>
      </c>
      <c r="G1985">
        <v>1109.819</v>
      </c>
      <c r="H1985">
        <v>1126.1389999999999</v>
      </c>
      <c r="I1985">
        <v>1134.3969999999999</v>
      </c>
      <c r="J1985">
        <v>1141.94</v>
      </c>
      <c r="K1985">
        <v>1159.4010000000001</v>
      </c>
      <c r="L1985">
        <v>1170.5899999999999</v>
      </c>
      <c r="M1985">
        <v>1150.143</v>
      </c>
      <c r="N1985">
        <v>1096.556</v>
      </c>
      <c r="O1985">
        <v>1029.769</v>
      </c>
      <c r="P1985">
        <v>0</v>
      </c>
      <c r="Q1985">
        <v>0</v>
      </c>
      <c r="R1985">
        <v>1095.992</v>
      </c>
      <c r="S1985">
        <v>0</v>
      </c>
      <c r="T1985">
        <v>1113.8430000000001</v>
      </c>
      <c r="U1985">
        <v>1140.204</v>
      </c>
      <c r="V1985">
        <v>1155.241</v>
      </c>
      <c r="W1985">
        <v>1174.9069999999999</v>
      </c>
      <c r="X1985">
        <v>1187.9849999999999</v>
      </c>
      <c r="Y1985">
        <v>1186.5309999999999</v>
      </c>
    </row>
    <row r="1986" spans="1:25" x14ac:dyDescent="0.3">
      <c r="A1986">
        <v>53.166666664943719</v>
      </c>
      <c r="B1986">
        <v>980.42</v>
      </c>
      <c r="C1986">
        <v>1032.22</v>
      </c>
      <c r="D1986">
        <v>1044.962</v>
      </c>
      <c r="E1986">
        <v>1079.4459999999999</v>
      </c>
      <c r="F1986">
        <v>1087.471</v>
      </c>
      <c r="G1986">
        <v>1106.1300000000001</v>
      </c>
      <c r="H1986">
        <v>1122.0820000000001</v>
      </c>
      <c r="I1986">
        <v>1134.2280000000001</v>
      </c>
      <c r="J1986">
        <v>1139.2909999999999</v>
      </c>
      <c r="K1986">
        <v>1146.33</v>
      </c>
      <c r="L1986">
        <v>1172.982</v>
      </c>
      <c r="M1986">
        <v>1150.413</v>
      </c>
      <c r="N1986">
        <v>1106.2619999999999</v>
      </c>
      <c r="O1986">
        <v>1028.077</v>
      </c>
      <c r="P1986">
        <v>0</v>
      </c>
      <c r="Q1986">
        <v>0</v>
      </c>
      <c r="R1986">
        <v>1097.518</v>
      </c>
      <c r="S1986">
        <v>0</v>
      </c>
      <c r="T1986">
        <v>1110.3879999999999</v>
      </c>
      <c r="U1986">
        <v>1138.6420000000001</v>
      </c>
      <c r="V1986">
        <v>1153.46</v>
      </c>
      <c r="W1986">
        <v>1171.1510000000001</v>
      </c>
      <c r="X1986">
        <v>1183.588</v>
      </c>
      <c r="Y1986">
        <v>1187.5989999999999</v>
      </c>
    </row>
    <row r="1987" spans="1:25" x14ac:dyDescent="0.3">
      <c r="A1987">
        <v>53.200000006069118</v>
      </c>
      <c r="B1987">
        <v>979.00199999999995</v>
      </c>
      <c r="C1987">
        <v>1032.825</v>
      </c>
      <c r="D1987">
        <v>1050.2650000000001</v>
      </c>
      <c r="E1987">
        <v>1081.739</v>
      </c>
      <c r="F1987">
        <v>1089.5840000000001</v>
      </c>
      <c r="G1987">
        <v>1107.857</v>
      </c>
      <c r="H1987">
        <v>1124.7149999999999</v>
      </c>
      <c r="I1987">
        <v>1136.4079999999999</v>
      </c>
      <c r="J1987">
        <v>1140.8520000000001</v>
      </c>
      <c r="K1987">
        <v>1143.3889999999999</v>
      </c>
      <c r="L1987">
        <v>1165.366</v>
      </c>
      <c r="M1987">
        <v>1148.0630000000001</v>
      </c>
      <c r="N1987">
        <v>1105.789</v>
      </c>
      <c r="O1987">
        <v>1022.016</v>
      </c>
      <c r="P1987">
        <v>0</v>
      </c>
      <c r="Q1987">
        <v>0</v>
      </c>
      <c r="R1987">
        <v>1098.511</v>
      </c>
      <c r="S1987">
        <v>0</v>
      </c>
      <c r="T1987">
        <v>1113.2380000000001</v>
      </c>
      <c r="U1987">
        <v>1139.269</v>
      </c>
      <c r="V1987">
        <v>1149.0930000000001</v>
      </c>
      <c r="W1987">
        <v>1169.086</v>
      </c>
      <c r="X1987">
        <v>1185.252</v>
      </c>
      <c r="Y1987">
        <v>1186.55</v>
      </c>
    </row>
    <row r="1988" spans="1:25" x14ac:dyDescent="0.3">
      <c r="A1988">
        <v>53.216666666154438</v>
      </c>
      <c r="B1988">
        <v>975.06700000000001</v>
      </c>
      <c r="C1988">
        <v>1037.2070000000001</v>
      </c>
      <c r="D1988">
        <v>1054.9849999999999</v>
      </c>
      <c r="E1988">
        <v>1083.5</v>
      </c>
      <c r="F1988">
        <v>1090.0709999999999</v>
      </c>
      <c r="G1988">
        <v>1108.761</v>
      </c>
      <c r="H1988">
        <v>1126.8420000000001</v>
      </c>
      <c r="I1988">
        <v>1137.4380000000001</v>
      </c>
      <c r="J1988">
        <v>1140.242</v>
      </c>
      <c r="K1988">
        <v>1140.7</v>
      </c>
      <c r="L1988">
        <v>1171.5540000000001</v>
      </c>
      <c r="M1988">
        <v>1146.252</v>
      </c>
      <c r="N1988">
        <v>1097.6469999999999</v>
      </c>
      <c r="O1988">
        <v>1022.292</v>
      </c>
      <c r="P1988">
        <v>0</v>
      </c>
      <c r="Q1988">
        <v>0</v>
      </c>
      <c r="R1988">
        <v>1094.171</v>
      </c>
      <c r="S1988">
        <v>0</v>
      </c>
      <c r="T1988">
        <v>1111.3679999999999</v>
      </c>
      <c r="U1988">
        <v>1137.5709999999999</v>
      </c>
      <c r="V1988">
        <v>1147.72</v>
      </c>
      <c r="W1988">
        <v>1162.8330000000001</v>
      </c>
      <c r="X1988">
        <v>1177.085</v>
      </c>
      <c r="Y1988">
        <v>1189.3610000000001</v>
      </c>
    </row>
    <row r="1989" spans="1:25" x14ac:dyDescent="0.3">
      <c r="A1989">
        <v>53.249999996802458</v>
      </c>
      <c r="B1989">
        <v>982.06799999999998</v>
      </c>
      <c r="C1989">
        <v>1038.367</v>
      </c>
      <c r="D1989">
        <v>1055.8389999999999</v>
      </c>
      <c r="E1989">
        <v>1083.7049999999999</v>
      </c>
      <c r="F1989">
        <v>1089.2660000000001</v>
      </c>
      <c r="G1989">
        <v>1108.0830000000001</v>
      </c>
      <c r="H1989">
        <v>1123.2919999999999</v>
      </c>
      <c r="I1989">
        <v>1136.162</v>
      </c>
      <c r="J1989">
        <v>1137.075</v>
      </c>
      <c r="K1989">
        <v>1135.308</v>
      </c>
      <c r="L1989">
        <v>1160.2829999999999</v>
      </c>
      <c r="M1989">
        <v>1140.7380000000001</v>
      </c>
      <c r="N1989">
        <v>1107.6320000000001</v>
      </c>
      <c r="O1989">
        <v>1022.604</v>
      </c>
      <c r="P1989">
        <v>0</v>
      </c>
      <c r="Q1989">
        <v>0</v>
      </c>
      <c r="R1989">
        <v>1094.808</v>
      </c>
      <c r="S1989">
        <v>0</v>
      </c>
      <c r="T1989">
        <v>1109.5540000000001</v>
      </c>
      <c r="U1989">
        <v>1133.3340000000001</v>
      </c>
      <c r="V1989">
        <v>1144.4960000000001</v>
      </c>
      <c r="W1989">
        <v>1156.5060000000001</v>
      </c>
      <c r="X1989">
        <v>1174.2909999999999</v>
      </c>
      <c r="Y1989">
        <v>1186.396</v>
      </c>
    </row>
    <row r="1990" spans="1:25" x14ac:dyDescent="0.3">
      <c r="A1990">
        <v>53.266666667365158</v>
      </c>
      <c r="B1990">
        <v>981.47</v>
      </c>
      <c r="C1990">
        <v>1036.8399999999999</v>
      </c>
      <c r="D1990">
        <v>1055.5239999999999</v>
      </c>
      <c r="E1990">
        <v>1084.6420000000001</v>
      </c>
      <c r="F1990">
        <v>1091.8879999999999</v>
      </c>
      <c r="G1990">
        <v>1112.3510000000001</v>
      </c>
      <c r="H1990">
        <v>1123.9570000000001</v>
      </c>
      <c r="I1990">
        <v>1137.7059999999999</v>
      </c>
      <c r="J1990">
        <v>1140.1279999999999</v>
      </c>
      <c r="K1990">
        <v>1133.6379999999999</v>
      </c>
      <c r="L1990">
        <v>1160.3989999999999</v>
      </c>
      <c r="M1990">
        <v>1146.2139999999999</v>
      </c>
      <c r="N1990">
        <v>1102.819</v>
      </c>
      <c r="O1990">
        <v>1018.845</v>
      </c>
      <c r="P1990">
        <v>0</v>
      </c>
      <c r="Q1990">
        <v>0</v>
      </c>
      <c r="R1990">
        <v>1098.4559999999999</v>
      </c>
      <c r="S1990">
        <v>0</v>
      </c>
      <c r="T1990">
        <v>1111.444</v>
      </c>
      <c r="U1990">
        <v>1129.614</v>
      </c>
      <c r="V1990">
        <v>1138.7929999999999</v>
      </c>
      <c r="W1990">
        <v>1158.175</v>
      </c>
      <c r="X1990">
        <v>1183.896</v>
      </c>
      <c r="Y1990">
        <v>1187.617</v>
      </c>
    </row>
    <row r="1991" spans="1:25" x14ac:dyDescent="0.3">
      <c r="A1991">
        <v>53.299999998013178</v>
      </c>
      <c r="B1991">
        <v>989.77200000000005</v>
      </c>
      <c r="C1991">
        <v>1038.3119999999999</v>
      </c>
      <c r="D1991">
        <v>1053.039</v>
      </c>
      <c r="E1991">
        <v>1085.0170000000001</v>
      </c>
      <c r="F1991">
        <v>1091.1949999999999</v>
      </c>
      <c r="G1991">
        <v>1110.329</v>
      </c>
      <c r="H1991">
        <v>1121.873</v>
      </c>
      <c r="I1991">
        <v>1132.9739999999999</v>
      </c>
      <c r="J1991">
        <v>1141.903</v>
      </c>
      <c r="K1991">
        <v>1135.7829999999999</v>
      </c>
      <c r="L1991">
        <v>1165.9459999999999</v>
      </c>
      <c r="M1991">
        <v>1149.4380000000001</v>
      </c>
      <c r="N1991">
        <v>1098.9259999999999</v>
      </c>
      <c r="O1991">
        <v>1013.379</v>
      </c>
      <c r="P1991">
        <v>0</v>
      </c>
      <c r="Q1991">
        <v>0</v>
      </c>
      <c r="R1991">
        <v>1103.1199999999999</v>
      </c>
      <c r="S1991">
        <v>0</v>
      </c>
      <c r="T1991">
        <v>1117.7349999999999</v>
      </c>
      <c r="U1991">
        <v>1133.3910000000001</v>
      </c>
      <c r="V1991">
        <v>1143.6769999999999</v>
      </c>
      <c r="W1991">
        <v>1166.9090000000001</v>
      </c>
      <c r="X1991">
        <v>1185.4269999999999</v>
      </c>
      <c r="Y1991">
        <v>1183.567</v>
      </c>
    </row>
    <row r="1992" spans="1:25" x14ac:dyDescent="0.3">
      <c r="A1992">
        <v>53.333333339138576</v>
      </c>
      <c r="B1992">
        <v>989.48099999999999</v>
      </c>
      <c r="C1992">
        <v>1038.3489999999999</v>
      </c>
      <c r="D1992">
        <v>1052.336</v>
      </c>
      <c r="E1992">
        <v>1082.807</v>
      </c>
      <c r="F1992">
        <v>1089.4159999999999</v>
      </c>
      <c r="G1992">
        <v>1109.6489999999999</v>
      </c>
      <c r="H1992">
        <v>1122.6849999999999</v>
      </c>
      <c r="I1992">
        <v>1131.588</v>
      </c>
      <c r="J1992">
        <v>1138.7739999999999</v>
      </c>
      <c r="K1992">
        <v>1133.069</v>
      </c>
      <c r="L1992">
        <v>1167.912</v>
      </c>
      <c r="M1992">
        <v>1151.0229999999999</v>
      </c>
      <c r="N1992">
        <v>1097.027</v>
      </c>
      <c r="O1992">
        <v>1013.306</v>
      </c>
      <c r="P1992">
        <v>0</v>
      </c>
      <c r="Q1992">
        <v>0</v>
      </c>
      <c r="R1992">
        <v>1102.2729999999999</v>
      </c>
      <c r="S1992">
        <v>0</v>
      </c>
      <c r="T1992">
        <v>1120.4939999999999</v>
      </c>
      <c r="U1992">
        <v>1139.7280000000001</v>
      </c>
      <c r="V1992">
        <v>1148.694</v>
      </c>
      <c r="W1992">
        <v>1170.6289999999999</v>
      </c>
      <c r="X1992">
        <v>1187.0550000000001</v>
      </c>
      <c r="Y1992">
        <v>1188.547</v>
      </c>
    </row>
    <row r="1993" spans="1:25" x14ac:dyDescent="0.3">
      <c r="A1993">
        <v>53.349999999223897</v>
      </c>
      <c r="B1993">
        <v>996.50800000000004</v>
      </c>
      <c r="C1993">
        <v>1036.3630000000001</v>
      </c>
      <c r="D1993">
        <v>1050.175</v>
      </c>
      <c r="E1993">
        <v>1079.7439999999999</v>
      </c>
      <c r="F1993">
        <v>1086.816</v>
      </c>
      <c r="G1993">
        <v>1107.653</v>
      </c>
      <c r="H1993">
        <v>1118.001</v>
      </c>
      <c r="I1993">
        <v>1126.673</v>
      </c>
      <c r="J1993">
        <v>1135.481</v>
      </c>
      <c r="K1993">
        <v>1127.8879999999999</v>
      </c>
      <c r="L1993">
        <v>1161.0719999999999</v>
      </c>
      <c r="M1993">
        <v>1145.8720000000001</v>
      </c>
      <c r="N1993">
        <v>1096.8219999999999</v>
      </c>
      <c r="O1993">
        <v>1013.84</v>
      </c>
      <c r="P1993">
        <v>0</v>
      </c>
      <c r="Q1993">
        <v>0</v>
      </c>
      <c r="R1993">
        <v>1098.702</v>
      </c>
      <c r="S1993">
        <v>0</v>
      </c>
      <c r="T1993">
        <v>1115.5450000000001</v>
      </c>
      <c r="U1993">
        <v>1136.126</v>
      </c>
      <c r="V1993">
        <v>1145.739</v>
      </c>
      <c r="W1993">
        <v>1167.701</v>
      </c>
      <c r="X1993">
        <v>1186.165</v>
      </c>
      <c r="Y1993">
        <v>1187.7159999999999</v>
      </c>
    </row>
    <row r="1994" spans="1:25" x14ac:dyDescent="0.3">
      <c r="A1994">
        <v>53.383333329871917</v>
      </c>
      <c r="B1994">
        <v>1006.179</v>
      </c>
      <c r="C1994">
        <v>1032.623</v>
      </c>
      <c r="D1994">
        <v>1045.404</v>
      </c>
      <c r="E1994">
        <v>1078.289</v>
      </c>
      <c r="F1994">
        <v>1086.0840000000001</v>
      </c>
      <c r="G1994">
        <v>1106.9369999999999</v>
      </c>
      <c r="H1994">
        <v>1122.6659999999999</v>
      </c>
      <c r="I1994">
        <v>1127.7919999999999</v>
      </c>
      <c r="J1994">
        <v>1133.164</v>
      </c>
      <c r="K1994">
        <v>1126.3869999999999</v>
      </c>
      <c r="L1994">
        <v>1159.8240000000001</v>
      </c>
      <c r="M1994">
        <v>1147.3969999999999</v>
      </c>
      <c r="N1994">
        <v>1113.9190000000001</v>
      </c>
      <c r="O1994">
        <v>1015.232</v>
      </c>
      <c r="P1994">
        <v>0</v>
      </c>
      <c r="Q1994">
        <v>0</v>
      </c>
      <c r="R1994">
        <v>1094.3209999999999</v>
      </c>
      <c r="S1994">
        <v>0</v>
      </c>
      <c r="T1994">
        <v>1119.02</v>
      </c>
      <c r="U1994">
        <v>1140.605</v>
      </c>
      <c r="V1994">
        <v>1152.231</v>
      </c>
      <c r="W1994">
        <v>1170.07</v>
      </c>
      <c r="X1994">
        <v>1181.242</v>
      </c>
      <c r="Y1994">
        <v>1186.7449999999999</v>
      </c>
    </row>
    <row r="1995" spans="1:25" x14ac:dyDescent="0.3">
      <c r="A1995">
        <v>53.400000000434616</v>
      </c>
      <c r="B1995">
        <v>987.02300000000002</v>
      </c>
      <c r="C1995">
        <v>1031.8320000000001</v>
      </c>
      <c r="D1995">
        <v>1051.357</v>
      </c>
      <c r="E1995">
        <v>1083.931</v>
      </c>
      <c r="F1995">
        <v>1090.184</v>
      </c>
      <c r="G1995">
        <v>1114.0319999999999</v>
      </c>
      <c r="H1995">
        <v>1127.924</v>
      </c>
      <c r="I1995">
        <v>1137.5530000000001</v>
      </c>
      <c r="J1995">
        <v>1141.864</v>
      </c>
      <c r="K1995">
        <v>1127.6020000000001</v>
      </c>
      <c r="L1995">
        <v>1159.9390000000001</v>
      </c>
      <c r="M1995">
        <v>1145.508</v>
      </c>
      <c r="N1995">
        <v>1126.0070000000001</v>
      </c>
      <c r="O1995">
        <v>1010.052</v>
      </c>
      <c r="P1995">
        <v>0</v>
      </c>
      <c r="Q1995">
        <v>0</v>
      </c>
      <c r="R1995">
        <v>1096.97</v>
      </c>
      <c r="S1995">
        <v>0</v>
      </c>
      <c r="T1995">
        <v>1115.0519999999999</v>
      </c>
      <c r="U1995">
        <v>1140.1659999999999</v>
      </c>
      <c r="V1995">
        <v>1157.3499999999999</v>
      </c>
      <c r="W1995">
        <v>1172.171</v>
      </c>
      <c r="X1995">
        <v>1184.2650000000001</v>
      </c>
      <c r="Y1995">
        <v>1184.923</v>
      </c>
    </row>
    <row r="1996" spans="1:25" x14ac:dyDescent="0.3">
      <c r="A1996">
        <v>53.433333331082636</v>
      </c>
      <c r="B1996">
        <v>982.95699999999999</v>
      </c>
      <c r="C1996">
        <v>1027.615</v>
      </c>
      <c r="D1996">
        <v>1053.9459999999999</v>
      </c>
      <c r="E1996">
        <v>1086.8330000000001</v>
      </c>
      <c r="F1996">
        <v>1091.5509999999999</v>
      </c>
      <c r="G1996">
        <v>1113.3330000000001</v>
      </c>
      <c r="H1996">
        <v>1127.6400000000001</v>
      </c>
      <c r="I1996">
        <v>1137.7629999999999</v>
      </c>
      <c r="J1996">
        <v>1143.3140000000001</v>
      </c>
      <c r="K1996">
        <v>1129.652</v>
      </c>
      <c r="L1996">
        <v>1163.9459999999999</v>
      </c>
      <c r="M1996">
        <v>1147.3589999999999</v>
      </c>
      <c r="N1996">
        <v>1115.0150000000001</v>
      </c>
      <c r="O1996">
        <v>1009.486</v>
      </c>
      <c r="P1996">
        <v>0</v>
      </c>
      <c r="Q1996">
        <v>0</v>
      </c>
      <c r="R1996">
        <v>1096.8389999999999</v>
      </c>
      <c r="S1996">
        <v>0</v>
      </c>
      <c r="T1996">
        <v>1113.4649999999999</v>
      </c>
      <c r="U1996">
        <v>1137.915</v>
      </c>
      <c r="V1996">
        <v>1149.8009999999999</v>
      </c>
      <c r="W1996">
        <v>1167.3330000000001</v>
      </c>
      <c r="X1996">
        <v>1183.625</v>
      </c>
      <c r="Y1996">
        <v>1186.6479999999999</v>
      </c>
    </row>
    <row r="1997" spans="1:25" x14ac:dyDescent="0.3">
      <c r="A1997">
        <v>53.466666672208035</v>
      </c>
      <c r="B1997">
        <v>988.47900000000004</v>
      </c>
      <c r="C1997">
        <v>1030.9849999999999</v>
      </c>
      <c r="D1997">
        <v>1052.836</v>
      </c>
      <c r="E1997">
        <v>1084.979</v>
      </c>
      <c r="F1997">
        <v>1092.318</v>
      </c>
      <c r="G1997">
        <v>1115.1089999999999</v>
      </c>
      <c r="H1997">
        <v>1126.3869999999999</v>
      </c>
      <c r="I1997">
        <v>1134.3399999999999</v>
      </c>
      <c r="J1997">
        <v>1141.2539999999999</v>
      </c>
      <c r="K1997">
        <v>1128.9680000000001</v>
      </c>
      <c r="L1997">
        <v>1166.2159999999999</v>
      </c>
      <c r="M1997">
        <v>1148.847</v>
      </c>
      <c r="N1997">
        <v>1110.48</v>
      </c>
      <c r="O1997">
        <v>1006.819</v>
      </c>
      <c r="P1997">
        <v>0</v>
      </c>
      <c r="Q1997">
        <v>0</v>
      </c>
      <c r="R1997">
        <v>1101.3520000000001</v>
      </c>
      <c r="S1997">
        <v>0</v>
      </c>
      <c r="T1997">
        <v>1117.7349999999999</v>
      </c>
      <c r="U1997">
        <v>1137.076</v>
      </c>
      <c r="V1997">
        <v>1142.3599999999999</v>
      </c>
      <c r="W1997">
        <v>1161.127</v>
      </c>
      <c r="X1997">
        <v>1184.73</v>
      </c>
      <c r="Y1997">
        <v>1189.2840000000001</v>
      </c>
    </row>
    <row r="1998" spans="1:25" x14ac:dyDescent="0.3">
      <c r="A1998">
        <v>53.483333332293356</v>
      </c>
      <c r="B1998">
        <v>987.17100000000005</v>
      </c>
      <c r="C1998">
        <v>1036.307</v>
      </c>
      <c r="D1998">
        <v>1054.115</v>
      </c>
      <c r="E1998">
        <v>1082.6030000000001</v>
      </c>
      <c r="F1998">
        <v>1092.1510000000001</v>
      </c>
      <c r="G1998">
        <v>1114.6949999999999</v>
      </c>
      <c r="H1998">
        <v>1128.3820000000001</v>
      </c>
      <c r="I1998">
        <v>1141.046</v>
      </c>
      <c r="J1998">
        <v>1148.2190000000001</v>
      </c>
      <c r="K1998">
        <v>1127.8119999999999</v>
      </c>
      <c r="L1998">
        <v>1162.318</v>
      </c>
      <c r="M1998">
        <v>1147.2840000000001</v>
      </c>
      <c r="N1998">
        <v>1115.0730000000001</v>
      </c>
      <c r="O1998">
        <v>1008.702</v>
      </c>
      <c r="P1998">
        <v>0</v>
      </c>
      <c r="Q1998">
        <v>0</v>
      </c>
      <c r="R1998">
        <v>1103.761</v>
      </c>
      <c r="S1998">
        <v>0</v>
      </c>
      <c r="T1998">
        <v>1120.835</v>
      </c>
      <c r="U1998">
        <v>1138.566</v>
      </c>
      <c r="V1998">
        <v>1148.123</v>
      </c>
      <c r="W1998">
        <v>1163.7370000000001</v>
      </c>
      <c r="X1998">
        <v>1186.2819999999999</v>
      </c>
      <c r="Y1998">
        <v>1189.615</v>
      </c>
    </row>
    <row r="1999" spans="1:25" x14ac:dyDescent="0.3">
      <c r="A1999">
        <v>53.516666673418754</v>
      </c>
      <c r="B1999">
        <v>994.92499999999995</v>
      </c>
      <c r="C1999">
        <v>1036.6759999999999</v>
      </c>
      <c r="D1999">
        <v>1050.8409999999999</v>
      </c>
      <c r="E1999">
        <v>1079.894</v>
      </c>
      <c r="F1999">
        <v>1092.825</v>
      </c>
      <c r="G1999">
        <v>1116.6410000000001</v>
      </c>
      <c r="H1999">
        <v>1129.71</v>
      </c>
      <c r="I1999">
        <v>1137.211</v>
      </c>
      <c r="J1999">
        <v>1144.098</v>
      </c>
      <c r="K1999">
        <v>1126.2750000000001</v>
      </c>
      <c r="L1999">
        <v>1158.2529999999999</v>
      </c>
      <c r="M1999">
        <v>1141.4649999999999</v>
      </c>
      <c r="N1999">
        <v>1105.6220000000001</v>
      </c>
      <c r="O1999">
        <v>1006.236</v>
      </c>
      <c r="P1999">
        <v>0</v>
      </c>
      <c r="Q1999">
        <v>0</v>
      </c>
      <c r="R1999">
        <v>1106.299</v>
      </c>
      <c r="S1999">
        <v>0</v>
      </c>
      <c r="T1999">
        <v>1118.7570000000001</v>
      </c>
      <c r="U1999">
        <v>1137.7070000000001</v>
      </c>
      <c r="V1999">
        <v>1148.867</v>
      </c>
      <c r="W1999">
        <v>1170.6120000000001</v>
      </c>
      <c r="X1999">
        <v>1185.797</v>
      </c>
      <c r="Y1999">
        <v>1188.0840000000001</v>
      </c>
    </row>
    <row r="2000" spans="1:25" x14ac:dyDescent="0.3">
      <c r="A2000">
        <v>53.533333333504075</v>
      </c>
      <c r="B2000">
        <v>1005.395</v>
      </c>
      <c r="C2000">
        <v>1036.731</v>
      </c>
      <c r="D2000">
        <v>1050.5630000000001</v>
      </c>
      <c r="E2000">
        <v>1079.7819999999999</v>
      </c>
      <c r="F2000">
        <v>1091.271</v>
      </c>
      <c r="G2000">
        <v>1113.883</v>
      </c>
      <c r="H2000">
        <v>1126.635</v>
      </c>
      <c r="I2000">
        <v>1131.077</v>
      </c>
      <c r="J2000">
        <v>1142.038</v>
      </c>
      <c r="K2000">
        <v>1130.375</v>
      </c>
      <c r="L2000">
        <v>1166.4490000000001</v>
      </c>
      <c r="M2000">
        <v>1144.232</v>
      </c>
      <c r="N2000">
        <v>1098.8150000000001</v>
      </c>
      <c r="O2000">
        <v>1009.25</v>
      </c>
      <c r="P2000">
        <v>0</v>
      </c>
      <c r="Q2000">
        <v>0</v>
      </c>
      <c r="R2000">
        <v>1103.1400000000001</v>
      </c>
      <c r="S2000">
        <v>0</v>
      </c>
      <c r="T2000">
        <v>1121.4780000000001</v>
      </c>
      <c r="U2000">
        <v>1137.8219999999999</v>
      </c>
      <c r="V2000">
        <v>1147.2460000000001</v>
      </c>
      <c r="W2000">
        <v>1169.6089999999999</v>
      </c>
      <c r="X2000">
        <v>1190.778</v>
      </c>
      <c r="Y2000">
        <v>1192.9670000000001</v>
      </c>
    </row>
    <row r="2001" spans="1:25" x14ac:dyDescent="0.3">
      <c r="A2001">
        <v>53.566666664152095</v>
      </c>
      <c r="B2001">
        <v>1007.076</v>
      </c>
      <c r="C2001">
        <v>1034.337</v>
      </c>
      <c r="D2001">
        <v>1052.172</v>
      </c>
      <c r="E2001">
        <v>1080.527</v>
      </c>
      <c r="F2001">
        <v>1090.8599999999999</v>
      </c>
      <c r="G2001">
        <v>1111.8800000000001</v>
      </c>
      <c r="H2001">
        <v>1127.1289999999999</v>
      </c>
      <c r="I2001">
        <v>1131.001</v>
      </c>
      <c r="J2001">
        <v>1135.633</v>
      </c>
      <c r="K2001">
        <v>1123.2750000000001</v>
      </c>
      <c r="L2001">
        <v>1159.231</v>
      </c>
      <c r="M2001">
        <v>1141.866</v>
      </c>
      <c r="N2001">
        <v>1102.557</v>
      </c>
      <c r="O2001">
        <v>1011.242</v>
      </c>
      <c r="P2001">
        <v>0</v>
      </c>
      <c r="Q2001">
        <v>0</v>
      </c>
      <c r="R2001">
        <v>1102.971</v>
      </c>
      <c r="S2001">
        <v>0</v>
      </c>
      <c r="T2001">
        <v>1124.7940000000001</v>
      </c>
      <c r="U2001">
        <v>1142.877</v>
      </c>
      <c r="V2001">
        <v>1152.271</v>
      </c>
      <c r="W2001">
        <v>1174.6980000000001</v>
      </c>
      <c r="X2001">
        <v>1191.7850000000001</v>
      </c>
      <c r="Y2001">
        <v>1191.6300000000001</v>
      </c>
    </row>
    <row r="2002" spans="1:25" x14ac:dyDescent="0.3">
      <c r="A2002">
        <v>53.600000005277494</v>
      </c>
      <c r="B2002">
        <v>993.45</v>
      </c>
      <c r="C2002">
        <v>1034.9079999999999</v>
      </c>
      <c r="D2002">
        <v>1050.4159999999999</v>
      </c>
      <c r="E2002">
        <v>1081.9480000000001</v>
      </c>
      <c r="F2002">
        <v>1091.5519999999999</v>
      </c>
      <c r="G2002">
        <v>1113.5989999999999</v>
      </c>
      <c r="H2002">
        <v>1129.7670000000001</v>
      </c>
      <c r="I2002">
        <v>1135.1579999999999</v>
      </c>
      <c r="J2002">
        <v>1137.6690000000001</v>
      </c>
      <c r="K2002">
        <v>1123.4649999999999</v>
      </c>
      <c r="L2002">
        <v>1158.905</v>
      </c>
      <c r="M2002">
        <v>1143.8309999999999</v>
      </c>
      <c r="N2002">
        <v>1102.538</v>
      </c>
      <c r="O2002">
        <v>1009.1950000000001</v>
      </c>
      <c r="P2002">
        <v>0</v>
      </c>
      <c r="Q2002">
        <v>0</v>
      </c>
      <c r="R2002">
        <v>1102.6320000000001</v>
      </c>
      <c r="S2002">
        <v>0</v>
      </c>
      <c r="T2002">
        <v>1123.2750000000001</v>
      </c>
      <c r="U2002">
        <v>1141.5039999999999</v>
      </c>
      <c r="V2002">
        <v>1149.8209999999999</v>
      </c>
      <c r="W2002">
        <v>1168.9349999999999</v>
      </c>
      <c r="X2002">
        <v>1187.6959999999999</v>
      </c>
      <c r="Y2002">
        <v>1192.056</v>
      </c>
    </row>
    <row r="2003" spans="1:25" x14ac:dyDescent="0.3">
      <c r="A2003">
        <v>53.616666665362814</v>
      </c>
      <c r="B2003">
        <v>986.07799999999997</v>
      </c>
      <c r="C2003">
        <v>1035.0740000000001</v>
      </c>
      <c r="D2003">
        <v>1048.9549999999999</v>
      </c>
      <c r="E2003">
        <v>1081.2929999999999</v>
      </c>
      <c r="F2003">
        <v>1092.8820000000001</v>
      </c>
      <c r="G2003">
        <v>1114.884</v>
      </c>
      <c r="H2003">
        <v>1130.527</v>
      </c>
      <c r="I2003">
        <v>1139.31</v>
      </c>
      <c r="J2003">
        <v>1138.9469999999999</v>
      </c>
      <c r="K2003">
        <v>1125.895</v>
      </c>
      <c r="L2003">
        <v>1160.0940000000001</v>
      </c>
      <c r="M2003">
        <v>1145.2619999999999</v>
      </c>
      <c r="N2003">
        <v>1109.7829999999999</v>
      </c>
      <c r="O2003">
        <v>1009.944</v>
      </c>
      <c r="P2003">
        <v>0</v>
      </c>
      <c r="Q2003">
        <v>0</v>
      </c>
      <c r="R2003">
        <v>1100.9960000000001</v>
      </c>
      <c r="S2003">
        <v>0</v>
      </c>
      <c r="T2003">
        <v>1116.8109999999999</v>
      </c>
      <c r="U2003">
        <v>1134.893</v>
      </c>
      <c r="V2003">
        <v>1143.4110000000001</v>
      </c>
      <c r="W2003">
        <v>1165.4659999999999</v>
      </c>
      <c r="X2003">
        <v>1188.316</v>
      </c>
      <c r="Y2003">
        <v>1189.615</v>
      </c>
    </row>
    <row r="2004" spans="1:25" x14ac:dyDescent="0.3">
      <c r="A2004">
        <v>53.650000006488213</v>
      </c>
      <c r="B2004">
        <v>994.61500000000001</v>
      </c>
      <c r="C2004">
        <v>1037.7619999999999</v>
      </c>
      <c r="D2004">
        <v>1051.931</v>
      </c>
      <c r="E2004">
        <v>1082.809</v>
      </c>
      <c r="F2004">
        <v>1093.2750000000001</v>
      </c>
      <c r="G2004">
        <v>1113.769</v>
      </c>
      <c r="H2004">
        <v>1133.431</v>
      </c>
      <c r="I2004">
        <v>1142.3620000000001</v>
      </c>
      <c r="J2004">
        <v>1142.3620000000001</v>
      </c>
      <c r="K2004">
        <v>1126.4079999999999</v>
      </c>
      <c r="L2004">
        <v>1162.471</v>
      </c>
      <c r="M2004">
        <v>1149.383</v>
      </c>
      <c r="N2004">
        <v>1115.5640000000001</v>
      </c>
      <c r="O2004">
        <v>1016.26</v>
      </c>
      <c r="P2004">
        <v>0</v>
      </c>
      <c r="Q2004">
        <v>0</v>
      </c>
      <c r="R2004">
        <v>1100.319</v>
      </c>
      <c r="S2004">
        <v>0</v>
      </c>
      <c r="T2004">
        <v>1114.752</v>
      </c>
      <c r="U2004">
        <v>1131.3240000000001</v>
      </c>
      <c r="V2004">
        <v>1139.31</v>
      </c>
      <c r="W2004">
        <v>1159.845</v>
      </c>
      <c r="X2004">
        <v>1185.894</v>
      </c>
      <c r="Y2004">
        <v>1187.386</v>
      </c>
    </row>
    <row r="2005" spans="1:25" x14ac:dyDescent="0.3">
      <c r="A2005">
        <v>53.666666666573533</v>
      </c>
      <c r="B2005">
        <v>997.10900000000004</v>
      </c>
      <c r="C2005">
        <v>1036.05</v>
      </c>
      <c r="D2005">
        <v>1052.7080000000001</v>
      </c>
      <c r="E2005">
        <v>1083.3150000000001</v>
      </c>
      <c r="F2005">
        <v>1094.23</v>
      </c>
      <c r="G2005">
        <v>1114.4680000000001</v>
      </c>
      <c r="H2005">
        <v>1134.5129999999999</v>
      </c>
      <c r="I2005">
        <v>1143.43</v>
      </c>
      <c r="J2005">
        <v>1149.02</v>
      </c>
      <c r="K2005">
        <v>1132.2159999999999</v>
      </c>
      <c r="L2005">
        <v>1168.106</v>
      </c>
      <c r="M2005">
        <v>1150.68</v>
      </c>
      <c r="N2005">
        <v>1120.325</v>
      </c>
      <c r="O2005">
        <v>1018.4059999999999</v>
      </c>
      <c r="P2005">
        <v>0</v>
      </c>
      <c r="Q2005">
        <v>0</v>
      </c>
      <c r="R2005">
        <v>1099.567</v>
      </c>
      <c r="S2005">
        <v>0</v>
      </c>
      <c r="T2005">
        <v>1113.864</v>
      </c>
      <c r="U2005">
        <v>1130.0899999999999</v>
      </c>
      <c r="V2005">
        <v>1140.1679999999999</v>
      </c>
      <c r="W2005">
        <v>1164.6189999999999</v>
      </c>
      <c r="X2005">
        <v>1187.7929999999999</v>
      </c>
      <c r="Y2005">
        <v>1185.894</v>
      </c>
    </row>
    <row r="2006" spans="1:25" x14ac:dyDescent="0.3">
      <c r="A2006">
        <v>53.699999997221553</v>
      </c>
      <c r="B2006">
        <v>981.346</v>
      </c>
      <c r="C2006">
        <v>1036.934</v>
      </c>
      <c r="D2006">
        <v>1053.7819999999999</v>
      </c>
      <c r="E2006">
        <v>1082.6420000000001</v>
      </c>
      <c r="F2006">
        <v>1093.5940000000001</v>
      </c>
      <c r="G2006">
        <v>1112.845</v>
      </c>
      <c r="H2006">
        <v>1131.306</v>
      </c>
      <c r="I2006">
        <v>1141.5619999999999</v>
      </c>
      <c r="J2006">
        <v>1143.451</v>
      </c>
      <c r="K2006">
        <v>1129.3889999999999</v>
      </c>
      <c r="L2006">
        <v>1166.816</v>
      </c>
      <c r="M2006">
        <v>1152.6369999999999</v>
      </c>
      <c r="N2006">
        <v>1110.3130000000001</v>
      </c>
      <c r="O2006">
        <v>1019.159</v>
      </c>
      <c r="P2006">
        <v>0</v>
      </c>
      <c r="Q2006">
        <v>0</v>
      </c>
      <c r="R2006">
        <v>1102.3140000000001</v>
      </c>
      <c r="S2006">
        <v>0</v>
      </c>
      <c r="T2006">
        <v>1116.6420000000001</v>
      </c>
      <c r="U2006">
        <v>1134.211</v>
      </c>
      <c r="V2006">
        <v>1145.0150000000001</v>
      </c>
      <c r="W2006">
        <v>1164.9459999999999</v>
      </c>
      <c r="X2006">
        <v>1192.077</v>
      </c>
      <c r="Y2006">
        <v>1190.4690000000001</v>
      </c>
    </row>
    <row r="2007" spans="1:25" x14ac:dyDescent="0.3">
      <c r="A2007">
        <v>53.733333338346952</v>
      </c>
      <c r="B2007">
        <v>971.79100000000005</v>
      </c>
      <c r="C2007">
        <v>1025.633</v>
      </c>
      <c r="D2007">
        <v>1050.953</v>
      </c>
      <c r="E2007">
        <v>1082.0429999999999</v>
      </c>
      <c r="F2007">
        <v>1091.6469999999999</v>
      </c>
      <c r="G2007">
        <v>1109.9349999999999</v>
      </c>
      <c r="H2007">
        <v>1129.769</v>
      </c>
      <c r="I2007">
        <v>1138.643</v>
      </c>
      <c r="J2007">
        <v>1139.502</v>
      </c>
      <c r="K2007">
        <v>1123.4100000000001</v>
      </c>
      <c r="L2007">
        <v>1158.3889999999999</v>
      </c>
      <c r="M2007">
        <v>1146.5219999999999</v>
      </c>
      <c r="N2007">
        <v>1107.241</v>
      </c>
      <c r="O2007">
        <v>1011.225</v>
      </c>
      <c r="P2007">
        <v>0</v>
      </c>
      <c r="Q2007">
        <v>0</v>
      </c>
      <c r="R2007">
        <v>1100.885</v>
      </c>
      <c r="S2007">
        <v>0</v>
      </c>
      <c r="T2007">
        <v>1122.6500000000001</v>
      </c>
      <c r="U2007">
        <v>1141.7909999999999</v>
      </c>
      <c r="V2007">
        <v>1147.3040000000001</v>
      </c>
      <c r="W2007">
        <v>1169.7460000000001</v>
      </c>
      <c r="X2007">
        <v>1195.617</v>
      </c>
      <c r="Y2007">
        <v>1192.7170000000001</v>
      </c>
    </row>
    <row r="2008" spans="1:25" x14ac:dyDescent="0.3">
      <c r="A2008">
        <v>53.749999998432273</v>
      </c>
      <c r="B2008">
        <v>973.56500000000005</v>
      </c>
      <c r="C2008">
        <v>1027.655</v>
      </c>
      <c r="D2008">
        <v>1050.546</v>
      </c>
      <c r="E2008">
        <v>1085.319</v>
      </c>
      <c r="F2008">
        <v>1094.511</v>
      </c>
      <c r="G2008">
        <v>1115.1869999999999</v>
      </c>
      <c r="H2008">
        <v>1132.729</v>
      </c>
      <c r="I2008">
        <v>1136.222</v>
      </c>
      <c r="J2008">
        <v>1142.6300000000001</v>
      </c>
      <c r="K2008">
        <v>1131.3820000000001</v>
      </c>
      <c r="L2008">
        <v>1167.49</v>
      </c>
      <c r="M2008">
        <v>1147.1510000000001</v>
      </c>
      <c r="N2008">
        <v>1100.452</v>
      </c>
      <c r="O2008">
        <v>1016.279</v>
      </c>
      <c r="P2008">
        <v>0</v>
      </c>
      <c r="Q2008">
        <v>0</v>
      </c>
      <c r="R2008">
        <v>1100.038</v>
      </c>
      <c r="S2008">
        <v>0</v>
      </c>
      <c r="T2008">
        <v>1121.875</v>
      </c>
      <c r="U2008">
        <v>1141.1420000000001</v>
      </c>
      <c r="V2008">
        <v>1148.8869999999999</v>
      </c>
      <c r="W2008">
        <v>1169.1089999999999</v>
      </c>
      <c r="X2008">
        <v>1194.018</v>
      </c>
      <c r="Y2008">
        <v>1191.2819999999999</v>
      </c>
    </row>
    <row r="2009" spans="1:25" x14ac:dyDescent="0.3">
      <c r="A2009">
        <v>53.783333339557672</v>
      </c>
      <c r="B2009">
        <v>961.85199999999998</v>
      </c>
      <c r="C2009">
        <v>1028.4090000000001</v>
      </c>
      <c r="D2009">
        <v>1049.4359999999999</v>
      </c>
      <c r="E2009">
        <v>1081.3679999999999</v>
      </c>
      <c r="F2009">
        <v>1092.3389999999999</v>
      </c>
      <c r="G2009">
        <v>1114.1479999999999</v>
      </c>
      <c r="H2009">
        <v>1131.268</v>
      </c>
      <c r="I2009">
        <v>1139.654</v>
      </c>
      <c r="J2009">
        <v>1144.7470000000001</v>
      </c>
      <c r="K2009">
        <v>1128.8</v>
      </c>
      <c r="L2009">
        <v>1163.6990000000001</v>
      </c>
      <c r="M2009">
        <v>1146.96</v>
      </c>
      <c r="N2009">
        <v>1119.4949999999999</v>
      </c>
      <c r="O2009">
        <v>1016.628</v>
      </c>
      <c r="P2009">
        <v>0</v>
      </c>
      <c r="Q2009">
        <v>0</v>
      </c>
      <c r="R2009">
        <v>1099.53</v>
      </c>
      <c r="S2009">
        <v>0</v>
      </c>
      <c r="T2009">
        <v>1119.249</v>
      </c>
      <c r="U2009">
        <v>1137.384</v>
      </c>
      <c r="V2009">
        <v>1143.221</v>
      </c>
      <c r="W2009">
        <v>1163.316</v>
      </c>
      <c r="X2009">
        <v>1190.2360000000001</v>
      </c>
      <c r="Y2009">
        <v>1190.3520000000001</v>
      </c>
    </row>
    <row r="2010" spans="1:25" x14ac:dyDescent="0.3">
      <c r="A2010">
        <v>53.799999999642992</v>
      </c>
      <c r="B2010">
        <v>954.38699999999994</v>
      </c>
      <c r="C2010">
        <v>1025.2840000000001</v>
      </c>
      <c r="D2010">
        <v>1051.193</v>
      </c>
      <c r="E2010">
        <v>1081.2929999999999</v>
      </c>
      <c r="F2010">
        <v>1090.673</v>
      </c>
      <c r="G2010">
        <v>1111.0309999999999</v>
      </c>
      <c r="H2010">
        <v>1128.3820000000001</v>
      </c>
      <c r="I2010">
        <v>1141.81</v>
      </c>
      <c r="J2010">
        <v>1145.434</v>
      </c>
      <c r="K2010">
        <v>1126.9780000000001</v>
      </c>
      <c r="L2010">
        <v>1159.615</v>
      </c>
      <c r="M2010">
        <v>1142.5920000000001</v>
      </c>
      <c r="N2010">
        <v>1133.356</v>
      </c>
      <c r="O2010">
        <v>1016.958</v>
      </c>
      <c r="P2010">
        <v>0</v>
      </c>
      <c r="Q2010">
        <v>0</v>
      </c>
      <c r="R2010">
        <v>1100.2260000000001</v>
      </c>
      <c r="S2010">
        <v>0</v>
      </c>
      <c r="T2010">
        <v>1118.682</v>
      </c>
      <c r="U2010">
        <v>1133.204</v>
      </c>
      <c r="V2010">
        <v>1140.798</v>
      </c>
      <c r="W2010">
        <v>1161.3789999999999</v>
      </c>
      <c r="X2010">
        <v>1189.48</v>
      </c>
      <c r="Y2010">
        <v>1189.9639999999999</v>
      </c>
    </row>
    <row r="2011" spans="1:25" x14ac:dyDescent="0.3">
      <c r="A2011">
        <v>53.833333330291012</v>
      </c>
      <c r="B2011">
        <v>961.85199999999998</v>
      </c>
      <c r="C2011">
        <v>1018.48</v>
      </c>
      <c r="D2011">
        <v>1050.5830000000001</v>
      </c>
      <c r="E2011">
        <v>1080.174</v>
      </c>
      <c r="F2011">
        <v>1086.854</v>
      </c>
      <c r="G2011">
        <v>1107.7670000000001</v>
      </c>
      <c r="H2011">
        <v>1126.693</v>
      </c>
      <c r="I2011">
        <v>1141.046</v>
      </c>
      <c r="J2011">
        <v>1146.655</v>
      </c>
      <c r="K2011">
        <v>1129.3689999999999</v>
      </c>
      <c r="L2011">
        <v>1162.127</v>
      </c>
      <c r="M2011">
        <v>1148.4290000000001</v>
      </c>
      <c r="N2011">
        <v>1129.9390000000001</v>
      </c>
      <c r="O2011">
        <v>1015.527</v>
      </c>
      <c r="P2011">
        <v>0</v>
      </c>
      <c r="Q2011">
        <v>0</v>
      </c>
      <c r="R2011">
        <v>1096.71</v>
      </c>
      <c r="S2011">
        <v>0</v>
      </c>
      <c r="T2011">
        <v>1119.4190000000001</v>
      </c>
      <c r="U2011">
        <v>1133.223</v>
      </c>
      <c r="V2011">
        <v>1140.837</v>
      </c>
      <c r="W2011">
        <v>1163.258</v>
      </c>
      <c r="X2011">
        <v>1184.364</v>
      </c>
      <c r="Y2011">
        <v>1192.212</v>
      </c>
    </row>
    <row r="2012" spans="1:25" x14ac:dyDescent="0.3">
      <c r="A2012">
        <v>53.866666671416411</v>
      </c>
      <c r="B2012">
        <v>986.66099999999994</v>
      </c>
      <c r="C2012">
        <v>1024.8620000000001</v>
      </c>
      <c r="D2012">
        <v>1053.4290000000001</v>
      </c>
      <c r="E2012">
        <v>1081.78</v>
      </c>
      <c r="F2012">
        <v>1088.501</v>
      </c>
      <c r="G2012">
        <v>1108.8579999999999</v>
      </c>
      <c r="H2012">
        <v>1125.877</v>
      </c>
      <c r="I2012">
        <v>1139.787</v>
      </c>
      <c r="J2012">
        <v>1143.8699999999999</v>
      </c>
      <c r="K2012">
        <v>1131.3440000000001</v>
      </c>
      <c r="L2012">
        <v>1168.107</v>
      </c>
      <c r="M2012">
        <v>1151.0830000000001</v>
      </c>
      <c r="N2012">
        <v>1130.356</v>
      </c>
      <c r="O2012">
        <v>1013.07</v>
      </c>
      <c r="P2012">
        <v>0</v>
      </c>
      <c r="Q2012">
        <v>0</v>
      </c>
      <c r="R2012">
        <v>1095.807</v>
      </c>
      <c r="S2012">
        <v>0</v>
      </c>
      <c r="T2012">
        <v>1121.0820000000001</v>
      </c>
      <c r="U2012">
        <v>1139.2339999999999</v>
      </c>
      <c r="V2012">
        <v>1144.0419999999999</v>
      </c>
      <c r="W2012">
        <v>1162.434</v>
      </c>
      <c r="X2012">
        <v>1183.492</v>
      </c>
      <c r="Y2012">
        <v>1191.3789999999999</v>
      </c>
    </row>
    <row r="2013" spans="1:25" x14ac:dyDescent="0.3">
      <c r="A2013">
        <v>53.883333331501731</v>
      </c>
      <c r="B2013">
        <v>998.05600000000004</v>
      </c>
      <c r="C2013">
        <v>1029.643</v>
      </c>
      <c r="D2013">
        <v>1055.8599999999999</v>
      </c>
      <c r="E2013">
        <v>1082.51</v>
      </c>
      <c r="F2013">
        <v>1089.7560000000001</v>
      </c>
      <c r="G2013">
        <v>1110.4449999999999</v>
      </c>
      <c r="H2013">
        <v>1127.9269999999999</v>
      </c>
      <c r="I2013">
        <v>1142.038</v>
      </c>
      <c r="J2013">
        <v>1145.816</v>
      </c>
      <c r="K2013">
        <v>1130.1289999999999</v>
      </c>
      <c r="L2013">
        <v>1160.7660000000001</v>
      </c>
      <c r="M2013">
        <v>1144.0029999999999</v>
      </c>
      <c r="N2013">
        <v>1113.4870000000001</v>
      </c>
      <c r="O2013">
        <v>1019.324</v>
      </c>
      <c r="P2013">
        <v>0</v>
      </c>
      <c r="Q2013">
        <v>0</v>
      </c>
      <c r="R2013">
        <v>1095.6189999999999</v>
      </c>
      <c r="S2013">
        <v>0</v>
      </c>
      <c r="T2013">
        <v>1118.3420000000001</v>
      </c>
      <c r="U2013">
        <v>1138.547</v>
      </c>
      <c r="V2013">
        <v>1147.075</v>
      </c>
      <c r="W2013">
        <v>1163.7760000000001</v>
      </c>
      <c r="X2013">
        <v>1184.0730000000001</v>
      </c>
      <c r="Y2013">
        <v>1190.546</v>
      </c>
    </row>
    <row r="2014" spans="1:25" x14ac:dyDescent="0.3">
      <c r="A2014">
        <v>53.91666667262713</v>
      </c>
      <c r="B2014">
        <v>1004.775</v>
      </c>
      <c r="C2014">
        <v>1032.6990000000001</v>
      </c>
      <c r="D2014">
        <v>1052.69</v>
      </c>
      <c r="E2014">
        <v>1081.106</v>
      </c>
      <c r="F2014">
        <v>1086.9100000000001</v>
      </c>
      <c r="G2014">
        <v>1107.127</v>
      </c>
      <c r="H2014">
        <v>1124.434</v>
      </c>
      <c r="I2014">
        <v>1135.482</v>
      </c>
      <c r="J2014">
        <v>1143.7170000000001</v>
      </c>
      <c r="K2014">
        <v>1131.097</v>
      </c>
      <c r="L2014">
        <v>1165.7940000000001</v>
      </c>
      <c r="M2014">
        <v>1147.3420000000001</v>
      </c>
      <c r="N2014">
        <v>1108.8009999999999</v>
      </c>
      <c r="O2014">
        <v>1018.682</v>
      </c>
      <c r="P2014">
        <v>0</v>
      </c>
      <c r="Q2014">
        <v>0</v>
      </c>
      <c r="R2014">
        <v>1100.32</v>
      </c>
      <c r="S2014">
        <v>0</v>
      </c>
      <c r="T2014">
        <v>1119.627</v>
      </c>
      <c r="U2014">
        <v>1136.165</v>
      </c>
      <c r="V2014">
        <v>1145.644</v>
      </c>
      <c r="W2014">
        <v>1166.3720000000001</v>
      </c>
      <c r="X2014">
        <v>1184.1120000000001</v>
      </c>
      <c r="Y2014">
        <v>1185.779</v>
      </c>
    </row>
    <row r="2015" spans="1:25" x14ac:dyDescent="0.3">
      <c r="A2015">
        <v>53.95000000327515</v>
      </c>
      <c r="B2015">
        <v>1000.518</v>
      </c>
      <c r="C2015">
        <v>1032.5709999999999</v>
      </c>
      <c r="D2015">
        <v>1052.4870000000001</v>
      </c>
      <c r="E2015">
        <v>1080.808</v>
      </c>
      <c r="F2015">
        <v>1088.6890000000001</v>
      </c>
      <c r="G2015">
        <v>1109.3689999999999</v>
      </c>
      <c r="H2015">
        <v>1128.5540000000001</v>
      </c>
      <c r="I2015">
        <v>1135.9570000000001</v>
      </c>
      <c r="J2015">
        <v>1149.5550000000001</v>
      </c>
      <c r="K2015">
        <v>1134.3240000000001</v>
      </c>
      <c r="L2015">
        <v>1168.165</v>
      </c>
      <c r="M2015">
        <v>1150.777</v>
      </c>
      <c r="N2015">
        <v>1124.8520000000001</v>
      </c>
      <c r="O2015">
        <v>1015.693</v>
      </c>
      <c r="P2015">
        <v>0</v>
      </c>
      <c r="Q2015">
        <v>0</v>
      </c>
      <c r="R2015">
        <v>1103.2729999999999</v>
      </c>
      <c r="S2015">
        <v>0</v>
      </c>
      <c r="T2015">
        <v>1119.665</v>
      </c>
      <c r="U2015">
        <v>1135.3679999999999</v>
      </c>
      <c r="V2015">
        <v>1143.6990000000001</v>
      </c>
      <c r="W2015">
        <v>1168.82</v>
      </c>
      <c r="X2015">
        <v>1188.6469999999999</v>
      </c>
      <c r="Y2015">
        <v>1187.9110000000001</v>
      </c>
    </row>
    <row r="2016" spans="1:25" x14ac:dyDescent="0.3">
      <c r="A2016">
        <v>53.966666663360471</v>
      </c>
      <c r="B2016">
        <v>988.22699999999998</v>
      </c>
      <c r="C2016">
        <v>1031.079</v>
      </c>
      <c r="D2016">
        <v>1047.7539999999999</v>
      </c>
      <c r="E2016">
        <v>1079.3910000000001</v>
      </c>
      <c r="F2016">
        <v>1090.0930000000001</v>
      </c>
      <c r="G2016">
        <v>1110.4259999999999</v>
      </c>
      <c r="H2016">
        <v>1128.6099999999999</v>
      </c>
      <c r="I2016">
        <v>1135.2349999999999</v>
      </c>
      <c r="J2016">
        <v>1147.7809999999999</v>
      </c>
      <c r="K2016">
        <v>1135.3679999999999</v>
      </c>
      <c r="L2016">
        <v>1167.297</v>
      </c>
      <c r="M2016">
        <v>1151.3320000000001</v>
      </c>
      <c r="N2016">
        <v>1142.7249999999999</v>
      </c>
      <c r="O2016">
        <v>1011.918</v>
      </c>
      <c r="P2016">
        <v>0</v>
      </c>
      <c r="Q2016">
        <v>0</v>
      </c>
      <c r="R2016">
        <v>1101.9369999999999</v>
      </c>
      <c r="S2016">
        <v>0</v>
      </c>
      <c r="T2016">
        <v>1123.124</v>
      </c>
      <c r="U2016">
        <v>1140.2829999999999</v>
      </c>
      <c r="V2016">
        <v>1150.07</v>
      </c>
      <c r="W2016">
        <v>1170.0530000000001</v>
      </c>
      <c r="X2016">
        <v>1185.2750000000001</v>
      </c>
      <c r="Y2016">
        <v>1188.8399999999999</v>
      </c>
    </row>
    <row r="2017" spans="1:25" x14ac:dyDescent="0.3">
      <c r="A2017">
        <v>54.000000004485869</v>
      </c>
      <c r="B2017">
        <v>992.81399999999996</v>
      </c>
      <c r="C2017">
        <v>1033.97</v>
      </c>
      <c r="D2017">
        <v>1051.8579999999999</v>
      </c>
      <c r="E2017">
        <v>1081.087</v>
      </c>
      <c r="F2017">
        <v>1089.8869999999999</v>
      </c>
      <c r="G2017">
        <v>1112.9580000000001</v>
      </c>
      <c r="H2017">
        <v>1129.9390000000001</v>
      </c>
      <c r="I2017">
        <v>1135.0640000000001</v>
      </c>
      <c r="J2017">
        <v>1141.3140000000001</v>
      </c>
      <c r="K2017">
        <v>1127.2049999999999</v>
      </c>
      <c r="L2017">
        <v>1158.5609999999999</v>
      </c>
      <c r="M2017">
        <v>1142.172</v>
      </c>
      <c r="N2017">
        <v>1144.595</v>
      </c>
      <c r="O2017">
        <v>1011.644</v>
      </c>
      <c r="P2017">
        <v>0</v>
      </c>
      <c r="Q2017">
        <v>0</v>
      </c>
      <c r="R2017">
        <v>1101.335</v>
      </c>
      <c r="S2017">
        <v>0</v>
      </c>
      <c r="T2017">
        <v>1120.08</v>
      </c>
      <c r="U2017">
        <v>1137.6130000000001</v>
      </c>
      <c r="V2017">
        <v>1151.5429999999999</v>
      </c>
      <c r="W2017">
        <v>1170.9590000000001</v>
      </c>
      <c r="X2017">
        <v>1187.4449999999999</v>
      </c>
      <c r="Y2017">
        <v>1188.356</v>
      </c>
    </row>
    <row r="2018" spans="1:25" x14ac:dyDescent="0.3">
      <c r="A2018">
        <v>54.01666666457119</v>
      </c>
      <c r="B2018">
        <v>1000.335</v>
      </c>
      <c r="C2018">
        <v>1036.4559999999999</v>
      </c>
      <c r="D2018">
        <v>1050.8969999999999</v>
      </c>
      <c r="E2018">
        <v>1080.585</v>
      </c>
      <c r="F2018">
        <v>1087.7719999999999</v>
      </c>
      <c r="G2018">
        <v>1108.125</v>
      </c>
      <c r="H2018">
        <v>1122.461</v>
      </c>
      <c r="I2018">
        <v>1128.402</v>
      </c>
      <c r="J2018">
        <v>1137.384</v>
      </c>
      <c r="K2018">
        <v>1124.9849999999999</v>
      </c>
      <c r="L2018">
        <v>1155.819</v>
      </c>
      <c r="M2018">
        <v>1139.941</v>
      </c>
      <c r="N2018">
        <v>1128.914</v>
      </c>
      <c r="O2018">
        <v>1015.803</v>
      </c>
      <c r="P2018">
        <v>0</v>
      </c>
      <c r="Q2018">
        <v>0</v>
      </c>
      <c r="R2018">
        <v>1103.931</v>
      </c>
      <c r="S2018">
        <v>0</v>
      </c>
      <c r="T2018">
        <v>1123.163</v>
      </c>
      <c r="U2018">
        <v>1140.1310000000001</v>
      </c>
      <c r="V2018">
        <v>1150.395</v>
      </c>
      <c r="W2018">
        <v>1166.681</v>
      </c>
      <c r="X2018">
        <v>1184.578</v>
      </c>
      <c r="Y2018">
        <v>1190.585</v>
      </c>
    </row>
    <row r="2019" spans="1:25" x14ac:dyDescent="0.3">
      <c r="A2019">
        <v>54.050000005696589</v>
      </c>
      <c r="B2019">
        <v>998.74800000000005</v>
      </c>
      <c r="C2019">
        <v>1037.0260000000001</v>
      </c>
      <c r="D2019">
        <v>1051.895</v>
      </c>
      <c r="E2019">
        <v>1081.125</v>
      </c>
      <c r="F2019">
        <v>1089.8869999999999</v>
      </c>
      <c r="G2019">
        <v>1108.3119999999999</v>
      </c>
      <c r="H2019">
        <v>1123.58</v>
      </c>
      <c r="I2019">
        <v>1134.4000000000001</v>
      </c>
      <c r="J2019">
        <v>1141.085</v>
      </c>
      <c r="K2019">
        <v>1130.319</v>
      </c>
      <c r="L2019">
        <v>1161.1679999999999</v>
      </c>
      <c r="M2019">
        <v>1145.1859999999999</v>
      </c>
      <c r="N2019">
        <v>1127.433</v>
      </c>
      <c r="O2019">
        <v>1018.535</v>
      </c>
      <c r="P2019">
        <v>0</v>
      </c>
      <c r="Q2019">
        <v>0</v>
      </c>
      <c r="R2019">
        <v>1100.9590000000001</v>
      </c>
      <c r="S2019">
        <v>0</v>
      </c>
      <c r="T2019">
        <v>1121.4590000000001</v>
      </c>
      <c r="U2019">
        <v>1140.2070000000001</v>
      </c>
      <c r="V2019">
        <v>1152.0989999999999</v>
      </c>
      <c r="W2019">
        <v>1176.626</v>
      </c>
      <c r="X2019">
        <v>1188.414</v>
      </c>
      <c r="Y2019">
        <v>1184.9839999999999</v>
      </c>
    </row>
    <row r="2020" spans="1:25" x14ac:dyDescent="0.3">
      <c r="A2020">
        <v>54.083333336344609</v>
      </c>
      <c r="B2020">
        <v>1002.454</v>
      </c>
      <c r="C2020">
        <v>1036.5840000000001</v>
      </c>
      <c r="D2020">
        <v>1050.971</v>
      </c>
      <c r="E2020">
        <v>1081.9110000000001</v>
      </c>
      <c r="F2020">
        <v>1090.5609999999999</v>
      </c>
      <c r="G2020">
        <v>1109.2739999999999</v>
      </c>
      <c r="H2020">
        <v>1124.396</v>
      </c>
      <c r="I2020">
        <v>1134.077</v>
      </c>
      <c r="J2020">
        <v>1146.751</v>
      </c>
      <c r="K2020">
        <v>1133.83</v>
      </c>
      <c r="L2020">
        <v>1167.143</v>
      </c>
      <c r="M2020">
        <v>1146.5219999999999</v>
      </c>
      <c r="N2020">
        <v>1130.432</v>
      </c>
      <c r="O2020">
        <v>1017.471</v>
      </c>
      <c r="P2020">
        <v>0</v>
      </c>
      <c r="Q2020">
        <v>0</v>
      </c>
      <c r="R2020">
        <v>1097.7629999999999</v>
      </c>
      <c r="S2020">
        <v>0</v>
      </c>
      <c r="T2020">
        <v>1117.681</v>
      </c>
      <c r="U2020">
        <v>1135.0070000000001</v>
      </c>
      <c r="V2020">
        <v>1151.9069999999999</v>
      </c>
      <c r="W2020">
        <v>1172.559</v>
      </c>
      <c r="X2020">
        <v>1189.519</v>
      </c>
      <c r="Y2020">
        <v>1186.941</v>
      </c>
    </row>
    <row r="2021" spans="1:25" x14ac:dyDescent="0.3">
      <c r="A2021">
        <v>54.099999996429929</v>
      </c>
      <c r="B2021">
        <v>992.65099999999995</v>
      </c>
      <c r="C2021">
        <v>1034.173</v>
      </c>
      <c r="D2021">
        <v>1051.1189999999999</v>
      </c>
      <c r="E2021">
        <v>1080.9760000000001</v>
      </c>
      <c r="F2021">
        <v>1095.2249999999999</v>
      </c>
      <c r="G2021">
        <v>1113.771</v>
      </c>
      <c r="H2021">
        <v>1127.7570000000001</v>
      </c>
      <c r="I2021">
        <v>1136.9839999999999</v>
      </c>
      <c r="J2021">
        <v>1151.0260000000001</v>
      </c>
      <c r="K2021">
        <v>1136.204</v>
      </c>
      <c r="L2021">
        <v>1165.2739999999999</v>
      </c>
      <c r="M2021">
        <v>1143.279</v>
      </c>
      <c r="N2021">
        <v>1125.7629999999999</v>
      </c>
      <c r="O2021">
        <v>1013.804</v>
      </c>
      <c r="P2021">
        <v>0</v>
      </c>
      <c r="Q2021">
        <v>0</v>
      </c>
      <c r="R2021">
        <v>1099.5119999999999</v>
      </c>
      <c r="S2021">
        <v>0</v>
      </c>
      <c r="T2021">
        <v>1116.472</v>
      </c>
      <c r="U2021">
        <v>1138.8720000000001</v>
      </c>
      <c r="V2021">
        <v>1147.7239999999999</v>
      </c>
      <c r="W2021">
        <v>1164.9269999999999</v>
      </c>
      <c r="X2021">
        <v>1184.0740000000001</v>
      </c>
      <c r="Y2021">
        <v>1185.4110000000001</v>
      </c>
    </row>
    <row r="2022" spans="1:25" x14ac:dyDescent="0.3">
      <c r="A2022">
        <v>54.133333337555328</v>
      </c>
      <c r="B2022">
        <v>981.6</v>
      </c>
      <c r="C2022">
        <v>1031.6690000000001</v>
      </c>
      <c r="D2022">
        <v>1044.52</v>
      </c>
      <c r="E2022">
        <v>1077.751</v>
      </c>
      <c r="F2022">
        <v>1092.171</v>
      </c>
      <c r="G2022">
        <v>1113.355</v>
      </c>
      <c r="H2022">
        <v>1126.181</v>
      </c>
      <c r="I2022">
        <v>1138.9290000000001</v>
      </c>
      <c r="J2022">
        <v>1150.7380000000001</v>
      </c>
      <c r="K2022">
        <v>1137.7660000000001</v>
      </c>
      <c r="L2022">
        <v>1167.606</v>
      </c>
      <c r="M2022">
        <v>1148.048</v>
      </c>
      <c r="N2022">
        <v>1135.9000000000001</v>
      </c>
      <c r="O2022">
        <v>1010.7859999999999</v>
      </c>
      <c r="P2022">
        <v>0</v>
      </c>
      <c r="Q2022">
        <v>0</v>
      </c>
      <c r="R2022">
        <v>1098.327</v>
      </c>
      <c r="S2022">
        <v>0</v>
      </c>
      <c r="T2022">
        <v>1115.452</v>
      </c>
      <c r="U2022">
        <v>1139.941</v>
      </c>
      <c r="V2022">
        <v>1148.029</v>
      </c>
      <c r="W2022">
        <v>1162.99</v>
      </c>
      <c r="X2022">
        <v>1183.7059999999999</v>
      </c>
      <c r="Y2022">
        <v>1184.481</v>
      </c>
    </row>
    <row r="2023" spans="1:25" x14ac:dyDescent="0.3">
      <c r="A2023">
        <v>54.149999997640649</v>
      </c>
      <c r="B2023">
        <v>986.33399999999995</v>
      </c>
      <c r="C2023">
        <v>1033.915</v>
      </c>
      <c r="D2023">
        <v>1048.9190000000001</v>
      </c>
      <c r="E2023">
        <v>1078.8320000000001</v>
      </c>
      <c r="F2023">
        <v>1093.6690000000001</v>
      </c>
      <c r="G2023">
        <v>1114.6780000000001</v>
      </c>
      <c r="H2023">
        <v>1130.376</v>
      </c>
      <c r="I2023">
        <v>1140.57</v>
      </c>
      <c r="J2023">
        <v>1144.8240000000001</v>
      </c>
      <c r="K2023">
        <v>1132.2170000000001</v>
      </c>
      <c r="L2023">
        <v>1166.3530000000001</v>
      </c>
      <c r="M2023">
        <v>1145.1489999999999</v>
      </c>
      <c r="N2023">
        <v>1138.624</v>
      </c>
      <c r="O2023">
        <v>1012.595</v>
      </c>
      <c r="P2023">
        <v>0</v>
      </c>
      <c r="Q2023">
        <v>0</v>
      </c>
      <c r="R2023">
        <v>1097.3869999999999</v>
      </c>
      <c r="S2023">
        <v>0</v>
      </c>
      <c r="T2023">
        <v>1117.3409999999999</v>
      </c>
      <c r="U2023">
        <v>1143.146</v>
      </c>
      <c r="V2023">
        <v>1153.8440000000001</v>
      </c>
      <c r="W2023">
        <v>1169.0329999999999</v>
      </c>
      <c r="X2023">
        <v>1190.837</v>
      </c>
      <c r="Y2023">
        <v>1189.0730000000001</v>
      </c>
    </row>
    <row r="2024" spans="1:25" x14ac:dyDescent="0.3">
      <c r="A2024">
        <v>54.183333338766047</v>
      </c>
      <c r="B2024">
        <v>981.47299999999996</v>
      </c>
      <c r="C2024">
        <v>1032.1289999999999</v>
      </c>
      <c r="D2024">
        <v>1049.807</v>
      </c>
      <c r="E2024">
        <v>1082.979</v>
      </c>
      <c r="F2024">
        <v>1095.6949999999999</v>
      </c>
      <c r="G2024">
        <v>1116.8879999999999</v>
      </c>
      <c r="H2024">
        <v>1129.921</v>
      </c>
      <c r="I2024">
        <v>1137.575</v>
      </c>
      <c r="J2024">
        <v>1144.9390000000001</v>
      </c>
      <c r="K2024">
        <v>1135.729</v>
      </c>
      <c r="L2024">
        <v>1166.989</v>
      </c>
      <c r="M2024">
        <v>1147.6669999999999</v>
      </c>
      <c r="N2024">
        <v>1129.3699999999999</v>
      </c>
      <c r="O2024">
        <v>1015.693</v>
      </c>
      <c r="P2024">
        <v>0</v>
      </c>
      <c r="Q2024">
        <v>0</v>
      </c>
      <c r="R2024">
        <v>1101.317</v>
      </c>
      <c r="S2024">
        <v>0</v>
      </c>
      <c r="T2024">
        <v>1117.549</v>
      </c>
      <c r="U2024">
        <v>1140.4169999999999</v>
      </c>
      <c r="V2024">
        <v>1154.0550000000001</v>
      </c>
      <c r="W2024">
        <v>1172.6369999999999</v>
      </c>
      <c r="X2024">
        <v>1190.546</v>
      </c>
      <c r="Y2024">
        <v>1190.818</v>
      </c>
    </row>
    <row r="2025" spans="1:25" x14ac:dyDescent="0.3">
      <c r="A2025">
        <v>54.216666669414067</v>
      </c>
      <c r="B2025">
        <v>973.27499999999998</v>
      </c>
      <c r="C2025">
        <v>1030.5640000000001</v>
      </c>
      <c r="D2025">
        <v>1052.376</v>
      </c>
      <c r="E2025">
        <v>1083.5029999999999</v>
      </c>
      <c r="F2025">
        <v>1095.413</v>
      </c>
      <c r="G2025">
        <v>1116.7370000000001</v>
      </c>
      <c r="H2025">
        <v>1132.654</v>
      </c>
      <c r="I2025">
        <v>1134.229</v>
      </c>
      <c r="J2025">
        <v>1141.925</v>
      </c>
      <c r="K2025">
        <v>1133.413</v>
      </c>
      <c r="L2025">
        <v>1163.431</v>
      </c>
      <c r="M2025">
        <v>1148.335</v>
      </c>
      <c r="N2025">
        <v>1141.2190000000001</v>
      </c>
      <c r="O2025">
        <v>1014.391</v>
      </c>
      <c r="P2025">
        <v>0</v>
      </c>
      <c r="Q2025">
        <v>0</v>
      </c>
      <c r="R2025">
        <v>1100.6400000000001</v>
      </c>
      <c r="S2025">
        <v>0</v>
      </c>
      <c r="T2025">
        <v>1113.827</v>
      </c>
      <c r="U2025">
        <v>1133.9449999999999</v>
      </c>
      <c r="V2025">
        <v>1145.3009999999999</v>
      </c>
      <c r="W2025">
        <v>1171.114</v>
      </c>
      <c r="X2025">
        <v>1192.058</v>
      </c>
      <c r="Y2025">
        <v>1189.0540000000001</v>
      </c>
    </row>
    <row r="2026" spans="1:25" x14ac:dyDescent="0.3">
      <c r="A2026">
        <v>54.233333339976767</v>
      </c>
      <c r="B2026">
        <v>982.74199999999996</v>
      </c>
      <c r="C2026">
        <v>1034.4670000000001</v>
      </c>
      <c r="D2026">
        <v>1052.0809999999999</v>
      </c>
      <c r="E2026">
        <v>1083.1469999999999</v>
      </c>
      <c r="F2026">
        <v>1092.49</v>
      </c>
      <c r="G2026">
        <v>1111.749</v>
      </c>
      <c r="H2026">
        <v>1127.7190000000001</v>
      </c>
      <c r="I2026">
        <v>1134.78</v>
      </c>
      <c r="J2026">
        <v>1143.6990000000001</v>
      </c>
      <c r="K2026">
        <v>1134.837</v>
      </c>
      <c r="L2026">
        <v>1168.6079999999999</v>
      </c>
      <c r="M2026">
        <v>1150.9110000000001</v>
      </c>
      <c r="N2026">
        <v>1144.328</v>
      </c>
      <c r="O2026">
        <v>1011.115</v>
      </c>
      <c r="P2026">
        <v>0</v>
      </c>
      <c r="Q2026">
        <v>0</v>
      </c>
      <c r="R2026">
        <v>1099.3050000000001</v>
      </c>
      <c r="S2026">
        <v>0</v>
      </c>
      <c r="T2026">
        <v>1112.883</v>
      </c>
      <c r="U2026">
        <v>1131.173</v>
      </c>
      <c r="V2026">
        <v>1140.952</v>
      </c>
      <c r="W2026">
        <v>1166.989</v>
      </c>
      <c r="X2026">
        <v>1190.798</v>
      </c>
      <c r="Y2026">
        <v>1188.357</v>
      </c>
    </row>
    <row r="2027" spans="1:25" x14ac:dyDescent="0.3">
      <c r="A2027">
        <v>54.266666670624787</v>
      </c>
      <c r="B2027">
        <v>987.08100000000002</v>
      </c>
      <c r="C2027">
        <v>1035.702</v>
      </c>
      <c r="D2027">
        <v>1052.2850000000001</v>
      </c>
      <c r="E2027">
        <v>1082.624</v>
      </c>
      <c r="F2027">
        <v>1090.4870000000001</v>
      </c>
      <c r="G2027">
        <v>1109.539</v>
      </c>
      <c r="H2027">
        <v>1123.6189999999999</v>
      </c>
      <c r="I2027">
        <v>1133.376</v>
      </c>
      <c r="J2027">
        <v>1140.5709999999999</v>
      </c>
      <c r="K2027">
        <v>1130.6990000000001</v>
      </c>
      <c r="L2027">
        <v>1168.3009999999999</v>
      </c>
      <c r="M2027">
        <v>1147.973</v>
      </c>
      <c r="N2027">
        <v>1152.6759999999999</v>
      </c>
      <c r="O2027">
        <v>1013.4930000000001</v>
      </c>
      <c r="P2027">
        <v>0</v>
      </c>
      <c r="Q2027">
        <v>0</v>
      </c>
      <c r="R2027">
        <v>1093.3699999999999</v>
      </c>
      <c r="S2027">
        <v>0</v>
      </c>
      <c r="T2027">
        <v>1110.9190000000001</v>
      </c>
      <c r="U2027">
        <v>1131.098</v>
      </c>
      <c r="V2027">
        <v>1137.671</v>
      </c>
      <c r="W2027">
        <v>1160.7860000000001</v>
      </c>
      <c r="X2027">
        <v>1184.268</v>
      </c>
      <c r="Y2027">
        <v>1192.4459999999999</v>
      </c>
    </row>
    <row r="2028" spans="1:25" x14ac:dyDescent="0.3">
      <c r="A2028">
        <v>54.283333330710107</v>
      </c>
      <c r="B2028">
        <v>993.17899999999997</v>
      </c>
      <c r="C2028">
        <v>1037.3579999999999</v>
      </c>
      <c r="D2028">
        <v>1054.079</v>
      </c>
      <c r="E2028">
        <v>1084.383</v>
      </c>
      <c r="F2028">
        <v>1091.2349999999999</v>
      </c>
      <c r="G2028">
        <v>1111.201</v>
      </c>
      <c r="H2028">
        <v>1123.77</v>
      </c>
      <c r="I2028">
        <v>1131.838</v>
      </c>
      <c r="J2028">
        <v>1136.7360000000001</v>
      </c>
      <c r="K2028">
        <v>1130.357</v>
      </c>
      <c r="L2028">
        <v>1166.0450000000001</v>
      </c>
      <c r="M2028">
        <v>1147.3040000000001</v>
      </c>
      <c r="N2028">
        <v>1148.6590000000001</v>
      </c>
      <c r="O2028">
        <v>1010.896</v>
      </c>
      <c r="P2028">
        <v>0</v>
      </c>
      <c r="Q2028">
        <v>0</v>
      </c>
      <c r="R2028">
        <v>1095.1120000000001</v>
      </c>
      <c r="S2028">
        <v>0</v>
      </c>
      <c r="T2028">
        <v>1117.511</v>
      </c>
      <c r="U2028">
        <v>1134.799</v>
      </c>
      <c r="V2028">
        <v>1141.7909999999999</v>
      </c>
      <c r="W2028">
        <v>1162.338</v>
      </c>
      <c r="X2028">
        <v>1182</v>
      </c>
      <c r="Y2028">
        <v>1193.6089999999999</v>
      </c>
    </row>
    <row r="2029" spans="1:25" x14ac:dyDescent="0.3">
      <c r="A2029">
        <v>54.316666671835506</v>
      </c>
      <c r="B2029">
        <v>993.32500000000005</v>
      </c>
      <c r="C2029">
        <v>1038.4079999999999</v>
      </c>
      <c r="D2029">
        <v>1053.912</v>
      </c>
      <c r="E2029">
        <v>1085.1890000000001</v>
      </c>
      <c r="F2029">
        <v>1093.7449999999999</v>
      </c>
      <c r="G2029">
        <v>1114.6969999999999</v>
      </c>
      <c r="H2029">
        <v>1129.2380000000001</v>
      </c>
      <c r="I2029">
        <v>1135.3689999999999</v>
      </c>
      <c r="J2029">
        <v>1139.846</v>
      </c>
      <c r="K2029">
        <v>1130.7750000000001</v>
      </c>
      <c r="L2029">
        <v>1161.9359999999999</v>
      </c>
      <c r="M2029">
        <v>1142.7460000000001</v>
      </c>
      <c r="N2029">
        <v>1144.0809999999999</v>
      </c>
      <c r="O2029">
        <v>1009.764</v>
      </c>
      <c r="P2029">
        <v>0</v>
      </c>
      <c r="Q2029">
        <v>0</v>
      </c>
      <c r="R2029">
        <v>1095.808</v>
      </c>
      <c r="S2029">
        <v>0</v>
      </c>
      <c r="T2029">
        <v>1123.22</v>
      </c>
      <c r="U2029">
        <v>1143.585</v>
      </c>
      <c r="V2029">
        <v>1149.346</v>
      </c>
      <c r="W2029">
        <v>1165.0239999999999</v>
      </c>
      <c r="X2029">
        <v>1184.0940000000001</v>
      </c>
      <c r="Y2029">
        <v>1192.8720000000001</v>
      </c>
    </row>
    <row r="2030" spans="1:25" x14ac:dyDescent="0.3">
      <c r="A2030">
        <v>54.350000002483526</v>
      </c>
      <c r="B2030">
        <v>1004.885</v>
      </c>
      <c r="C2030">
        <v>1038.3340000000001</v>
      </c>
      <c r="D2030">
        <v>1051.175</v>
      </c>
      <c r="E2030">
        <v>1082.623</v>
      </c>
      <c r="F2030">
        <v>1090.393</v>
      </c>
      <c r="G2030">
        <v>1108.425</v>
      </c>
      <c r="H2030">
        <v>1127.3009999999999</v>
      </c>
      <c r="I2030">
        <v>1132.3499999999999</v>
      </c>
      <c r="J2030">
        <v>1133.1659999999999</v>
      </c>
      <c r="K2030">
        <v>1124.586</v>
      </c>
      <c r="L2030">
        <v>1156.721</v>
      </c>
      <c r="M2030">
        <v>1140.704</v>
      </c>
      <c r="N2030">
        <v>1130.9839999999999</v>
      </c>
      <c r="O2030">
        <v>1007.497</v>
      </c>
      <c r="P2030">
        <v>0</v>
      </c>
      <c r="Q2030">
        <v>0</v>
      </c>
      <c r="R2030">
        <v>1093.501</v>
      </c>
      <c r="S2030">
        <v>0</v>
      </c>
      <c r="T2030">
        <v>1121.876</v>
      </c>
      <c r="U2030">
        <v>1144.557</v>
      </c>
      <c r="V2030">
        <v>1154.8420000000001</v>
      </c>
      <c r="W2030">
        <v>1173.08</v>
      </c>
      <c r="X2030">
        <v>1184.52</v>
      </c>
      <c r="Y2030">
        <v>1190.546</v>
      </c>
    </row>
    <row r="2031" spans="1:25" x14ac:dyDescent="0.3">
      <c r="A2031">
        <v>54.366666673046225</v>
      </c>
      <c r="B2031">
        <v>1006.603</v>
      </c>
      <c r="C2031">
        <v>1035.7570000000001</v>
      </c>
      <c r="D2031">
        <v>1047.681</v>
      </c>
      <c r="E2031">
        <v>1079.951</v>
      </c>
      <c r="F2031">
        <v>1091.442</v>
      </c>
      <c r="G2031">
        <v>1109.143</v>
      </c>
      <c r="H2031">
        <v>1127.7380000000001</v>
      </c>
      <c r="I2031">
        <v>1138.682</v>
      </c>
      <c r="J2031">
        <v>1140.1510000000001</v>
      </c>
      <c r="K2031">
        <v>1134.3820000000001</v>
      </c>
      <c r="L2031">
        <v>1161.1120000000001</v>
      </c>
      <c r="M2031">
        <v>1140.1130000000001</v>
      </c>
      <c r="N2031">
        <v>1140.6659999999999</v>
      </c>
      <c r="O2031">
        <v>1010.293</v>
      </c>
      <c r="P2031">
        <v>0</v>
      </c>
      <c r="Q2031">
        <v>0</v>
      </c>
      <c r="R2031">
        <v>1092.3589999999999</v>
      </c>
      <c r="S2031">
        <v>0</v>
      </c>
      <c r="T2031">
        <v>1119.0050000000001</v>
      </c>
      <c r="U2031">
        <v>1142.097</v>
      </c>
      <c r="V2031">
        <v>1152.771</v>
      </c>
      <c r="W2031">
        <v>1172.9459999999999</v>
      </c>
      <c r="X2031">
        <v>1187.2329999999999</v>
      </c>
      <c r="Y2031">
        <v>1190.76</v>
      </c>
    </row>
    <row r="2032" spans="1:25" x14ac:dyDescent="0.3">
      <c r="A2032">
        <v>54.400000003694245</v>
      </c>
      <c r="B2032">
        <v>1003.441</v>
      </c>
      <c r="C2032">
        <v>1034.191</v>
      </c>
      <c r="D2032">
        <v>1049.086</v>
      </c>
      <c r="E2032">
        <v>1080.6959999999999</v>
      </c>
      <c r="F2032">
        <v>1092.808</v>
      </c>
      <c r="G2032">
        <v>1111.4659999999999</v>
      </c>
      <c r="H2032">
        <v>1131.4390000000001</v>
      </c>
      <c r="I2032">
        <v>1139.0820000000001</v>
      </c>
      <c r="J2032">
        <v>1148.8309999999999</v>
      </c>
      <c r="K2032">
        <v>1137.8040000000001</v>
      </c>
      <c r="L2032">
        <v>1161.2070000000001</v>
      </c>
      <c r="M2032">
        <v>1141.085</v>
      </c>
      <c r="N2032">
        <v>1127.0920000000001</v>
      </c>
      <c r="O2032">
        <v>1007.735</v>
      </c>
      <c r="P2032">
        <v>0</v>
      </c>
      <c r="Q2032">
        <v>0</v>
      </c>
      <c r="R2032">
        <v>1094.7919999999999</v>
      </c>
      <c r="S2032">
        <v>0</v>
      </c>
      <c r="T2032">
        <v>1117.2660000000001</v>
      </c>
      <c r="U2032">
        <v>1137.7470000000001</v>
      </c>
      <c r="V2032">
        <v>1149.9749999999999</v>
      </c>
      <c r="W2032">
        <v>1169.6690000000001</v>
      </c>
      <c r="X2032">
        <v>1186.3219999999999</v>
      </c>
      <c r="Y2032">
        <v>1186.69</v>
      </c>
    </row>
    <row r="2033" spans="1:25" x14ac:dyDescent="0.3">
      <c r="A2033">
        <v>54.433333334342265</v>
      </c>
      <c r="B2033">
        <v>1006.548</v>
      </c>
      <c r="C2033">
        <v>1036.143</v>
      </c>
      <c r="D2033">
        <v>1048.1990000000001</v>
      </c>
      <c r="E2033">
        <v>1079.075</v>
      </c>
      <c r="F2033">
        <v>1090.056</v>
      </c>
      <c r="G2033">
        <v>1108.3130000000001</v>
      </c>
      <c r="H2033">
        <v>1129.4659999999999</v>
      </c>
      <c r="I2033">
        <v>1138.854</v>
      </c>
      <c r="J2033">
        <v>1142.5170000000001</v>
      </c>
      <c r="K2033">
        <v>1132.123</v>
      </c>
      <c r="L2033">
        <v>1159.923</v>
      </c>
      <c r="M2033">
        <v>1141.6389999999999</v>
      </c>
      <c r="N2033">
        <v>1124.2639999999999</v>
      </c>
      <c r="O2033">
        <v>1005.963</v>
      </c>
      <c r="P2033">
        <v>0</v>
      </c>
      <c r="Q2033">
        <v>0</v>
      </c>
      <c r="R2033">
        <v>1095.752</v>
      </c>
      <c r="S2033">
        <v>0</v>
      </c>
      <c r="T2033">
        <v>1119.9680000000001</v>
      </c>
      <c r="U2033">
        <v>1138.2429999999999</v>
      </c>
      <c r="V2033">
        <v>1148.6600000000001</v>
      </c>
      <c r="W2033">
        <v>1171.635</v>
      </c>
      <c r="X2033">
        <v>1193.5319999999999</v>
      </c>
      <c r="Y2033">
        <v>1189.229</v>
      </c>
    </row>
    <row r="2034" spans="1:25" x14ac:dyDescent="0.3">
      <c r="A2034">
        <v>54.450000004904965</v>
      </c>
      <c r="B2034">
        <v>1010.149</v>
      </c>
      <c r="C2034">
        <v>1034.9480000000001</v>
      </c>
      <c r="D2034">
        <v>1045.4649999999999</v>
      </c>
      <c r="E2034">
        <v>1078.816</v>
      </c>
      <c r="F2034">
        <v>1089.796</v>
      </c>
      <c r="G2034">
        <v>1109.787</v>
      </c>
      <c r="H2034">
        <v>1129.107</v>
      </c>
      <c r="I2034">
        <v>1138.5309999999999</v>
      </c>
      <c r="J2034">
        <v>1139.046</v>
      </c>
      <c r="K2034">
        <v>1129.107</v>
      </c>
      <c r="L2034">
        <v>1158.123</v>
      </c>
      <c r="M2034">
        <v>1142.1559999999999</v>
      </c>
      <c r="N2034">
        <v>1132.3720000000001</v>
      </c>
      <c r="O2034">
        <v>1006.696</v>
      </c>
      <c r="P2034">
        <v>0</v>
      </c>
      <c r="Q2034">
        <v>0</v>
      </c>
      <c r="R2034">
        <v>1094.739</v>
      </c>
      <c r="S2034">
        <v>0</v>
      </c>
      <c r="T2034">
        <v>1119.479</v>
      </c>
      <c r="U2034">
        <v>1138.6079999999999</v>
      </c>
      <c r="V2034">
        <v>1147.5550000000001</v>
      </c>
      <c r="W2034">
        <v>1172.4459999999999</v>
      </c>
      <c r="X2034">
        <v>1187.913</v>
      </c>
      <c r="Y2034">
        <v>1187.5640000000001</v>
      </c>
    </row>
    <row r="2035" spans="1:25" x14ac:dyDescent="0.3">
      <c r="A2035">
        <v>54.483333335552985</v>
      </c>
      <c r="B2035">
        <v>1012.6319999999999</v>
      </c>
      <c r="C2035">
        <v>1032.7929999999999</v>
      </c>
      <c r="D2035">
        <v>1047.2560000000001</v>
      </c>
      <c r="E2035">
        <v>1079.989</v>
      </c>
      <c r="F2035">
        <v>1089.42</v>
      </c>
      <c r="G2035">
        <v>1110.8240000000001</v>
      </c>
      <c r="H2035">
        <v>1128.46</v>
      </c>
      <c r="I2035">
        <v>1140.0170000000001</v>
      </c>
      <c r="J2035">
        <v>1141.3340000000001</v>
      </c>
      <c r="K2035">
        <v>1127.8520000000001</v>
      </c>
      <c r="L2035">
        <v>1158.4079999999999</v>
      </c>
      <c r="M2035">
        <v>1141.296</v>
      </c>
      <c r="N2035">
        <v>1124.2449999999999</v>
      </c>
      <c r="O2035">
        <v>1005.7809999999999</v>
      </c>
      <c r="P2035">
        <v>0</v>
      </c>
      <c r="Q2035">
        <v>0</v>
      </c>
      <c r="R2035">
        <v>1093.932</v>
      </c>
      <c r="S2035">
        <v>0</v>
      </c>
      <c r="T2035">
        <v>1114.1110000000001</v>
      </c>
      <c r="U2035">
        <v>1135.692</v>
      </c>
      <c r="V2035">
        <v>1149.27</v>
      </c>
      <c r="W2035">
        <v>1171.173</v>
      </c>
      <c r="X2035">
        <v>1187.5630000000001</v>
      </c>
      <c r="Y2035">
        <v>1188.9390000000001</v>
      </c>
    </row>
    <row r="2036" spans="1:25" x14ac:dyDescent="0.3">
      <c r="A2036">
        <v>54.500000006115684</v>
      </c>
      <c r="B2036">
        <v>1001.451</v>
      </c>
      <c r="C2036">
        <v>1034.799</v>
      </c>
      <c r="D2036">
        <v>1049.327</v>
      </c>
      <c r="E2036">
        <v>1079.374</v>
      </c>
      <c r="F2036">
        <v>1089.345</v>
      </c>
      <c r="G2036">
        <v>1110.3900000000001</v>
      </c>
      <c r="H2036">
        <v>1129.693</v>
      </c>
      <c r="I2036">
        <v>1142.7650000000001</v>
      </c>
      <c r="J2036">
        <v>1140.7619999999999</v>
      </c>
      <c r="K2036">
        <v>1130.8130000000001</v>
      </c>
      <c r="L2036">
        <v>1158.8109999999999</v>
      </c>
      <c r="M2036">
        <v>1142.288</v>
      </c>
      <c r="N2036">
        <v>1132.4459999999999</v>
      </c>
      <c r="O2036">
        <v>1006.0549999999999</v>
      </c>
      <c r="P2036">
        <v>0</v>
      </c>
      <c r="Q2036">
        <v>0</v>
      </c>
      <c r="R2036">
        <v>1095.056</v>
      </c>
      <c r="S2036">
        <v>0</v>
      </c>
      <c r="T2036">
        <v>1113.28</v>
      </c>
      <c r="U2036">
        <v>1135.4639999999999</v>
      </c>
      <c r="V2036">
        <v>1145.5119999999999</v>
      </c>
      <c r="W2036">
        <v>1164.3910000000001</v>
      </c>
      <c r="X2036">
        <v>1187.5239999999999</v>
      </c>
      <c r="Y2036">
        <v>1191.6510000000001</v>
      </c>
    </row>
    <row r="2037" spans="1:25" x14ac:dyDescent="0.3">
      <c r="A2037">
        <v>54.533333336763704</v>
      </c>
      <c r="B2037">
        <v>989.64800000000002</v>
      </c>
      <c r="C2037">
        <v>1034.615</v>
      </c>
      <c r="D2037">
        <v>1044.7239999999999</v>
      </c>
      <c r="E2037">
        <v>1075.2909999999999</v>
      </c>
      <c r="F2037">
        <v>1085.8440000000001</v>
      </c>
      <c r="G2037">
        <v>1105.248</v>
      </c>
      <c r="H2037">
        <v>1121.7249999999999</v>
      </c>
      <c r="I2037">
        <v>1136.9649999999999</v>
      </c>
      <c r="J2037">
        <v>1133.1289999999999</v>
      </c>
      <c r="K2037">
        <v>1122.3109999999999</v>
      </c>
      <c r="L2037">
        <v>1150.3</v>
      </c>
      <c r="M2037">
        <v>1135.787</v>
      </c>
      <c r="N2037">
        <v>1126.4849999999999</v>
      </c>
      <c r="O2037">
        <v>1005.068</v>
      </c>
      <c r="P2037">
        <v>0</v>
      </c>
      <c r="Q2037">
        <v>0</v>
      </c>
      <c r="R2037">
        <v>1097.67</v>
      </c>
      <c r="S2037">
        <v>0</v>
      </c>
      <c r="T2037">
        <v>1112.222</v>
      </c>
      <c r="U2037">
        <v>1131.098</v>
      </c>
      <c r="V2037">
        <v>1141.258</v>
      </c>
      <c r="W2037">
        <v>1163.547</v>
      </c>
      <c r="X2037">
        <v>1185.915</v>
      </c>
      <c r="Y2037">
        <v>1189.462</v>
      </c>
    </row>
    <row r="2038" spans="1:25" x14ac:dyDescent="0.3">
      <c r="A2038">
        <v>54.566666667411724</v>
      </c>
      <c r="B2038">
        <v>985.57399999999996</v>
      </c>
      <c r="C2038">
        <v>1033.7149999999999</v>
      </c>
      <c r="D2038">
        <v>1044.633</v>
      </c>
      <c r="E2038">
        <v>1074.212</v>
      </c>
      <c r="F2038">
        <v>1083.4870000000001</v>
      </c>
      <c r="G2038">
        <v>1103.463</v>
      </c>
      <c r="H2038">
        <v>1120.99</v>
      </c>
      <c r="I2038">
        <v>1133.8330000000001</v>
      </c>
      <c r="J2038">
        <v>1129.98</v>
      </c>
      <c r="K2038">
        <v>1118.0429999999999</v>
      </c>
      <c r="L2038">
        <v>1146.2</v>
      </c>
      <c r="M2038">
        <v>1135.3710000000001</v>
      </c>
      <c r="N2038">
        <v>1122.143</v>
      </c>
      <c r="O2038">
        <v>1000.557</v>
      </c>
      <c r="P2038">
        <v>0</v>
      </c>
      <c r="Q2038">
        <v>0</v>
      </c>
      <c r="R2038">
        <v>1100.0029999999999</v>
      </c>
      <c r="S2038">
        <v>0</v>
      </c>
      <c r="T2038">
        <v>1109.0309999999999</v>
      </c>
      <c r="U2038">
        <v>1128.1010000000001</v>
      </c>
      <c r="V2038">
        <v>1138.5119999999999</v>
      </c>
      <c r="W2038">
        <v>1164.8910000000001</v>
      </c>
      <c r="X2038">
        <v>1190.471</v>
      </c>
      <c r="Y2038">
        <v>1189.6959999999999</v>
      </c>
    </row>
    <row r="2039" spans="1:25" x14ac:dyDescent="0.3">
      <c r="A2039">
        <v>54.583333337974423</v>
      </c>
      <c r="B2039">
        <v>974.47500000000002</v>
      </c>
      <c r="C2039">
        <v>1033.8989999999999</v>
      </c>
      <c r="D2039">
        <v>1046.8330000000001</v>
      </c>
      <c r="E2039">
        <v>1075.703</v>
      </c>
      <c r="F2039">
        <v>1085.172</v>
      </c>
      <c r="G2039">
        <v>1105.9829999999999</v>
      </c>
      <c r="H2039">
        <v>1124.3040000000001</v>
      </c>
      <c r="I2039">
        <v>1137.348</v>
      </c>
      <c r="J2039">
        <v>1134.8579999999999</v>
      </c>
      <c r="K2039">
        <v>1124.4559999999999</v>
      </c>
      <c r="L2039">
        <v>1154.7670000000001</v>
      </c>
      <c r="M2039">
        <v>1140.3440000000001</v>
      </c>
      <c r="N2039">
        <v>1124.152</v>
      </c>
      <c r="O2039">
        <v>1000.429</v>
      </c>
      <c r="P2039">
        <v>0</v>
      </c>
      <c r="Q2039">
        <v>0</v>
      </c>
      <c r="R2039">
        <v>1099.9090000000001</v>
      </c>
      <c r="S2039">
        <v>0</v>
      </c>
      <c r="T2039">
        <v>1109.9939999999999</v>
      </c>
      <c r="U2039">
        <v>1128.9739999999999</v>
      </c>
      <c r="V2039">
        <v>1138.2639999999999</v>
      </c>
      <c r="W2039">
        <v>1161.19</v>
      </c>
      <c r="X2039">
        <v>1188.94</v>
      </c>
      <c r="Y2039">
        <v>1187.4290000000001</v>
      </c>
    </row>
    <row r="2040" spans="1:25" x14ac:dyDescent="0.3">
      <c r="A2040">
        <v>54.616666668622443</v>
      </c>
      <c r="B2040">
        <v>987.73699999999997</v>
      </c>
      <c r="C2040">
        <v>1034.836</v>
      </c>
      <c r="D2040">
        <v>1047.404</v>
      </c>
      <c r="E2040">
        <v>1074.9929999999999</v>
      </c>
      <c r="F2040">
        <v>1087.3979999999999</v>
      </c>
      <c r="G2040">
        <v>1109.067</v>
      </c>
      <c r="H2040">
        <v>1127.2449999999999</v>
      </c>
      <c r="I2040">
        <v>1138.2809999999999</v>
      </c>
      <c r="J2040">
        <v>1139.941</v>
      </c>
      <c r="K2040">
        <v>1132.5219999999999</v>
      </c>
      <c r="L2040">
        <v>1161.8789999999999</v>
      </c>
      <c r="M2040">
        <v>1144.443</v>
      </c>
      <c r="N2040">
        <v>1125.8019999999999</v>
      </c>
      <c r="O2040">
        <v>1001.14</v>
      </c>
      <c r="P2040">
        <v>0</v>
      </c>
      <c r="Q2040">
        <v>0</v>
      </c>
      <c r="R2040">
        <v>1097.914</v>
      </c>
      <c r="S2040">
        <v>0</v>
      </c>
      <c r="T2040">
        <v>1110.106</v>
      </c>
      <c r="U2040">
        <v>1130.7940000000001</v>
      </c>
      <c r="V2040">
        <v>1142.7840000000001</v>
      </c>
      <c r="W2040">
        <v>1162.55</v>
      </c>
      <c r="X2040">
        <v>1182.854</v>
      </c>
      <c r="Y2040">
        <v>1185.1020000000001</v>
      </c>
    </row>
    <row r="2041" spans="1:25" x14ac:dyDescent="0.3">
      <c r="A2041">
        <v>54.633333339185143</v>
      </c>
      <c r="B2041">
        <v>999.42200000000003</v>
      </c>
      <c r="C2041">
        <v>1035.3330000000001</v>
      </c>
      <c r="D2041">
        <v>1048.624</v>
      </c>
      <c r="E2041">
        <v>1075.7570000000001</v>
      </c>
      <c r="F2041">
        <v>1088.146</v>
      </c>
      <c r="G2041">
        <v>1108.595</v>
      </c>
      <c r="H2041">
        <v>1128.7249999999999</v>
      </c>
      <c r="I2041">
        <v>1137.7470000000001</v>
      </c>
      <c r="J2041">
        <v>1143.8900000000001</v>
      </c>
      <c r="K2041">
        <v>1134.875</v>
      </c>
      <c r="L2041">
        <v>1163.201</v>
      </c>
      <c r="M2041">
        <v>1144.7860000000001</v>
      </c>
      <c r="N2041">
        <v>1119.3630000000001</v>
      </c>
      <c r="O2041">
        <v>1002.144</v>
      </c>
      <c r="P2041">
        <v>0</v>
      </c>
      <c r="Q2041">
        <v>0</v>
      </c>
      <c r="R2041">
        <v>1097.2550000000001</v>
      </c>
      <c r="S2041">
        <v>0</v>
      </c>
      <c r="T2041">
        <v>1108.7449999999999</v>
      </c>
      <c r="U2041">
        <v>1127.8510000000001</v>
      </c>
      <c r="V2041">
        <v>1140.704</v>
      </c>
      <c r="W2041">
        <v>1164.4670000000001</v>
      </c>
      <c r="X2041">
        <v>1183.5889999999999</v>
      </c>
      <c r="Y2041">
        <v>1187.194</v>
      </c>
    </row>
    <row r="2042" spans="1:25" x14ac:dyDescent="0.3">
      <c r="A2042">
        <v>54.666666669833162</v>
      </c>
      <c r="B2042">
        <v>1002.054</v>
      </c>
      <c r="C2042">
        <v>1034.9280000000001</v>
      </c>
      <c r="D2042">
        <v>1050.1220000000001</v>
      </c>
      <c r="E2042">
        <v>1076.279</v>
      </c>
      <c r="F2042">
        <v>1086.0309999999999</v>
      </c>
      <c r="G2042">
        <v>1106.3009999999999</v>
      </c>
      <c r="H2042">
        <v>1126.106</v>
      </c>
      <c r="I2042">
        <v>1137.175</v>
      </c>
      <c r="J2042">
        <v>1145.645</v>
      </c>
      <c r="K2042">
        <v>1141.3150000000001</v>
      </c>
      <c r="L2042">
        <v>1168.1469999999999</v>
      </c>
      <c r="M2042">
        <v>1151.8510000000001</v>
      </c>
      <c r="N2042">
        <v>1122.9359999999999</v>
      </c>
      <c r="O2042">
        <v>1006.274</v>
      </c>
      <c r="P2042">
        <v>0</v>
      </c>
      <c r="Q2042">
        <v>0</v>
      </c>
      <c r="R2042">
        <v>1099.9259999999999</v>
      </c>
      <c r="S2042">
        <v>0</v>
      </c>
      <c r="T2042">
        <v>1115.1880000000001</v>
      </c>
      <c r="U2042">
        <v>1131.269</v>
      </c>
      <c r="V2042">
        <v>1143.337</v>
      </c>
      <c r="W2042">
        <v>1167.819</v>
      </c>
      <c r="X2042">
        <v>1188.5509999999999</v>
      </c>
      <c r="Y2042">
        <v>1189.7329999999999</v>
      </c>
    </row>
    <row r="2043" spans="1:25" x14ac:dyDescent="0.3">
      <c r="A2043">
        <v>54.700000000481182</v>
      </c>
      <c r="B2043">
        <v>999.11500000000001</v>
      </c>
      <c r="C2043">
        <v>1033.8810000000001</v>
      </c>
      <c r="D2043">
        <v>1045.9280000000001</v>
      </c>
      <c r="E2043">
        <v>1076.039</v>
      </c>
      <c r="F2043">
        <v>1084.6289999999999</v>
      </c>
      <c r="G2043">
        <v>1104.818</v>
      </c>
      <c r="H2043">
        <v>1124.5889999999999</v>
      </c>
      <c r="I2043">
        <v>1134.6310000000001</v>
      </c>
      <c r="J2043">
        <v>1141.9280000000001</v>
      </c>
      <c r="K2043">
        <v>1135.58</v>
      </c>
      <c r="L2043">
        <v>1163.0509999999999</v>
      </c>
      <c r="M2043">
        <v>1147.193</v>
      </c>
      <c r="N2043">
        <v>1128.31</v>
      </c>
      <c r="O2043">
        <v>1003.664</v>
      </c>
      <c r="P2043">
        <v>0</v>
      </c>
      <c r="Q2043">
        <v>0</v>
      </c>
      <c r="R2043">
        <v>1093.8219999999999</v>
      </c>
      <c r="S2043">
        <v>0</v>
      </c>
      <c r="T2043">
        <v>1116.079</v>
      </c>
      <c r="U2043">
        <v>1134.8589999999999</v>
      </c>
      <c r="V2043">
        <v>1143.9690000000001</v>
      </c>
      <c r="W2043">
        <v>1165.759</v>
      </c>
      <c r="X2043">
        <v>1185.395</v>
      </c>
      <c r="Y2043">
        <v>1185.9949999999999</v>
      </c>
    </row>
    <row r="2044" spans="1:25" x14ac:dyDescent="0.3">
      <c r="A2044">
        <v>54.716666671043882</v>
      </c>
      <c r="B2044">
        <v>990.23199999999997</v>
      </c>
      <c r="C2044">
        <v>1028.7070000000001</v>
      </c>
      <c r="D2044">
        <v>1042.6369999999999</v>
      </c>
      <c r="E2044">
        <v>1074.7149999999999</v>
      </c>
      <c r="F2044">
        <v>1083.8050000000001</v>
      </c>
      <c r="G2044">
        <v>1104.6479999999999</v>
      </c>
      <c r="H2044">
        <v>1120.5930000000001</v>
      </c>
      <c r="I2044">
        <v>1128.309</v>
      </c>
      <c r="J2044">
        <v>1137.2149999999999</v>
      </c>
      <c r="K2044">
        <v>1137.482</v>
      </c>
      <c r="L2044">
        <v>1163.0309999999999</v>
      </c>
      <c r="M2044">
        <v>1147.6880000000001</v>
      </c>
      <c r="N2044">
        <v>1130.018</v>
      </c>
      <c r="O2044">
        <v>996.49400000000003</v>
      </c>
      <c r="P2044">
        <v>0</v>
      </c>
      <c r="Q2044">
        <v>0</v>
      </c>
      <c r="R2044">
        <v>1091.799</v>
      </c>
      <c r="S2044">
        <v>0</v>
      </c>
      <c r="T2044">
        <v>1113.1679999999999</v>
      </c>
      <c r="U2044">
        <v>1132.694</v>
      </c>
      <c r="V2044">
        <v>1143.625</v>
      </c>
      <c r="W2044">
        <v>1166.953</v>
      </c>
      <c r="X2044">
        <v>1184.7550000000001</v>
      </c>
      <c r="Y2044">
        <v>1182.817</v>
      </c>
    </row>
    <row r="2045" spans="1:25" x14ac:dyDescent="0.3">
      <c r="A2045">
        <v>54.750000001691902</v>
      </c>
      <c r="B2045">
        <v>991.798</v>
      </c>
      <c r="C2045">
        <v>1028.5419999999999</v>
      </c>
      <c r="D2045">
        <v>1039.7729999999999</v>
      </c>
      <c r="E2045">
        <v>1073.8209999999999</v>
      </c>
      <c r="F2045">
        <v>1083.4690000000001</v>
      </c>
      <c r="G2045">
        <v>1103.934</v>
      </c>
      <c r="H2045">
        <v>1120.1590000000001</v>
      </c>
      <c r="I2045">
        <v>1127.5889999999999</v>
      </c>
      <c r="J2045">
        <v>1135.903</v>
      </c>
      <c r="K2045">
        <v>1137.1010000000001</v>
      </c>
      <c r="L2045">
        <v>1162.0920000000001</v>
      </c>
      <c r="M2045">
        <v>1144.904</v>
      </c>
      <c r="N2045">
        <v>1120.1410000000001</v>
      </c>
      <c r="O2045">
        <v>1001.855</v>
      </c>
      <c r="P2045">
        <v>0</v>
      </c>
      <c r="Q2045">
        <v>0</v>
      </c>
      <c r="R2045">
        <v>1090.5450000000001</v>
      </c>
      <c r="S2045">
        <v>0</v>
      </c>
      <c r="T2045">
        <v>1112.0730000000001</v>
      </c>
      <c r="U2045">
        <v>1129.373</v>
      </c>
      <c r="V2045">
        <v>1139.2760000000001</v>
      </c>
      <c r="W2045">
        <v>1161.325</v>
      </c>
      <c r="X2045">
        <v>1182.1389999999999</v>
      </c>
      <c r="Y2045">
        <v>1182.3130000000001</v>
      </c>
    </row>
    <row r="2046" spans="1:25" x14ac:dyDescent="0.3">
      <c r="A2046">
        <v>54.766666672254601</v>
      </c>
      <c r="B2046">
        <v>989.52300000000002</v>
      </c>
      <c r="C2046">
        <v>1027.327</v>
      </c>
      <c r="D2046">
        <v>1041.5650000000001</v>
      </c>
      <c r="E2046">
        <v>1072.087</v>
      </c>
      <c r="F2046">
        <v>1080.7370000000001</v>
      </c>
      <c r="G2046">
        <v>1103.8209999999999</v>
      </c>
      <c r="H2046">
        <v>1119.385</v>
      </c>
      <c r="I2046">
        <v>1126.6590000000001</v>
      </c>
      <c r="J2046">
        <v>1134.8019999999999</v>
      </c>
      <c r="K2046">
        <v>1134.9159999999999</v>
      </c>
      <c r="L2046">
        <v>1163.0319999999999</v>
      </c>
      <c r="M2046">
        <v>1144.4649999999999</v>
      </c>
      <c r="N2046">
        <v>1136.1690000000001</v>
      </c>
      <c r="O2046">
        <v>999.29700000000003</v>
      </c>
      <c r="P2046">
        <v>0</v>
      </c>
      <c r="Q2046">
        <v>0</v>
      </c>
      <c r="R2046">
        <v>1095.171</v>
      </c>
      <c r="S2046">
        <v>0</v>
      </c>
      <c r="T2046">
        <v>1113.3009999999999</v>
      </c>
      <c r="U2046">
        <v>1128.8230000000001</v>
      </c>
      <c r="V2046">
        <v>1136.7190000000001</v>
      </c>
      <c r="W2046">
        <v>1160.52</v>
      </c>
      <c r="X2046">
        <v>1187.0419999999999</v>
      </c>
      <c r="Y2046">
        <v>1186.9449999999999</v>
      </c>
    </row>
    <row r="2047" spans="1:25" x14ac:dyDescent="0.3">
      <c r="A2047">
        <v>54.800000002902621</v>
      </c>
      <c r="B2047">
        <v>990.16</v>
      </c>
      <c r="C2047">
        <v>1026.6279999999999</v>
      </c>
      <c r="D2047">
        <v>1041.713</v>
      </c>
      <c r="E2047">
        <v>1073.374</v>
      </c>
      <c r="F2047">
        <v>1082.383</v>
      </c>
      <c r="G2047">
        <v>1102.4870000000001</v>
      </c>
      <c r="H2047">
        <v>1121.8420000000001</v>
      </c>
      <c r="I2047">
        <v>1128.5</v>
      </c>
      <c r="J2047">
        <v>1135.771</v>
      </c>
      <c r="K2047">
        <v>1133.2270000000001</v>
      </c>
      <c r="L2047">
        <v>1161.498</v>
      </c>
      <c r="M2047">
        <v>1142.672</v>
      </c>
      <c r="N2047">
        <v>1135.049</v>
      </c>
      <c r="O2047">
        <v>998.07799999999997</v>
      </c>
      <c r="P2047">
        <v>0</v>
      </c>
      <c r="Q2047">
        <v>0</v>
      </c>
      <c r="R2047">
        <v>1098.481</v>
      </c>
      <c r="S2047">
        <v>0</v>
      </c>
      <c r="T2047">
        <v>1114.19</v>
      </c>
      <c r="U2047">
        <v>1131.2719999999999</v>
      </c>
      <c r="V2047">
        <v>1138.6659999999999</v>
      </c>
      <c r="W2047">
        <v>1169.152</v>
      </c>
      <c r="X2047">
        <v>1186.694</v>
      </c>
      <c r="Y2047">
        <v>1186.229</v>
      </c>
    </row>
    <row r="2048" spans="1:25" x14ac:dyDescent="0.3">
      <c r="A2048">
        <v>54.833333333550641</v>
      </c>
      <c r="B2048">
        <v>979.04499999999996</v>
      </c>
      <c r="C2048">
        <v>1027.934</v>
      </c>
      <c r="D2048">
        <v>1039.7719999999999</v>
      </c>
      <c r="E2048">
        <v>1071.0060000000001</v>
      </c>
      <c r="F2048">
        <v>1080.0840000000001</v>
      </c>
      <c r="G2048">
        <v>1099.9090000000001</v>
      </c>
      <c r="H2048">
        <v>1124.5319999999999</v>
      </c>
      <c r="I2048">
        <v>1127.2840000000001</v>
      </c>
      <c r="J2048">
        <v>1134.0039999999999</v>
      </c>
      <c r="K2048">
        <v>1134.991</v>
      </c>
      <c r="L2048">
        <v>1163.472</v>
      </c>
      <c r="M2048">
        <v>1145.5899999999999</v>
      </c>
      <c r="N2048">
        <v>1115.9269999999999</v>
      </c>
      <c r="O2048">
        <v>1001.726</v>
      </c>
      <c r="P2048">
        <v>0</v>
      </c>
      <c r="Q2048">
        <v>0</v>
      </c>
      <c r="R2048">
        <v>1097.4459999999999</v>
      </c>
      <c r="S2048">
        <v>0</v>
      </c>
      <c r="T2048">
        <v>1116.72</v>
      </c>
      <c r="U2048">
        <v>1134.498</v>
      </c>
      <c r="V2048">
        <v>1142.423</v>
      </c>
      <c r="W2048">
        <v>1165.0260000000001</v>
      </c>
      <c r="X2048">
        <v>1189.5219999999999</v>
      </c>
      <c r="Y2048">
        <v>1185.7429999999999</v>
      </c>
    </row>
    <row r="2049" spans="1:25" x14ac:dyDescent="0.3">
      <c r="A2049">
        <v>54.85000000411334</v>
      </c>
      <c r="B2049">
        <v>989.70500000000004</v>
      </c>
      <c r="C2049">
        <v>1028.0999999999999</v>
      </c>
      <c r="D2049">
        <v>1042.3040000000001</v>
      </c>
      <c r="E2049">
        <v>1073.299</v>
      </c>
      <c r="F2049">
        <v>1082.8320000000001</v>
      </c>
      <c r="G2049">
        <v>1104.874</v>
      </c>
      <c r="H2049">
        <v>1124.627</v>
      </c>
      <c r="I2049">
        <v>1128.348</v>
      </c>
      <c r="J2049">
        <v>1133.625</v>
      </c>
      <c r="K2049">
        <v>1132.201</v>
      </c>
      <c r="L2049">
        <v>1161.7470000000001</v>
      </c>
      <c r="M2049">
        <v>1141.0119999999999</v>
      </c>
      <c r="N2049">
        <v>1119.5170000000001</v>
      </c>
      <c r="O2049">
        <v>997.29499999999996</v>
      </c>
      <c r="P2049">
        <v>0</v>
      </c>
      <c r="Q2049">
        <v>0</v>
      </c>
      <c r="R2049">
        <v>1092.7550000000001</v>
      </c>
      <c r="S2049">
        <v>0</v>
      </c>
      <c r="T2049">
        <v>1115.7950000000001</v>
      </c>
      <c r="U2049">
        <v>1135.77</v>
      </c>
      <c r="V2049">
        <v>1148.7950000000001</v>
      </c>
      <c r="W2049">
        <v>1165.239</v>
      </c>
      <c r="X2049">
        <v>1183.05</v>
      </c>
      <c r="Y2049">
        <v>1181.674</v>
      </c>
    </row>
    <row r="2050" spans="1:25" x14ac:dyDescent="0.3">
      <c r="A2050">
        <v>54.88333333476136</v>
      </c>
      <c r="B2050">
        <v>980.49599999999998</v>
      </c>
      <c r="C2050">
        <v>1026.498</v>
      </c>
      <c r="D2050">
        <v>1041.8979999999999</v>
      </c>
      <c r="E2050">
        <v>1073.4670000000001</v>
      </c>
      <c r="F2050">
        <v>1082.8689999999999</v>
      </c>
      <c r="G2050">
        <v>1105.4570000000001</v>
      </c>
      <c r="H2050">
        <v>1123.7159999999999</v>
      </c>
      <c r="I2050">
        <v>1130.4929999999999</v>
      </c>
      <c r="J2050">
        <v>1132.5999999999999</v>
      </c>
      <c r="K2050">
        <v>1129.4680000000001</v>
      </c>
      <c r="L2050">
        <v>1158.8130000000001</v>
      </c>
      <c r="M2050">
        <v>1141.527</v>
      </c>
      <c r="N2050">
        <v>1111.5250000000001</v>
      </c>
      <c r="O2050">
        <v>1000.028</v>
      </c>
      <c r="P2050">
        <v>0</v>
      </c>
      <c r="Q2050">
        <v>0</v>
      </c>
      <c r="R2050">
        <v>1089.123</v>
      </c>
      <c r="S2050">
        <v>0</v>
      </c>
      <c r="T2050">
        <v>1110.5429999999999</v>
      </c>
      <c r="U2050">
        <v>1132.4860000000001</v>
      </c>
      <c r="V2050">
        <v>1144.904</v>
      </c>
      <c r="W2050">
        <v>1161.038</v>
      </c>
      <c r="X2050">
        <v>1181.364</v>
      </c>
      <c r="Y2050">
        <v>1181.9449999999999</v>
      </c>
    </row>
    <row r="2051" spans="1:25" x14ac:dyDescent="0.3">
      <c r="A2051">
        <v>54.90000000532406</v>
      </c>
      <c r="B2051">
        <v>981.077</v>
      </c>
      <c r="C2051">
        <v>1027.2529999999999</v>
      </c>
      <c r="D2051">
        <v>1043.21</v>
      </c>
      <c r="E2051">
        <v>1076.617</v>
      </c>
      <c r="F2051">
        <v>1084.6669999999999</v>
      </c>
      <c r="G2051">
        <v>1105.8330000000001</v>
      </c>
      <c r="H2051">
        <v>1125.3869999999999</v>
      </c>
      <c r="I2051">
        <v>1133.606</v>
      </c>
      <c r="J2051">
        <v>1139.18</v>
      </c>
      <c r="K2051">
        <v>1134.5740000000001</v>
      </c>
      <c r="L2051">
        <v>1160.501</v>
      </c>
      <c r="M2051">
        <v>1147.498</v>
      </c>
      <c r="N2051">
        <v>1129.829</v>
      </c>
      <c r="O2051">
        <v>999.99099999999999</v>
      </c>
      <c r="P2051">
        <v>0</v>
      </c>
      <c r="Q2051">
        <v>0</v>
      </c>
      <c r="R2051">
        <v>1087.3630000000001</v>
      </c>
      <c r="S2051">
        <v>0</v>
      </c>
      <c r="T2051">
        <v>1108.165</v>
      </c>
      <c r="U2051">
        <v>1128.8230000000001</v>
      </c>
      <c r="V2051">
        <v>1141.355</v>
      </c>
      <c r="W2051">
        <v>1159.8489999999999</v>
      </c>
      <c r="X2051">
        <v>1183.05</v>
      </c>
      <c r="Y2051">
        <v>1183.5540000000001</v>
      </c>
    </row>
    <row r="2052" spans="1:25" x14ac:dyDescent="0.3">
      <c r="A2052">
        <v>54.93333333597208</v>
      </c>
      <c r="B2052">
        <v>974.58399999999995</v>
      </c>
      <c r="C2052">
        <v>1028.0260000000001</v>
      </c>
      <c r="D2052">
        <v>1044.375</v>
      </c>
      <c r="E2052">
        <v>1075.0139999999999</v>
      </c>
      <c r="F2052">
        <v>1085.3589999999999</v>
      </c>
      <c r="G2052">
        <v>1107.338</v>
      </c>
      <c r="H2052">
        <v>1125.3489999999999</v>
      </c>
      <c r="I2052">
        <v>1131.404</v>
      </c>
      <c r="J2052">
        <v>1136.491</v>
      </c>
      <c r="K2052">
        <v>1132.4860000000001</v>
      </c>
      <c r="L2052">
        <v>1157.203</v>
      </c>
      <c r="M2052">
        <v>1141.413</v>
      </c>
      <c r="N2052">
        <v>1136.529</v>
      </c>
      <c r="O2052">
        <v>995.875</v>
      </c>
      <c r="P2052">
        <v>0</v>
      </c>
      <c r="Q2052">
        <v>0</v>
      </c>
      <c r="R2052">
        <v>1090.6020000000001</v>
      </c>
      <c r="S2052">
        <v>0</v>
      </c>
      <c r="T2052">
        <v>1109.806</v>
      </c>
      <c r="U2052">
        <v>1125.9939999999999</v>
      </c>
      <c r="V2052">
        <v>1136.1310000000001</v>
      </c>
      <c r="W2052">
        <v>1160.462</v>
      </c>
      <c r="X2052">
        <v>1185.085</v>
      </c>
      <c r="Y2052">
        <v>1184.9490000000001</v>
      </c>
    </row>
    <row r="2053" spans="1:25" x14ac:dyDescent="0.3">
      <c r="A2053">
        <v>54.9666666666201</v>
      </c>
      <c r="B2053">
        <v>969.21100000000001</v>
      </c>
      <c r="C2053">
        <v>1028.0820000000001</v>
      </c>
      <c r="D2053">
        <v>1044.4860000000001</v>
      </c>
      <c r="E2053">
        <v>1072.5909999999999</v>
      </c>
      <c r="F2053">
        <v>1081.8219999999999</v>
      </c>
      <c r="G2053">
        <v>1102.355</v>
      </c>
      <c r="H2053">
        <v>1120.1030000000001</v>
      </c>
      <c r="I2053">
        <v>1131.1959999999999</v>
      </c>
      <c r="J2053">
        <v>1134.1759999999999</v>
      </c>
      <c r="K2053">
        <v>1131.9739999999999</v>
      </c>
      <c r="L2053">
        <v>1156.6469999999999</v>
      </c>
      <c r="M2053">
        <v>1141.7950000000001</v>
      </c>
      <c r="N2053">
        <v>1138.1130000000001</v>
      </c>
      <c r="O2053">
        <v>991.90800000000002</v>
      </c>
      <c r="P2053">
        <v>0</v>
      </c>
      <c r="Q2053">
        <v>0</v>
      </c>
      <c r="R2053">
        <v>1094.9839999999999</v>
      </c>
      <c r="S2053">
        <v>0</v>
      </c>
      <c r="T2053">
        <v>1111.809</v>
      </c>
      <c r="U2053">
        <v>1128.3869999999999</v>
      </c>
      <c r="V2053">
        <v>1132.297</v>
      </c>
      <c r="W2053">
        <v>1156.5709999999999</v>
      </c>
      <c r="X2053">
        <v>1181.461</v>
      </c>
      <c r="Y2053">
        <v>1184.019</v>
      </c>
    </row>
    <row r="2054" spans="1:25" x14ac:dyDescent="0.3">
      <c r="A2054">
        <v>54.983333337182799</v>
      </c>
      <c r="B2054">
        <v>974.18600000000004</v>
      </c>
      <c r="C2054">
        <v>1029.297</v>
      </c>
      <c r="D2054">
        <v>1040.7149999999999</v>
      </c>
      <c r="E2054">
        <v>1070.7460000000001</v>
      </c>
      <c r="F2054">
        <v>1081.7840000000001</v>
      </c>
      <c r="G2054">
        <v>1102.43</v>
      </c>
      <c r="H2054">
        <v>1119.5740000000001</v>
      </c>
      <c r="I2054">
        <v>1132.6010000000001</v>
      </c>
      <c r="J2054">
        <v>1139.4480000000001</v>
      </c>
      <c r="K2054">
        <v>1137.2539999999999</v>
      </c>
      <c r="L2054">
        <v>1160.1179999999999</v>
      </c>
      <c r="M2054">
        <v>1143.2829999999999</v>
      </c>
      <c r="N2054">
        <v>1137.96</v>
      </c>
      <c r="O2054">
        <v>995.78499999999997</v>
      </c>
      <c r="P2054">
        <v>0</v>
      </c>
      <c r="Q2054">
        <v>0</v>
      </c>
      <c r="R2054">
        <v>1092.0250000000001</v>
      </c>
      <c r="S2054">
        <v>0</v>
      </c>
      <c r="T2054">
        <v>1109.5039999999999</v>
      </c>
      <c r="U2054">
        <v>1129.317</v>
      </c>
      <c r="V2054">
        <v>1140.402</v>
      </c>
      <c r="W2054">
        <v>1161.383</v>
      </c>
      <c r="X2054">
        <v>1181.616</v>
      </c>
      <c r="Y2054">
        <v>1187.0229999999999</v>
      </c>
    </row>
    <row r="2055" spans="1:25" x14ac:dyDescent="0.3">
      <c r="A2055">
        <v>55.016666667830819</v>
      </c>
      <c r="B2055">
        <v>988.28599999999994</v>
      </c>
      <c r="C2055">
        <v>1032.133</v>
      </c>
      <c r="D2055">
        <v>1040.8630000000001</v>
      </c>
      <c r="E2055">
        <v>1070.7829999999999</v>
      </c>
      <c r="F2055">
        <v>1082.645</v>
      </c>
      <c r="G2055">
        <v>1105.307</v>
      </c>
      <c r="H2055">
        <v>1120.3109999999999</v>
      </c>
      <c r="I2055">
        <v>1133.4549999999999</v>
      </c>
      <c r="J2055">
        <v>1138.78</v>
      </c>
      <c r="K2055">
        <v>1134.992</v>
      </c>
      <c r="L2055">
        <v>1157.51</v>
      </c>
      <c r="M2055">
        <v>1140.4590000000001</v>
      </c>
      <c r="N2055">
        <v>1146.8499999999999</v>
      </c>
      <c r="O2055">
        <v>1000.357</v>
      </c>
      <c r="P2055">
        <v>0</v>
      </c>
      <c r="Q2055">
        <v>0</v>
      </c>
      <c r="R2055">
        <v>1089.104</v>
      </c>
      <c r="S2055">
        <v>0</v>
      </c>
      <c r="T2055">
        <v>1112.2249999999999</v>
      </c>
      <c r="U2055">
        <v>1129.26</v>
      </c>
      <c r="V2055">
        <v>1137.884</v>
      </c>
      <c r="W2055">
        <v>1162.2840000000001</v>
      </c>
      <c r="X2055">
        <v>1188.3209999999999</v>
      </c>
      <c r="Y2055">
        <v>1187.527</v>
      </c>
    </row>
    <row r="2056" spans="1:25" x14ac:dyDescent="0.3">
      <c r="A2056">
        <v>55.033333338393518</v>
      </c>
      <c r="B2056">
        <v>979.75300000000004</v>
      </c>
      <c r="C2056">
        <v>1033.2929999999999</v>
      </c>
      <c r="D2056">
        <v>1042.471</v>
      </c>
      <c r="E2056">
        <v>1072.2</v>
      </c>
      <c r="F2056">
        <v>1086.1089999999999</v>
      </c>
      <c r="G2056">
        <v>1107.752</v>
      </c>
      <c r="H2056">
        <v>1123.7360000000001</v>
      </c>
      <c r="I2056">
        <v>1136.1310000000001</v>
      </c>
      <c r="J2056">
        <v>1143.1110000000001</v>
      </c>
      <c r="K2056">
        <v>1141.6610000000001</v>
      </c>
      <c r="L2056">
        <v>1163.1469999999999</v>
      </c>
      <c r="M2056">
        <v>1143.76</v>
      </c>
      <c r="N2056">
        <v>1142.1379999999999</v>
      </c>
      <c r="O2056">
        <v>1002.897</v>
      </c>
      <c r="P2056">
        <v>0</v>
      </c>
      <c r="Q2056">
        <v>0</v>
      </c>
      <c r="R2056">
        <v>1085.21</v>
      </c>
      <c r="S2056">
        <v>0</v>
      </c>
      <c r="T2056">
        <v>1109.8630000000001</v>
      </c>
      <c r="U2056">
        <v>1130.3040000000001</v>
      </c>
      <c r="V2056">
        <v>1141.508</v>
      </c>
      <c r="W2056">
        <v>1161.8050000000001</v>
      </c>
      <c r="X2056">
        <v>1181.171</v>
      </c>
      <c r="Y2056">
        <v>1185.085</v>
      </c>
    </row>
    <row r="2057" spans="1:25" x14ac:dyDescent="0.3">
      <c r="A2057">
        <v>55.066666669041538</v>
      </c>
      <c r="B2057">
        <v>993.03599999999994</v>
      </c>
      <c r="C2057">
        <v>1033.402</v>
      </c>
      <c r="D2057">
        <v>1043.913</v>
      </c>
      <c r="E2057">
        <v>1072.9259999999999</v>
      </c>
      <c r="F2057">
        <v>1084.9659999999999</v>
      </c>
      <c r="G2057">
        <v>1104.2539999999999</v>
      </c>
      <c r="H2057">
        <v>1120.518</v>
      </c>
      <c r="I2057">
        <v>1135.2950000000001</v>
      </c>
      <c r="J2057">
        <v>1138.5509999999999</v>
      </c>
      <c r="K2057">
        <v>1137.75</v>
      </c>
      <c r="L2057">
        <v>1162.9169999999999</v>
      </c>
      <c r="M2057">
        <v>1142.481</v>
      </c>
      <c r="N2057">
        <v>1143.854</v>
      </c>
      <c r="O2057">
        <v>998.40599999999995</v>
      </c>
      <c r="P2057">
        <v>0</v>
      </c>
      <c r="Q2057">
        <v>0</v>
      </c>
      <c r="R2057">
        <v>1089.422</v>
      </c>
      <c r="S2057">
        <v>0</v>
      </c>
      <c r="T2057">
        <v>1109.617</v>
      </c>
      <c r="U2057">
        <v>1127.703</v>
      </c>
      <c r="V2057">
        <v>1139.3140000000001</v>
      </c>
      <c r="W2057">
        <v>1164.8920000000001</v>
      </c>
      <c r="X2057">
        <v>1184.3869999999999</v>
      </c>
      <c r="Y2057">
        <v>1183.6890000000001</v>
      </c>
    </row>
    <row r="2058" spans="1:25" x14ac:dyDescent="0.3">
      <c r="A2058">
        <v>55.099999999689558</v>
      </c>
      <c r="B2058">
        <v>997.53300000000002</v>
      </c>
      <c r="C2058">
        <v>1033.9380000000001</v>
      </c>
      <c r="D2058">
        <v>1042.6199999999999</v>
      </c>
      <c r="E2058">
        <v>1072.5360000000001</v>
      </c>
      <c r="F2058">
        <v>1083.395</v>
      </c>
      <c r="G2058">
        <v>1101.904</v>
      </c>
      <c r="H2058">
        <v>1119.6320000000001</v>
      </c>
      <c r="I2058">
        <v>1133.114</v>
      </c>
      <c r="J2058">
        <v>1135.5999999999999</v>
      </c>
      <c r="K2058">
        <v>1133.4359999999999</v>
      </c>
      <c r="L2058">
        <v>1159.4469999999999</v>
      </c>
      <c r="M2058">
        <v>1141.28</v>
      </c>
      <c r="N2058">
        <v>1147.9190000000001</v>
      </c>
      <c r="O2058">
        <v>998.68</v>
      </c>
      <c r="P2058">
        <v>0</v>
      </c>
      <c r="Q2058">
        <v>0</v>
      </c>
      <c r="R2058">
        <v>1096.884</v>
      </c>
      <c r="S2058">
        <v>0</v>
      </c>
      <c r="T2058">
        <v>1114.7570000000001</v>
      </c>
      <c r="U2058">
        <v>1134.386</v>
      </c>
      <c r="V2058">
        <v>1142.787</v>
      </c>
      <c r="W2058">
        <v>1165.336</v>
      </c>
      <c r="X2058">
        <v>1186.287</v>
      </c>
      <c r="Y2058">
        <v>1184.3689999999999</v>
      </c>
    </row>
    <row r="2059" spans="1:25" x14ac:dyDescent="0.3">
      <c r="A2059">
        <v>55.116666670252258</v>
      </c>
      <c r="B2059">
        <v>995.03899999999999</v>
      </c>
      <c r="C2059">
        <v>1033.2739999999999</v>
      </c>
      <c r="D2059">
        <v>1046.242</v>
      </c>
      <c r="E2059">
        <v>1073.933</v>
      </c>
      <c r="F2059">
        <v>1083.095</v>
      </c>
      <c r="G2059">
        <v>1102.9570000000001</v>
      </c>
      <c r="H2059">
        <v>1120.8209999999999</v>
      </c>
      <c r="I2059">
        <v>1132.6199999999999</v>
      </c>
      <c r="J2059">
        <v>1140.7260000000001</v>
      </c>
      <c r="K2059">
        <v>1135.809</v>
      </c>
      <c r="L2059">
        <v>1162.0930000000001</v>
      </c>
      <c r="M2059">
        <v>1140.44</v>
      </c>
      <c r="N2059">
        <v>1154.749</v>
      </c>
      <c r="O2059">
        <v>999.38900000000001</v>
      </c>
      <c r="P2059">
        <v>0</v>
      </c>
      <c r="Q2059">
        <v>0</v>
      </c>
      <c r="R2059">
        <v>1095.002</v>
      </c>
      <c r="S2059">
        <v>0</v>
      </c>
      <c r="T2059">
        <v>1114.3789999999999</v>
      </c>
      <c r="U2059">
        <v>1132.5820000000001</v>
      </c>
      <c r="V2059">
        <v>1140.345</v>
      </c>
      <c r="W2059">
        <v>1162.9359999999999</v>
      </c>
      <c r="X2059">
        <v>1180.7829999999999</v>
      </c>
      <c r="Y2059">
        <v>1183.0119999999999</v>
      </c>
    </row>
    <row r="2060" spans="1:25" x14ac:dyDescent="0.3">
      <c r="A2060">
        <v>55.150000000900278</v>
      </c>
      <c r="B2060">
        <v>997.24099999999999</v>
      </c>
      <c r="C2060">
        <v>1032.722</v>
      </c>
      <c r="D2060">
        <v>1045.817</v>
      </c>
      <c r="E2060">
        <v>1073.001</v>
      </c>
      <c r="F2060">
        <v>1081.56</v>
      </c>
      <c r="G2060">
        <v>1103.126</v>
      </c>
      <c r="H2060">
        <v>1119.329</v>
      </c>
      <c r="I2060">
        <v>1131.424</v>
      </c>
      <c r="J2060">
        <v>1137.559</v>
      </c>
      <c r="K2060">
        <v>1129.6010000000001</v>
      </c>
      <c r="L2060">
        <v>1152.6980000000001</v>
      </c>
      <c r="M2060">
        <v>1136.4349999999999</v>
      </c>
      <c r="N2060">
        <v>1136.473</v>
      </c>
      <c r="O2060">
        <v>998.66099999999994</v>
      </c>
      <c r="P2060">
        <v>0</v>
      </c>
      <c r="Q2060">
        <v>0</v>
      </c>
      <c r="R2060">
        <v>1094.066</v>
      </c>
      <c r="S2060">
        <v>0</v>
      </c>
      <c r="T2060">
        <v>1112.508</v>
      </c>
      <c r="U2060">
        <v>1130.626</v>
      </c>
      <c r="V2060">
        <v>1140.9739999999999</v>
      </c>
      <c r="W2060">
        <v>1163.3389999999999</v>
      </c>
      <c r="X2060">
        <v>1183.923</v>
      </c>
      <c r="Y2060">
        <v>1187.74</v>
      </c>
    </row>
    <row r="2061" spans="1:25" x14ac:dyDescent="0.3">
      <c r="A2061">
        <v>55.183333331548297</v>
      </c>
      <c r="B2061">
        <v>1003.2619999999999</v>
      </c>
      <c r="C2061">
        <v>1034.5630000000001</v>
      </c>
      <c r="D2061">
        <v>1046.1500000000001</v>
      </c>
      <c r="E2061">
        <v>1073.43</v>
      </c>
      <c r="F2061">
        <v>1081.56</v>
      </c>
      <c r="G2061">
        <v>1102.4870000000001</v>
      </c>
      <c r="H2061">
        <v>1120.009</v>
      </c>
      <c r="I2061">
        <v>1133.9860000000001</v>
      </c>
      <c r="J2061">
        <v>1135.3150000000001</v>
      </c>
      <c r="K2061">
        <v>1129.5250000000001</v>
      </c>
      <c r="L2061">
        <v>1156.7049999999999</v>
      </c>
      <c r="M2061">
        <v>1139.296</v>
      </c>
      <c r="N2061">
        <v>1141.47</v>
      </c>
      <c r="O2061">
        <v>999.37099999999998</v>
      </c>
      <c r="P2061">
        <v>0</v>
      </c>
      <c r="Q2061">
        <v>0</v>
      </c>
      <c r="R2061">
        <v>1097.127</v>
      </c>
      <c r="S2061">
        <v>0</v>
      </c>
      <c r="T2061">
        <v>1112.7729999999999</v>
      </c>
      <c r="U2061">
        <v>1129.127</v>
      </c>
      <c r="V2061">
        <v>1139.028</v>
      </c>
      <c r="W2061">
        <v>1165.393</v>
      </c>
      <c r="X2061">
        <v>1191.17</v>
      </c>
      <c r="Y2061">
        <v>1189.8910000000001</v>
      </c>
    </row>
    <row r="2062" spans="1:25" x14ac:dyDescent="0.3">
      <c r="A2062">
        <v>55.200000002110997</v>
      </c>
      <c r="B2062">
        <v>1004.961</v>
      </c>
      <c r="C2062">
        <v>1034.5630000000001</v>
      </c>
      <c r="D2062">
        <v>1048.8309999999999</v>
      </c>
      <c r="E2062">
        <v>1073.8030000000001</v>
      </c>
      <c r="F2062">
        <v>1082.7950000000001</v>
      </c>
      <c r="G2062">
        <v>1103.4649999999999</v>
      </c>
      <c r="H2062">
        <v>1128.8610000000001</v>
      </c>
      <c r="I2062">
        <v>1137.655</v>
      </c>
      <c r="J2062">
        <v>1140.154</v>
      </c>
      <c r="K2062">
        <v>1135.752</v>
      </c>
      <c r="L2062">
        <v>1160.789</v>
      </c>
      <c r="M2062">
        <v>1138.6849999999999</v>
      </c>
      <c r="N2062">
        <v>1145.7629999999999</v>
      </c>
      <c r="O2062">
        <v>994.89300000000003</v>
      </c>
      <c r="P2062">
        <v>0</v>
      </c>
      <c r="Q2062">
        <v>0</v>
      </c>
      <c r="R2062">
        <v>1099.1400000000001</v>
      </c>
      <c r="S2062">
        <v>0</v>
      </c>
      <c r="T2062">
        <v>1112.6030000000001</v>
      </c>
      <c r="U2062">
        <v>1130.2280000000001</v>
      </c>
      <c r="V2062">
        <v>1137.75</v>
      </c>
      <c r="W2062">
        <v>1164.777</v>
      </c>
      <c r="X2062">
        <v>1189.7360000000001</v>
      </c>
      <c r="Y2062">
        <v>1187.663</v>
      </c>
    </row>
    <row r="2063" spans="1:25" x14ac:dyDescent="0.3">
      <c r="A2063">
        <v>55.233333332759017</v>
      </c>
      <c r="B2063">
        <v>1012.014</v>
      </c>
      <c r="C2063">
        <v>1033.4770000000001</v>
      </c>
      <c r="D2063">
        <v>1046.816</v>
      </c>
      <c r="E2063">
        <v>1072.5350000000001</v>
      </c>
      <c r="F2063">
        <v>1081.653</v>
      </c>
      <c r="G2063">
        <v>1102.43</v>
      </c>
      <c r="H2063">
        <v>1124.021</v>
      </c>
      <c r="I2063">
        <v>1133.1320000000001</v>
      </c>
      <c r="J2063">
        <v>1134.442</v>
      </c>
      <c r="K2063">
        <v>1130.645</v>
      </c>
      <c r="L2063">
        <v>1160.08</v>
      </c>
      <c r="M2063">
        <v>1141.508</v>
      </c>
      <c r="N2063">
        <v>1148.9870000000001</v>
      </c>
      <c r="O2063">
        <v>997.76900000000001</v>
      </c>
      <c r="P2063">
        <v>0</v>
      </c>
      <c r="Q2063">
        <v>0</v>
      </c>
      <c r="R2063">
        <v>1098.105</v>
      </c>
      <c r="S2063">
        <v>0</v>
      </c>
      <c r="T2063">
        <v>1112.433</v>
      </c>
      <c r="U2063">
        <v>1129.1079999999999</v>
      </c>
      <c r="V2063">
        <v>1138.914</v>
      </c>
      <c r="W2063">
        <v>1168.3230000000001</v>
      </c>
      <c r="X2063">
        <v>1191.9449999999999</v>
      </c>
      <c r="Y2063">
        <v>1188.1279999999999</v>
      </c>
    </row>
    <row r="2064" spans="1:25" x14ac:dyDescent="0.3">
      <c r="A2064">
        <v>55.250000003321716</v>
      </c>
      <c r="B2064">
        <v>1015.037</v>
      </c>
      <c r="C2064">
        <v>1029.6289999999999</v>
      </c>
      <c r="D2064">
        <v>1041.6400000000001</v>
      </c>
      <c r="E2064">
        <v>1070.672</v>
      </c>
      <c r="F2064">
        <v>1079.675</v>
      </c>
      <c r="G2064">
        <v>1101.2090000000001</v>
      </c>
      <c r="H2064">
        <v>1121.4269999999999</v>
      </c>
      <c r="I2064">
        <v>1132.0319999999999</v>
      </c>
      <c r="J2064">
        <v>1131.8610000000001</v>
      </c>
      <c r="K2064">
        <v>1132.373</v>
      </c>
      <c r="L2064">
        <v>1160.3869999999999</v>
      </c>
      <c r="M2064">
        <v>1141.7950000000001</v>
      </c>
      <c r="N2064">
        <v>1139.086</v>
      </c>
      <c r="O2064">
        <v>1000.65</v>
      </c>
      <c r="P2064">
        <v>0</v>
      </c>
      <c r="Q2064">
        <v>0</v>
      </c>
      <c r="R2064">
        <v>1097.9739999999999</v>
      </c>
      <c r="S2064">
        <v>0</v>
      </c>
      <c r="T2064">
        <v>1114.9269999999999</v>
      </c>
      <c r="U2064">
        <v>1131.614</v>
      </c>
      <c r="V2064">
        <v>1141.0319999999999</v>
      </c>
      <c r="W2064">
        <v>1166.396</v>
      </c>
      <c r="X2064">
        <v>1189.93</v>
      </c>
      <c r="Y2064">
        <v>1185.338</v>
      </c>
    </row>
    <row r="2065" spans="1:25" x14ac:dyDescent="0.3">
      <c r="A2065">
        <v>55.283333333969736</v>
      </c>
      <c r="B2065">
        <v>1007.939</v>
      </c>
      <c r="C2065">
        <v>1026.683</v>
      </c>
      <c r="D2065">
        <v>1037.325</v>
      </c>
      <c r="E2065">
        <v>1068.3789999999999</v>
      </c>
      <c r="F2065">
        <v>1076.636</v>
      </c>
      <c r="G2065">
        <v>1100.0419999999999</v>
      </c>
      <c r="H2065">
        <v>1124.6089999999999</v>
      </c>
      <c r="I2065">
        <v>1132.7329999999999</v>
      </c>
      <c r="J2065">
        <v>1130</v>
      </c>
      <c r="K2065">
        <v>1129.0129999999999</v>
      </c>
      <c r="L2065">
        <v>1158.373</v>
      </c>
      <c r="M2065">
        <v>1140.7639999999999</v>
      </c>
      <c r="N2065">
        <v>1134.954</v>
      </c>
      <c r="O2065">
        <v>1004.395</v>
      </c>
      <c r="P2065">
        <v>0</v>
      </c>
      <c r="Q2065">
        <v>0</v>
      </c>
      <c r="R2065">
        <v>1096.413</v>
      </c>
      <c r="S2065">
        <v>0</v>
      </c>
      <c r="T2065">
        <v>1114.549</v>
      </c>
      <c r="U2065">
        <v>1132.809</v>
      </c>
      <c r="V2065">
        <v>1145.248</v>
      </c>
      <c r="W2065">
        <v>1170.809</v>
      </c>
      <c r="X2065">
        <v>1190.55</v>
      </c>
      <c r="Y2065">
        <v>1187.934</v>
      </c>
    </row>
    <row r="2066" spans="1:25" x14ac:dyDescent="0.3">
      <c r="A2066">
        <v>55.316666664617756</v>
      </c>
      <c r="B2066">
        <v>999.51700000000005</v>
      </c>
      <c r="C2066">
        <v>1028.2660000000001</v>
      </c>
      <c r="D2066">
        <v>1041.8800000000001</v>
      </c>
      <c r="E2066">
        <v>1070.5039999999999</v>
      </c>
      <c r="F2066">
        <v>1079.414</v>
      </c>
      <c r="G2066">
        <v>1101.2270000000001</v>
      </c>
      <c r="H2066">
        <v>1124.5899999999999</v>
      </c>
      <c r="I2066">
        <v>1136.2639999999999</v>
      </c>
      <c r="J2066">
        <v>1136.8150000000001</v>
      </c>
      <c r="K2066">
        <v>1135.6569999999999</v>
      </c>
      <c r="L2066">
        <v>1159.5429999999999</v>
      </c>
      <c r="M2066">
        <v>1141.9659999999999</v>
      </c>
      <c r="N2066">
        <v>1145.019</v>
      </c>
      <c r="O2066">
        <v>1001.252</v>
      </c>
      <c r="P2066">
        <v>0</v>
      </c>
      <c r="Q2066">
        <v>0</v>
      </c>
      <c r="R2066">
        <v>1091.7260000000001</v>
      </c>
      <c r="S2066">
        <v>0</v>
      </c>
      <c r="T2066">
        <v>1115.9469999999999</v>
      </c>
      <c r="U2066">
        <v>1138.1130000000001</v>
      </c>
      <c r="V2066">
        <v>1149.0820000000001</v>
      </c>
      <c r="W2066">
        <v>1169.402</v>
      </c>
      <c r="X2066">
        <v>1189.077</v>
      </c>
      <c r="Y2066">
        <v>1183.7670000000001</v>
      </c>
    </row>
    <row r="2067" spans="1:25" x14ac:dyDescent="0.3">
      <c r="A2067">
        <v>55.333333335180455</v>
      </c>
      <c r="B2067">
        <v>994.67700000000002</v>
      </c>
      <c r="C2067">
        <v>1030.4590000000001</v>
      </c>
      <c r="D2067">
        <v>1043.1759999999999</v>
      </c>
      <c r="E2067">
        <v>1071.6990000000001</v>
      </c>
      <c r="F2067">
        <v>1082.105</v>
      </c>
      <c r="G2067">
        <v>1105.836</v>
      </c>
      <c r="H2067">
        <v>1126.415</v>
      </c>
      <c r="I2067">
        <v>1137.6189999999999</v>
      </c>
      <c r="J2067">
        <v>1140.0039999999999</v>
      </c>
      <c r="K2067">
        <v>1137.1610000000001</v>
      </c>
      <c r="L2067">
        <v>1162.6130000000001</v>
      </c>
      <c r="M2067">
        <v>1144.4110000000001</v>
      </c>
      <c r="N2067">
        <v>1141.454</v>
      </c>
      <c r="O2067">
        <v>998.28099999999995</v>
      </c>
      <c r="P2067">
        <v>0</v>
      </c>
      <c r="Q2067">
        <v>0</v>
      </c>
      <c r="R2067">
        <v>1088.021</v>
      </c>
      <c r="S2067">
        <v>0</v>
      </c>
      <c r="T2067">
        <v>1113.644</v>
      </c>
      <c r="U2067">
        <v>1132.7170000000001</v>
      </c>
      <c r="V2067">
        <v>1141.1479999999999</v>
      </c>
      <c r="W2067">
        <v>1161.865</v>
      </c>
      <c r="X2067">
        <v>1187.2190000000001</v>
      </c>
      <c r="Y2067">
        <v>1187.626</v>
      </c>
    </row>
    <row r="2068" spans="1:25" x14ac:dyDescent="0.3">
      <c r="A2068">
        <v>55.366666665828475</v>
      </c>
      <c r="B2068">
        <v>987.50300000000004</v>
      </c>
      <c r="C2068">
        <v>1027.9169999999999</v>
      </c>
      <c r="D2068">
        <v>1043.433</v>
      </c>
      <c r="E2068">
        <v>1075.6300000000001</v>
      </c>
      <c r="F2068">
        <v>1085.941</v>
      </c>
      <c r="G2068">
        <v>1110.1659999999999</v>
      </c>
      <c r="H2068">
        <v>1129.8679999999999</v>
      </c>
      <c r="I2068">
        <v>1136.835</v>
      </c>
      <c r="J2068">
        <v>1142.3869999999999</v>
      </c>
      <c r="K2068">
        <v>1136.2460000000001</v>
      </c>
      <c r="L2068">
        <v>1162.0550000000001</v>
      </c>
      <c r="M2068">
        <v>1146.298</v>
      </c>
      <c r="N2068">
        <v>1152.6220000000001</v>
      </c>
      <c r="O2068">
        <v>995.56700000000001</v>
      </c>
      <c r="P2068">
        <v>0</v>
      </c>
      <c r="Q2068">
        <v>0</v>
      </c>
      <c r="R2068">
        <v>1090.809</v>
      </c>
      <c r="S2068">
        <v>0</v>
      </c>
      <c r="T2068">
        <v>1111.0170000000001</v>
      </c>
      <c r="U2068">
        <v>1129.8869999999999</v>
      </c>
      <c r="V2068">
        <v>1137.1400000000001</v>
      </c>
      <c r="W2068">
        <v>1158.47</v>
      </c>
      <c r="X2068">
        <v>1185.066</v>
      </c>
      <c r="Y2068">
        <v>1189.6199999999999</v>
      </c>
    </row>
    <row r="2069" spans="1:25" x14ac:dyDescent="0.3">
      <c r="A2069">
        <v>55.383333336391175</v>
      </c>
      <c r="B2069">
        <v>986.53800000000001</v>
      </c>
      <c r="C2069">
        <v>1027.0329999999999</v>
      </c>
      <c r="D2069">
        <v>1043.414</v>
      </c>
      <c r="E2069">
        <v>1072.2370000000001</v>
      </c>
      <c r="F2069">
        <v>1083.1320000000001</v>
      </c>
      <c r="G2069">
        <v>1106.9059999999999</v>
      </c>
      <c r="H2069">
        <v>1123.0899999999999</v>
      </c>
      <c r="I2069">
        <v>1132.7149999999999</v>
      </c>
      <c r="J2069">
        <v>1136.492</v>
      </c>
      <c r="K2069">
        <v>1134.7080000000001</v>
      </c>
      <c r="L2069">
        <v>1162.6099999999999</v>
      </c>
      <c r="M2069">
        <v>1145.5150000000001</v>
      </c>
      <c r="N2069">
        <v>1142.653</v>
      </c>
      <c r="O2069">
        <v>998.22400000000005</v>
      </c>
      <c r="P2069">
        <v>0</v>
      </c>
      <c r="Q2069">
        <v>0</v>
      </c>
      <c r="R2069">
        <v>1092.287</v>
      </c>
      <c r="S2069">
        <v>0</v>
      </c>
      <c r="T2069">
        <v>1105.5139999999999</v>
      </c>
      <c r="U2069">
        <v>1127.096</v>
      </c>
      <c r="V2069">
        <v>1135.3340000000001</v>
      </c>
      <c r="W2069">
        <v>1159.1980000000001</v>
      </c>
      <c r="X2069">
        <v>1184.9880000000001</v>
      </c>
      <c r="Y2069">
        <v>1187.934</v>
      </c>
    </row>
    <row r="2070" spans="1:25" x14ac:dyDescent="0.3">
      <c r="A2070">
        <v>55.416666667039195</v>
      </c>
      <c r="B2070">
        <v>985.81100000000004</v>
      </c>
      <c r="C2070">
        <v>1028.856</v>
      </c>
      <c r="D2070">
        <v>1042.509</v>
      </c>
      <c r="E2070">
        <v>1072.48</v>
      </c>
      <c r="F2070">
        <v>1081.5229999999999</v>
      </c>
      <c r="G2070">
        <v>1104.481</v>
      </c>
      <c r="H2070">
        <v>1119.6690000000001</v>
      </c>
      <c r="I2070">
        <v>1132.0509999999999</v>
      </c>
      <c r="J2070">
        <v>1138.4570000000001</v>
      </c>
      <c r="K2070">
        <v>1135.904</v>
      </c>
      <c r="L2070">
        <v>1161.614</v>
      </c>
      <c r="M2070">
        <v>1144.5999999999999</v>
      </c>
      <c r="N2070">
        <v>1126.204</v>
      </c>
      <c r="O2070">
        <v>998.13400000000001</v>
      </c>
      <c r="P2070">
        <v>0</v>
      </c>
      <c r="Q2070">
        <v>0</v>
      </c>
      <c r="R2070">
        <v>1092.3630000000001</v>
      </c>
      <c r="S2070">
        <v>0</v>
      </c>
      <c r="T2070">
        <v>1109.883</v>
      </c>
      <c r="U2070">
        <v>1131.1969999999999</v>
      </c>
      <c r="V2070">
        <v>1136.797</v>
      </c>
      <c r="W2070">
        <v>1159.8119999999999</v>
      </c>
      <c r="X2070">
        <v>1190.7059999999999</v>
      </c>
      <c r="Y2070">
        <v>1186.19</v>
      </c>
    </row>
    <row r="2071" spans="1:25" x14ac:dyDescent="0.3">
      <c r="A2071">
        <v>55.449999997687215</v>
      </c>
      <c r="B2071">
        <v>986.10199999999998</v>
      </c>
      <c r="C2071">
        <v>1030.0709999999999</v>
      </c>
      <c r="D2071">
        <v>1044.45</v>
      </c>
      <c r="E2071">
        <v>1073.095</v>
      </c>
      <c r="F2071">
        <v>1081.4670000000001</v>
      </c>
      <c r="G2071">
        <v>1103.1079999999999</v>
      </c>
      <c r="H2071">
        <v>1121.3699999999999</v>
      </c>
      <c r="I2071">
        <v>1130.5889999999999</v>
      </c>
      <c r="J2071">
        <v>1138.1130000000001</v>
      </c>
      <c r="K2071">
        <v>1139.5820000000001</v>
      </c>
      <c r="L2071">
        <v>1163.5889999999999</v>
      </c>
      <c r="M2071">
        <v>1147.7860000000001</v>
      </c>
      <c r="N2071">
        <v>1135.24</v>
      </c>
      <c r="O2071">
        <v>995.11199999999997</v>
      </c>
      <c r="P2071">
        <v>0</v>
      </c>
      <c r="Q2071">
        <v>0</v>
      </c>
      <c r="R2071">
        <v>1091.539</v>
      </c>
      <c r="S2071">
        <v>0</v>
      </c>
      <c r="T2071">
        <v>1113.8130000000001</v>
      </c>
      <c r="U2071">
        <v>1132.165</v>
      </c>
      <c r="V2071">
        <v>1139.8109999999999</v>
      </c>
      <c r="W2071">
        <v>1159.5619999999999</v>
      </c>
      <c r="X2071">
        <v>1189.31</v>
      </c>
      <c r="Y2071">
        <v>1181.0160000000001</v>
      </c>
    </row>
    <row r="2072" spans="1:25" x14ac:dyDescent="0.3">
      <c r="A2072">
        <v>55.466666668249914</v>
      </c>
      <c r="B2072">
        <v>984.649</v>
      </c>
      <c r="C2072">
        <v>1027.6579999999999</v>
      </c>
      <c r="D2072">
        <v>1039.5519999999999</v>
      </c>
      <c r="E2072">
        <v>1071.23</v>
      </c>
      <c r="F2072">
        <v>1079.357</v>
      </c>
      <c r="G2072">
        <v>1100.0229999999999</v>
      </c>
      <c r="H2072">
        <v>1119.498</v>
      </c>
      <c r="I2072">
        <v>1124.722</v>
      </c>
      <c r="J2072">
        <v>1130.4929999999999</v>
      </c>
      <c r="K2072">
        <v>1130.93</v>
      </c>
      <c r="L2072">
        <v>1155.42</v>
      </c>
      <c r="M2072">
        <v>1142.405</v>
      </c>
      <c r="N2072">
        <v>1139.982</v>
      </c>
      <c r="O2072">
        <v>991.50699999999995</v>
      </c>
      <c r="P2072">
        <v>0</v>
      </c>
      <c r="Q2072">
        <v>0</v>
      </c>
      <c r="R2072">
        <v>1092.4549999999999</v>
      </c>
      <c r="S2072">
        <v>0</v>
      </c>
      <c r="T2072">
        <v>1114.133</v>
      </c>
      <c r="U2072">
        <v>1131.1379999999999</v>
      </c>
      <c r="V2072">
        <v>1140.6110000000001</v>
      </c>
      <c r="W2072">
        <v>1160.942</v>
      </c>
      <c r="X2072">
        <v>1184.5809999999999</v>
      </c>
      <c r="Y2072">
        <v>1181.713</v>
      </c>
    </row>
    <row r="2073" spans="1:25" x14ac:dyDescent="0.3">
      <c r="A2073">
        <v>55.499999998897934</v>
      </c>
      <c r="B2073">
        <v>978.28499999999997</v>
      </c>
      <c r="C2073">
        <v>1026.096</v>
      </c>
      <c r="D2073">
        <v>1039.203</v>
      </c>
      <c r="E2073">
        <v>1071.1569999999999</v>
      </c>
      <c r="F2073">
        <v>1079.433</v>
      </c>
      <c r="G2073">
        <v>1102.2049999999999</v>
      </c>
      <c r="H2073">
        <v>1120.614</v>
      </c>
      <c r="I2073">
        <v>1130.3230000000001</v>
      </c>
      <c r="J2073">
        <v>1136.2460000000001</v>
      </c>
      <c r="K2073">
        <v>1139.9449999999999</v>
      </c>
      <c r="L2073">
        <v>1164.663</v>
      </c>
      <c r="M2073">
        <v>1147.29</v>
      </c>
      <c r="N2073">
        <v>1144.943</v>
      </c>
      <c r="O2073">
        <v>996.71400000000006</v>
      </c>
      <c r="P2073">
        <v>0</v>
      </c>
      <c r="Q2073">
        <v>0</v>
      </c>
      <c r="R2073">
        <v>1094.066</v>
      </c>
      <c r="S2073">
        <v>0</v>
      </c>
      <c r="T2073">
        <v>1113.529</v>
      </c>
      <c r="U2073">
        <v>1132.3920000000001</v>
      </c>
      <c r="V2073">
        <v>1141.1279999999999</v>
      </c>
      <c r="W2073">
        <v>1162.5150000000001</v>
      </c>
      <c r="X2073">
        <v>1183.4580000000001</v>
      </c>
      <c r="Y2073">
        <v>1184.6790000000001</v>
      </c>
    </row>
    <row r="2074" spans="1:25" x14ac:dyDescent="0.3">
      <c r="A2074">
        <v>55.516666669460633</v>
      </c>
      <c r="B2074">
        <v>977.57799999999997</v>
      </c>
      <c r="C2074">
        <v>1027.7329999999999</v>
      </c>
      <c r="D2074">
        <v>1041.289</v>
      </c>
      <c r="E2074">
        <v>1072.424</v>
      </c>
      <c r="F2074">
        <v>1080.4770000000001</v>
      </c>
      <c r="G2074">
        <v>1101.2090000000001</v>
      </c>
      <c r="H2074">
        <v>1121.181</v>
      </c>
      <c r="I2074">
        <v>1129.146</v>
      </c>
      <c r="J2074">
        <v>1138.4380000000001</v>
      </c>
      <c r="K2074">
        <v>1143.5309999999999</v>
      </c>
      <c r="L2074">
        <v>1165.972</v>
      </c>
      <c r="M2074">
        <v>1146.355</v>
      </c>
      <c r="N2074">
        <v>1151.356</v>
      </c>
      <c r="O2074">
        <v>995.54899999999998</v>
      </c>
      <c r="P2074">
        <v>0</v>
      </c>
      <c r="Q2074">
        <v>0</v>
      </c>
      <c r="R2074">
        <v>1092.55</v>
      </c>
      <c r="S2074">
        <v>0</v>
      </c>
      <c r="T2074">
        <v>1109.9590000000001</v>
      </c>
      <c r="U2074">
        <v>1132.981</v>
      </c>
      <c r="V2074">
        <v>1137.1790000000001</v>
      </c>
      <c r="W2074">
        <v>1161.116</v>
      </c>
      <c r="X2074">
        <v>1179.001</v>
      </c>
      <c r="Y2074">
        <v>1184.5820000000001</v>
      </c>
    </row>
    <row r="2075" spans="1:25" x14ac:dyDescent="0.3">
      <c r="A2075">
        <v>55.550000000108653</v>
      </c>
      <c r="B2075">
        <v>977.14200000000005</v>
      </c>
      <c r="C2075">
        <v>1029.04</v>
      </c>
      <c r="D2075">
        <v>1042.5640000000001</v>
      </c>
      <c r="E2075">
        <v>1071.623</v>
      </c>
      <c r="F2075">
        <v>1079.75</v>
      </c>
      <c r="G2075">
        <v>1099.328</v>
      </c>
      <c r="H2075">
        <v>1121.3699999999999</v>
      </c>
      <c r="I2075">
        <v>1128.3109999999999</v>
      </c>
      <c r="J2075">
        <v>1141.07</v>
      </c>
      <c r="K2075">
        <v>1141.7570000000001</v>
      </c>
      <c r="L2075">
        <v>1165.587</v>
      </c>
      <c r="M2075">
        <v>1144.829</v>
      </c>
      <c r="N2075">
        <v>1159.2370000000001</v>
      </c>
      <c r="O2075">
        <v>996.36800000000005</v>
      </c>
      <c r="P2075">
        <v>0</v>
      </c>
      <c r="Q2075">
        <v>0</v>
      </c>
      <c r="R2075">
        <v>1094.1790000000001</v>
      </c>
      <c r="S2075">
        <v>0</v>
      </c>
      <c r="T2075">
        <v>1115.645</v>
      </c>
      <c r="U2075">
        <v>1137.732</v>
      </c>
      <c r="V2075">
        <v>1146.317</v>
      </c>
      <c r="W2075">
        <v>1167.7449999999999</v>
      </c>
      <c r="X2075">
        <v>1185.9190000000001</v>
      </c>
      <c r="Y2075">
        <v>1185.318</v>
      </c>
    </row>
    <row r="2076" spans="1:25" x14ac:dyDescent="0.3">
      <c r="A2076">
        <v>55.583333330756673</v>
      </c>
      <c r="B2076">
        <v>977.721</v>
      </c>
      <c r="C2076">
        <v>1025.434</v>
      </c>
      <c r="D2076">
        <v>1041.232</v>
      </c>
      <c r="E2076">
        <v>1072.125</v>
      </c>
      <c r="F2076">
        <v>1079.45</v>
      </c>
      <c r="G2076">
        <v>1098.951</v>
      </c>
      <c r="H2076">
        <v>1118.289</v>
      </c>
      <c r="I2076">
        <v>1132.3150000000001</v>
      </c>
      <c r="J2076">
        <v>1137.921</v>
      </c>
      <c r="K2076">
        <v>1135.884</v>
      </c>
      <c r="L2076">
        <v>1164.297</v>
      </c>
      <c r="M2076">
        <v>1144.865</v>
      </c>
      <c r="N2076">
        <v>1159.2929999999999</v>
      </c>
      <c r="O2076">
        <v>998.86099999999999</v>
      </c>
      <c r="P2076">
        <v>0</v>
      </c>
      <c r="Q2076">
        <v>0</v>
      </c>
      <c r="R2076">
        <v>1091.912</v>
      </c>
      <c r="S2076">
        <v>0</v>
      </c>
      <c r="T2076">
        <v>1116.4000000000001</v>
      </c>
      <c r="U2076">
        <v>1135.6559999999999</v>
      </c>
      <c r="V2076">
        <v>1144.2550000000001</v>
      </c>
      <c r="W2076">
        <v>1167.07</v>
      </c>
      <c r="X2076">
        <v>1185.0070000000001</v>
      </c>
      <c r="Y2076">
        <v>1185.8399999999999</v>
      </c>
    </row>
    <row r="2077" spans="1:25" x14ac:dyDescent="0.3">
      <c r="A2077">
        <v>55.600000001319373</v>
      </c>
      <c r="B2077">
        <v>982.61900000000003</v>
      </c>
      <c r="C2077">
        <v>1026.3340000000001</v>
      </c>
      <c r="D2077">
        <v>1043.211</v>
      </c>
      <c r="E2077">
        <v>1072.9459999999999</v>
      </c>
      <c r="F2077">
        <v>1081.204</v>
      </c>
      <c r="G2077">
        <v>1102.9390000000001</v>
      </c>
      <c r="H2077">
        <v>1119.0840000000001</v>
      </c>
      <c r="I2077">
        <v>1133.2850000000001</v>
      </c>
      <c r="J2077">
        <v>1141.9860000000001</v>
      </c>
      <c r="K2077">
        <v>1138.2470000000001</v>
      </c>
      <c r="L2077">
        <v>1163.2819999999999</v>
      </c>
      <c r="M2077">
        <v>1146.088</v>
      </c>
      <c r="N2077">
        <v>1145.3630000000001</v>
      </c>
      <c r="O2077">
        <v>995.02099999999996</v>
      </c>
      <c r="P2077">
        <v>0</v>
      </c>
      <c r="Q2077">
        <v>0</v>
      </c>
      <c r="R2077">
        <v>1092.625</v>
      </c>
      <c r="S2077">
        <v>0</v>
      </c>
      <c r="T2077">
        <v>1112.056</v>
      </c>
      <c r="U2077">
        <v>1130.9690000000001</v>
      </c>
      <c r="V2077">
        <v>1139.7919999999999</v>
      </c>
      <c r="W2077">
        <v>1164.759</v>
      </c>
      <c r="X2077">
        <v>1183.2059999999999</v>
      </c>
      <c r="Y2077">
        <v>1182.625</v>
      </c>
    </row>
    <row r="2078" spans="1:25" x14ac:dyDescent="0.3">
      <c r="A2078">
        <v>55.633333331967393</v>
      </c>
      <c r="B2078">
        <v>980.17</v>
      </c>
      <c r="C2078">
        <v>1027.2349999999999</v>
      </c>
      <c r="D2078">
        <v>1041.2139999999999</v>
      </c>
      <c r="E2078">
        <v>1069.5530000000001</v>
      </c>
      <c r="F2078">
        <v>1079.115</v>
      </c>
      <c r="G2078">
        <v>1101.2270000000001</v>
      </c>
      <c r="H2078">
        <v>1118.0820000000001</v>
      </c>
      <c r="I2078">
        <v>1131.7460000000001</v>
      </c>
      <c r="J2078">
        <v>1141.9849999999999</v>
      </c>
      <c r="K2078">
        <v>1133.55</v>
      </c>
      <c r="L2078">
        <v>1156.4559999999999</v>
      </c>
      <c r="M2078">
        <v>1144.5609999999999</v>
      </c>
      <c r="N2078">
        <v>1155.5550000000001</v>
      </c>
      <c r="O2078">
        <v>1000.832</v>
      </c>
      <c r="P2078">
        <v>0</v>
      </c>
      <c r="Q2078">
        <v>0</v>
      </c>
      <c r="R2078">
        <v>1091.7629999999999</v>
      </c>
      <c r="S2078">
        <v>0</v>
      </c>
      <c r="T2078">
        <v>1112.6220000000001</v>
      </c>
      <c r="U2078">
        <v>1130.607</v>
      </c>
      <c r="V2078">
        <v>1138.3800000000001</v>
      </c>
      <c r="W2078">
        <v>1163.0899999999999</v>
      </c>
      <c r="X2078">
        <v>1183.1859999999999</v>
      </c>
      <c r="Y2078">
        <v>1182.818</v>
      </c>
    </row>
    <row r="2079" spans="1:25" x14ac:dyDescent="0.3">
      <c r="A2079">
        <v>55.650000002530092</v>
      </c>
      <c r="B2079">
        <v>978.95500000000004</v>
      </c>
      <c r="C2079">
        <v>1027.2719999999999</v>
      </c>
      <c r="D2079">
        <v>1042.0830000000001</v>
      </c>
      <c r="E2079">
        <v>1071.3050000000001</v>
      </c>
      <c r="F2079">
        <v>1078.221</v>
      </c>
      <c r="G2079">
        <v>1098.463</v>
      </c>
      <c r="H2079">
        <v>1116.627</v>
      </c>
      <c r="I2079">
        <v>1133.3219999999999</v>
      </c>
      <c r="J2079">
        <v>1137.4259999999999</v>
      </c>
      <c r="K2079">
        <v>1132.126</v>
      </c>
      <c r="L2079">
        <v>1157.721</v>
      </c>
      <c r="M2079">
        <v>1142.443</v>
      </c>
      <c r="N2079">
        <v>1157.184</v>
      </c>
      <c r="O2079">
        <v>995.476</v>
      </c>
      <c r="P2079">
        <v>0</v>
      </c>
      <c r="Q2079">
        <v>0</v>
      </c>
      <c r="R2079">
        <v>1091.931</v>
      </c>
      <c r="S2079">
        <v>0</v>
      </c>
      <c r="T2079">
        <v>1110.7329999999999</v>
      </c>
      <c r="U2079">
        <v>1126.83</v>
      </c>
      <c r="V2079">
        <v>1133.8530000000001</v>
      </c>
      <c r="W2079">
        <v>1159.8689999999999</v>
      </c>
      <c r="X2079">
        <v>1191.519</v>
      </c>
      <c r="Y2079">
        <v>1187.1389999999999</v>
      </c>
    </row>
    <row r="2080" spans="1:25" x14ac:dyDescent="0.3">
      <c r="A2080">
        <v>55.683333333178112</v>
      </c>
      <c r="B2080">
        <v>978.35900000000004</v>
      </c>
      <c r="C2080">
        <v>1024.502</v>
      </c>
      <c r="D2080">
        <v>1039.3150000000001</v>
      </c>
      <c r="E2080">
        <v>1073.3389999999999</v>
      </c>
      <c r="F2080">
        <v>1080.162</v>
      </c>
      <c r="G2080">
        <v>1099.7619999999999</v>
      </c>
      <c r="H2080">
        <v>1118.3109999999999</v>
      </c>
      <c r="I2080">
        <v>1131.673</v>
      </c>
      <c r="J2080">
        <v>1133.799</v>
      </c>
      <c r="K2080">
        <v>1130.4960000000001</v>
      </c>
      <c r="L2080">
        <v>1160.8869999999999</v>
      </c>
      <c r="M2080">
        <v>1142.1790000000001</v>
      </c>
      <c r="N2080">
        <v>1160.7529999999999</v>
      </c>
      <c r="O2080">
        <v>995.005</v>
      </c>
      <c r="P2080">
        <v>0</v>
      </c>
      <c r="Q2080">
        <v>0</v>
      </c>
      <c r="R2080">
        <v>1089.6310000000001</v>
      </c>
      <c r="S2080">
        <v>0</v>
      </c>
      <c r="T2080">
        <v>1111.6610000000001</v>
      </c>
      <c r="U2080">
        <v>1130.5909999999999</v>
      </c>
      <c r="V2080">
        <v>1138.153</v>
      </c>
      <c r="W2080">
        <v>1159.4880000000001</v>
      </c>
      <c r="X2080">
        <v>1187.491</v>
      </c>
      <c r="Y2080">
        <v>1185.223</v>
      </c>
    </row>
    <row r="2081" spans="1:25" x14ac:dyDescent="0.3">
      <c r="A2081">
        <v>55.716666663826132</v>
      </c>
      <c r="B2081">
        <v>983.70799999999997</v>
      </c>
      <c r="C2081">
        <v>1023.785</v>
      </c>
      <c r="D2081">
        <v>1036.4970000000001</v>
      </c>
      <c r="E2081">
        <v>1070.7280000000001</v>
      </c>
      <c r="F2081">
        <v>1078.6869999999999</v>
      </c>
      <c r="G2081">
        <v>1098.576</v>
      </c>
      <c r="H2081">
        <v>1118.5740000000001</v>
      </c>
      <c r="I2081">
        <v>1133.588</v>
      </c>
      <c r="J2081">
        <v>1143.0540000000001</v>
      </c>
      <c r="K2081">
        <v>1136.1320000000001</v>
      </c>
      <c r="L2081">
        <v>1162.9559999999999</v>
      </c>
      <c r="M2081">
        <v>1144.7329999999999</v>
      </c>
      <c r="N2081">
        <v>1166.473</v>
      </c>
      <c r="O2081">
        <v>993.14599999999996</v>
      </c>
      <c r="P2081">
        <v>0</v>
      </c>
      <c r="Q2081">
        <v>0</v>
      </c>
      <c r="R2081">
        <v>1088.1130000000001</v>
      </c>
      <c r="S2081">
        <v>0</v>
      </c>
      <c r="T2081">
        <v>1112.2449999999999</v>
      </c>
      <c r="U2081">
        <v>1130.665</v>
      </c>
      <c r="V2081">
        <v>1139.7729999999999</v>
      </c>
      <c r="W2081">
        <v>1165.028</v>
      </c>
      <c r="X2081">
        <v>1188.5930000000001</v>
      </c>
      <c r="Y2081">
        <v>1186.0940000000001</v>
      </c>
    </row>
    <row r="2082" spans="1:25" x14ac:dyDescent="0.3">
      <c r="A2082">
        <v>55.733333334388831</v>
      </c>
      <c r="B2082">
        <v>975.90800000000002</v>
      </c>
      <c r="C2082">
        <v>1021.418</v>
      </c>
      <c r="D2082">
        <v>1033.0709999999999</v>
      </c>
      <c r="E2082">
        <v>1070.0740000000001</v>
      </c>
      <c r="F2082">
        <v>1078.164</v>
      </c>
      <c r="G2082">
        <v>1103.069</v>
      </c>
      <c r="H2082">
        <v>1117.5709999999999</v>
      </c>
      <c r="I2082">
        <v>1128.1769999999999</v>
      </c>
      <c r="J2082">
        <v>1137.731</v>
      </c>
      <c r="K2082">
        <v>1134.327</v>
      </c>
      <c r="L2082">
        <v>1166.511</v>
      </c>
      <c r="M2082">
        <v>1145.1130000000001</v>
      </c>
      <c r="N2082">
        <v>1164.144</v>
      </c>
      <c r="O2082">
        <v>992.19899999999996</v>
      </c>
      <c r="P2082">
        <v>0</v>
      </c>
      <c r="Q2082">
        <v>0</v>
      </c>
      <c r="R2082">
        <v>1090.6389999999999</v>
      </c>
      <c r="S2082">
        <v>0</v>
      </c>
      <c r="T2082">
        <v>1110.845</v>
      </c>
      <c r="U2082">
        <v>1130.1320000000001</v>
      </c>
      <c r="V2082">
        <v>1139.4090000000001</v>
      </c>
      <c r="W2082">
        <v>1164.7380000000001</v>
      </c>
      <c r="X2082">
        <v>1191.2280000000001</v>
      </c>
      <c r="Y2082">
        <v>1186.8869999999999</v>
      </c>
    </row>
    <row r="2083" spans="1:25" x14ac:dyDescent="0.3">
      <c r="A2083">
        <v>55.766666665036851</v>
      </c>
      <c r="B2083">
        <v>978.93799999999999</v>
      </c>
      <c r="C2083">
        <v>1022.4640000000001</v>
      </c>
      <c r="D2083">
        <v>1031.1020000000001</v>
      </c>
      <c r="E2083">
        <v>1065.999</v>
      </c>
      <c r="F2083">
        <v>1076.5619999999999</v>
      </c>
      <c r="G2083">
        <v>1099.5540000000001</v>
      </c>
      <c r="H2083">
        <v>1117.6669999999999</v>
      </c>
      <c r="I2083">
        <v>1125.597</v>
      </c>
      <c r="J2083">
        <v>1141.452</v>
      </c>
      <c r="K2083">
        <v>1140.7460000000001</v>
      </c>
      <c r="L2083">
        <v>1165.548</v>
      </c>
      <c r="M2083">
        <v>1148.396</v>
      </c>
      <c r="N2083">
        <v>1152.7940000000001</v>
      </c>
      <c r="O2083">
        <v>992.25400000000002</v>
      </c>
      <c r="P2083">
        <v>0</v>
      </c>
      <c r="Q2083">
        <v>0</v>
      </c>
      <c r="R2083">
        <v>1094.104</v>
      </c>
      <c r="S2083">
        <v>0</v>
      </c>
      <c r="T2083">
        <v>1112.6410000000001</v>
      </c>
      <c r="U2083">
        <v>1131.367</v>
      </c>
      <c r="V2083">
        <v>1139.6969999999999</v>
      </c>
      <c r="W2083">
        <v>1164.375</v>
      </c>
      <c r="X2083">
        <v>1190.085</v>
      </c>
      <c r="Y2083">
        <v>1186.8879999999999</v>
      </c>
    </row>
    <row r="2084" spans="1:25" x14ac:dyDescent="0.3">
      <c r="A2084">
        <v>55.783333335599551</v>
      </c>
      <c r="B2084">
        <v>991.41899999999998</v>
      </c>
      <c r="C2084">
        <v>1023.934</v>
      </c>
      <c r="D2084">
        <v>1029.355</v>
      </c>
      <c r="E2084">
        <v>1067.115</v>
      </c>
      <c r="F2084">
        <v>1078.335</v>
      </c>
      <c r="G2084">
        <v>1101.4929999999999</v>
      </c>
      <c r="H2084">
        <v>1119.7280000000001</v>
      </c>
      <c r="I2084">
        <v>1131.009</v>
      </c>
      <c r="J2084">
        <v>1144.8309999999999</v>
      </c>
      <c r="K2084">
        <v>1143.877</v>
      </c>
      <c r="L2084">
        <v>1169.174</v>
      </c>
      <c r="M2084">
        <v>1149.066</v>
      </c>
      <c r="N2084">
        <v>1152.95</v>
      </c>
      <c r="O2084">
        <v>996.82500000000005</v>
      </c>
      <c r="P2084">
        <v>0</v>
      </c>
      <c r="Q2084">
        <v>0</v>
      </c>
      <c r="R2084">
        <v>1091.8599999999999</v>
      </c>
      <c r="S2084">
        <v>0</v>
      </c>
      <c r="T2084">
        <v>1110.509</v>
      </c>
      <c r="U2084">
        <v>1129.8130000000001</v>
      </c>
      <c r="V2084">
        <v>1138.364</v>
      </c>
      <c r="W2084">
        <v>1165.7239999999999</v>
      </c>
      <c r="X2084">
        <v>1185.8440000000001</v>
      </c>
      <c r="Y2084">
        <v>1183.0540000000001</v>
      </c>
    </row>
    <row r="2085" spans="1:25" x14ac:dyDescent="0.3">
      <c r="A2085">
        <v>55.816666666247571</v>
      </c>
      <c r="B2085">
        <v>989.03499999999997</v>
      </c>
      <c r="C2085">
        <v>1026.5940000000001</v>
      </c>
      <c r="D2085">
        <v>1034.308</v>
      </c>
      <c r="E2085">
        <v>1069.127</v>
      </c>
      <c r="F2085">
        <v>1078.5219999999999</v>
      </c>
      <c r="G2085">
        <v>1101.9069999999999</v>
      </c>
      <c r="H2085">
        <v>1122.0519999999999</v>
      </c>
      <c r="I2085">
        <v>1136.191</v>
      </c>
      <c r="J2085">
        <v>1144.8119999999999</v>
      </c>
      <c r="K2085">
        <v>1142.2560000000001</v>
      </c>
      <c r="L2085">
        <v>1166.2829999999999</v>
      </c>
      <c r="M2085">
        <v>1148.1310000000001</v>
      </c>
      <c r="N2085">
        <v>1167.2270000000001</v>
      </c>
      <c r="O2085">
        <v>999.35599999999999</v>
      </c>
      <c r="P2085">
        <v>0</v>
      </c>
      <c r="Q2085">
        <v>0</v>
      </c>
      <c r="R2085">
        <v>1094.874</v>
      </c>
      <c r="S2085">
        <v>0</v>
      </c>
      <c r="T2085">
        <v>1111.9449999999999</v>
      </c>
      <c r="U2085">
        <v>1131.3510000000001</v>
      </c>
      <c r="V2085">
        <v>1143.2670000000001</v>
      </c>
      <c r="W2085">
        <v>1163.2080000000001</v>
      </c>
      <c r="X2085">
        <v>1176.2280000000001</v>
      </c>
      <c r="Y2085">
        <v>1179.701</v>
      </c>
    </row>
    <row r="2086" spans="1:25" x14ac:dyDescent="0.3">
      <c r="A2086">
        <v>55.84999999689559</v>
      </c>
      <c r="B2086">
        <v>989.81500000000005</v>
      </c>
      <c r="C2086">
        <v>1033.0899999999999</v>
      </c>
      <c r="D2086">
        <v>1042.009</v>
      </c>
      <c r="E2086">
        <v>1072.498</v>
      </c>
      <c r="F2086">
        <v>1080.7929999999999</v>
      </c>
      <c r="G2086">
        <v>1108.9190000000001</v>
      </c>
      <c r="H2086">
        <v>1126.204</v>
      </c>
      <c r="I2086">
        <v>1134.8030000000001</v>
      </c>
      <c r="J2086">
        <v>1141.184</v>
      </c>
      <c r="K2086">
        <v>1136.0360000000001</v>
      </c>
      <c r="L2086">
        <v>1158.258</v>
      </c>
      <c r="M2086">
        <v>1144.3320000000001</v>
      </c>
      <c r="N2086">
        <v>1142.367</v>
      </c>
      <c r="O2086">
        <v>999.06100000000004</v>
      </c>
      <c r="P2086">
        <v>0</v>
      </c>
      <c r="Q2086">
        <v>0</v>
      </c>
      <c r="R2086">
        <v>1091.7260000000001</v>
      </c>
      <c r="S2086">
        <v>0</v>
      </c>
      <c r="T2086">
        <v>1115.3050000000001</v>
      </c>
      <c r="U2086">
        <v>1137.617</v>
      </c>
      <c r="V2086">
        <v>1145.2670000000001</v>
      </c>
      <c r="W2086">
        <v>1162.2460000000001</v>
      </c>
      <c r="X2086">
        <v>1173.912</v>
      </c>
      <c r="Y2086">
        <v>1175.146</v>
      </c>
    </row>
    <row r="2087" spans="1:25" x14ac:dyDescent="0.3">
      <c r="A2087">
        <v>55.86666666745829</v>
      </c>
      <c r="B2087">
        <v>986.95699999999999</v>
      </c>
      <c r="C2087">
        <v>1031.046</v>
      </c>
      <c r="D2087">
        <v>1042.213</v>
      </c>
      <c r="E2087">
        <v>1070.4849999999999</v>
      </c>
      <c r="F2087">
        <v>1078.1279999999999</v>
      </c>
      <c r="G2087">
        <v>1103.577</v>
      </c>
      <c r="H2087">
        <v>1116.703</v>
      </c>
      <c r="I2087">
        <v>1126.4690000000001</v>
      </c>
      <c r="J2087">
        <v>1130.645</v>
      </c>
      <c r="K2087">
        <v>1125.0650000000001</v>
      </c>
      <c r="L2087">
        <v>1145.6099999999999</v>
      </c>
      <c r="M2087">
        <v>1135.144</v>
      </c>
      <c r="N2087">
        <v>1135.923</v>
      </c>
      <c r="O2087">
        <v>996.80399999999997</v>
      </c>
      <c r="P2087">
        <v>0</v>
      </c>
      <c r="Q2087">
        <v>0</v>
      </c>
      <c r="R2087">
        <v>1089.816</v>
      </c>
      <c r="S2087">
        <v>0</v>
      </c>
      <c r="T2087">
        <v>1109.58</v>
      </c>
      <c r="U2087">
        <v>1129.374</v>
      </c>
      <c r="V2087">
        <v>1137.0630000000001</v>
      </c>
      <c r="W2087">
        <v>1158.009</v>
      </c>
      <c r="X2087">
        <v>1174.24</v>
      </c>
      <c r="Y2087">
        <v>1174.606</v>
      </c>
    </row>
    <row r="2088" spans="1:25" x14ac:dyDescent="0.3">
      <c r="A2088">
        <v>55.89999999810631</v>
      </c>
      <c r="B2088">
        <v>990.56299999999999</v>
      </c>
      <c r="C2088">
        <v>1031.3620000000001</v>
      </c>
      <c r="D2088">
        <v>1043.5830000000001</v>
      </c>
      <c r="E2088">
        <v>1069.5920000000001</v>
      </c>
      <c r="F2088">
        <v>1077.403</v>
      </c>
      <c r="G2088">
        <v>1103.58</v>
      </c>
      <c r="H2088">
        <v>1115.0609999999999</v>
      </c>
      <c r="I2088">
        <v>1121.3150000000001</v>
      </c>
      <c r="J2088">
        <v>1132.546</v>
      </c>
      <c r="K2088">
        <v>1129.1099999999999</v>
      </c>
      <c r="L2088">
        <v>1149.3900000000001</v>
      </c>
      <c r="M2088">
        <v>1136.761</v>
      </c>
      <c r="N2088">
        <v>1120.143</v>
      </c>
      <c r="O2088">
        <v>1000.067</v>
      </c>
      <c r="P2088">
        <v>0</v>
      </c>
      <c r="Q2088">
        <v>0</v>
      </c>
      <c r="R2088">
        <v>1085.0820000000001</v>
      </c>
      <c r="S2088">
        <v>0</v>
      </c>
      <c r="T2088">
        <v>1103.8620000000001</v>
      </c>
      <c r="U2088">
        <v>1124.1179999999999</v>
      </c>
      <c r="V2088">
        <v>1133.6279999999999</v>
      </c>
      <c r="W2088">
        <v>1153.5820000000001</v>
      </c>
      <c r="X2088">
        <v>1173.857</v>
      </c>
      <c r="Y2088">
        <v>1176.5360000000001</v>
      </c>
    </row>
    <row r="2089" spans="1:25" x14ac:dyDescent="0.3">
      <c r="A2089">
        <v>55.933333339231709</v>
      </c>
      <c r="B2089">
        <v>991.49</v>
      </c>
      <c r="C2089">
        <v>1026.5730000000001</v>
      </c>
      <c r="D2089">
        <v>1045.615</v>
      </c>
      <c r="E2089">
        <v>1071.3989999999999</v>
      </c>
      <c r="F2089">
        <v>1080.048</v>
      </c>
      <c r="G2089">
        <v>1098.2750000000001</v>
      </c>
      <c r="H2089">
        <v>1110.431</v>
      </c>
      <c r="I2089">
        <v>1120.123</v>
      </c>
      <c r="J2089">
        <v>1135.164</v>
      </c>
      <c r="K2089">
        <v>1131.0260000000001</v>
      </c>
      <c r="L2089">
        <v>1152.2570000000001</v>
      </c>
      <c r="M2089">
        <v>1137.636</v>
      </c>
      <c r="N2089">
        <v>1114.4169999999999</v>
      </c>
      <c r="O2089">
        <v>1005.218</v>
      </c>
      <c r="P2089">
        <v>0</v>
      </c>
      <c r="Q2089">
        <v>0</v>
      </c>
      <c r="R2089">
        <v>1082.047</v>
      </c>
      <c r="S2089">
        <v>0</v>
      </c>
      <c r="T2089">
        <v>1102.751</v>
      </c>
      <c r="U2089">
        <v>1121.03</v>
      </c>
      <c r="V2089">
        <v>1130.001</v>
      </c>
      <c r="W2089">
        <v>1149.4829999999999</v>
      </c>
      <c r="X2089">
        <v>1173.335</v>
      </c>
      <c r="Y2089">
        <v>1174.896</v>
      </c>
    </row>
    <row r="2090" spans="1:25" x14ac:dyDescent="0.3">
      <c r="A2090">
        <v>55.949999999317029</v>
      </c>
      <c r="B2090">
        <v>992.76400000000001</v>
      </c>
      <c r="C2090">
        <v>1026.297</v>
      </c>
      <c r="D2090">
        <v>1037.5830000000001</v>
      </c>
      <c r="E2090">
        <v>1068.7329999999999</v>
      </c>
      <c r="F2090">
        <v>1077.625</v>
      </c>
      <c r="G2090">
        <v>1093.0550000000001</v>
      </c>
      <c r="H2090">
        <v>1109.0899999999999</v>
      </c>
      <c r="I2090">
        <v>1128.0450000000001</v>
      </c>
      <c r="J2090">
        <v>1140.269</v>
      </c>
      <c r="K2090">
        <v>1135.942</v>
      </c>
      <c r="L2090">
        <v>1155.421</v>
      </c>
      <c r="M2090">
        <v>1139.201</v>
      </c>
      <c r="N2090">
        <v>1114.7950000000001</v>
      </c>
      <c r="O2090">
        <v>1002.4589999999999</v>
      </c>
      <c r="P2090">
        <v>0</v>
      </c>
      <c r="Q2090">
        <v>0</v>
      </c>
      <c r="R2090">
        <v>1085.0050000000001</v>
      </c>
      <c r="S2090">
        <v>0</v>
      </c>
      <c r="T2090">
        <v>1102.375</v>
      </c>
      <c r="U2090">
        <v>1118.952</v>
      </c>
      <c r="V2090">
        <v>1125.027</v>
      </c>
      <c r="W2090">
        <v>1147.232</v>
      </c>
      <c r="X2090">
        <v>1178.616</v>
      </c>
      <c r="Y2090">
        <v>1181.443</v>
      </c>
    </row>
    <row r="2091" spans="1:25" x14ac:dyDescent="0.3">
      <c r="A2091">
        <v>55.983333329965049</v>
      </c>
      <c r="B2091">
        <v>1000.36</v>
      </c>
      <c r="C2091">
        <v>1026.502</v>
      </c>
      <c r="D2091">
        <v>1035.799</v>
      </c>
      <c r="E2091">
        <v>1069.761</v>
      </c>
      <c r="F2091">
        <v>1083.7719999999999</v>
      </c>
      <c r="G2091">
        <v>1100.854</v>
      </c>
      <c r="H2091">
        <v>1116.895</v>
      </c>
      <c r="I2091">
        <v>1129.2819999999999</v>
      </c>
      <c r="J2091">
        <v>1139.299</v>
      </c>
      <c r="K2091">
        <v>1135.7550000000001</v>
      </c>
      <c r="L2091">
        <v>1156.056</v>
      </c>
      <c r="M2091">
        <v>1140.462</v>
      </c>
      <c r="N2091">
        <v>1114.174</v>
      </c>
      <c r="O2091">
        <v>1002.297</v>
      </c>
      <c r="P2091">
        <v>0</v>
      </c>
      <c r="Q2091">
        <v>0</v>
      </c>
      <c r="R2091">
        <v>1087.8530000000001</v>
      </c>
      <c r="S2091">
        <v>0</v>
      </c>
      <c r="T2091">
        <v>1109.413</v>
      </c>
      <c r="U2091">
        <v>1127.383</v>
      </c>
      <c r="V2091">
        <v>1134.3309999999999</v>
      </c>
      <c r="W2091">
        <v>1151.5309999999999</v>
      </c>
      <c r="X2091">
        <v>1175.0139999999999</v>
      </c>
      <c r="Y2091">
        <v>1183.2280000000001</v>
      </c>
    </row>
    <row r="2092" spans="1:25" x14ac:dyDescent="0.3">
      <c r="A2092">
        <v>56.000000000527749</v>
      </c>
      <c r="B2092">
        <v>1003.849</v>
      </c>
      <c r="C2092">
        <v>1029.079</v>
      </c>
      <c r="D2092">
        <v>1037.3820000000001</v>
      </c>
      <c r="E2092">
        <v>1067.5050000000001</v>
      </c>
      <c r="F2092">
        <v>1083.153</v>
      </c>
      <c r="G2092">
        <v>1103.636</v>
      </c>
      <c r="H2092">
        <v>1114.3620000000001</v>
      </c>
      <c r="I2092">
        <v>1121.5419999999999</v>
      </c>
      <c r="J2092">
        <v>1131.4829999999999</v>
      </c>
      <c r="K2092">
        <v>1129.8320000000001</v>
      </c>
      <c r="L2092">
        <v>1152.9110000000001</v>
      </c>
      <c r="M2092">
        <v>1136.57</v>
      </c>
      <c r="N2092">
        <v>1112.9829999999999</v>
      </c>
      <c r="O2092">
        <v>1002.1130000000001</v>
      </c>
      <c r="P2092">
        <v>0</v>
      </c>
      <c r="Q2092">
        <v>0</v>
      </c>
      <c r="R2092">
        <v>1086.317</v>
      </c>
      <c r="S2092">
        <v>0</v>
      </c>
      <c r="T2092">
        <v>1107.83</v>
      </c>
      <c r="U2092">
        <v>1128.104</v>
      </c>
      <c r="V2092">
        <v>1134.577</v>
      </c>
      <c r="W2092">
        <v>1153.6199999999999</v>
      </c>
      <c r="X2092">
        <v>1175.9190000000001</v>
      </c>
      <c r="Y2092">
        <v>1182.123</v>
      </c>
    </row>
    <row r="2093" spans="1:25" x14ac:dyDescent="0.3">
      <c r="A2093">
        <v>56.033333331175768</v>
      </c>
      <c r="B2093">
        <v>1007.138</v>
      </c>
      <c r="C2093">
        <v>1036.94</v>
      </c>
      <c r="D2093">
        <v>1039.665</v>
      </c>
      <c r="E2093">
        <v>1067.598</v>
      </c>
      <c r="F2093">
        <v>1082.442</v>
      </c>
      <c r="G2093">
        <v>1108.356</v>
      </c>
      <c r="H2093">
        <v>1112.171</v>
      </c>
      <c r="I2093">
        <v>1119.1990000000001</v>
      </c>
      <c r="J2093">
        <v>1133.5709999999999</v>
      </c>
      <c r="K2093">
        <v>1134.027</v>
      </c>
      <c r="L2093">
        <v>1152.758</v>
      </c>
      <c r="M2093">
        <v>1138.249</v>
      </c>
      <c r="N2093">
        <v>1109.866</v>
      </c>
      <c r="O2093">
        <v>999.95799999999997</v>
      </c>
      <c r="P2093">
        <v>0</v>
      </c>
      <c r="Q2093">
        <v>0</v>
      </c>
      <c r="R2093">
        <v>1087.778</v>
      </c>
      <c r="S2093">
        <v>0</v>
      </c>
      <c r="T2093">
        <v>1106.0999999999999</v>
      </c>
      <c r="U2093">
        <v>1126.643</v>
      </c>
      <c r="V2093">
        <v>1129.623</v>
      </c>
      <c r="W2093">
        <v>1152.527</v>
      </c>
      <c r="X2093">
        <v>1174.146</v>
      </c>
      <c r="Y2093">
        <v>1182.336</v>
      </c>
    </row>
    <row r="2094" spans="1:25" x14ac:dyDescent="0.3">
      <c r="A2094">
        <v>56.066666672301167</v>
      </c>
      <c r="B2094">
        <v>987.37800000000004</v>
      </c>
      <c r="C2094">
        <v>1033.884</v>
      </c>
      <c r="D2094">
        <v>1039.7570000000001</v>
      </c>
      <c r="E2094">
        <v>1070.413</v>
      </c>
      <c r="F2094">
        <v>1087.441</v>
      </c>
      <c r="G2094">
        <v>1104.3320000000001</v>
      </c>
      <c r="H2094">
        <v>1110.0170000000001</v>
      </c>
      <c r="I2094">
        <v>1122.713</v>
      </c>
      <c r="J2094">
        <v>1141.549</v>
      </c>
      <c r="K2094">
        <v>1138.3820000000001</v>
      </c>
      <c r="L2094">
        <v>1156.4390000000001</v>
      </c>
      <c r="M2094">
        <v>1142.1590000000001</v>
      </c>
      <c r="N2094">
        <v>1112.057</v>
      </c>
      <c r="O2094">
        <v>1001.511</v>
      </c>
      <c r="P2094">
        <v>0</v>
      </c>
      <c r="Q2094">
        <v>0</v>
      </c>
      <c r="R2094">
        <v>1087.4780000000001</v>
      </c>
      <c r="S2094">
        <v>0</v>
      </c>
      <c r="T2094">
        <v>1106.231</v>
      </c>
      <c r="U2094">
        <v>1125.2760000000001</v>
      </c>
      <c r="V2094">
        <v>1131.3499999999999</v>
      </c>
      <c r="W2094">
        <v>1156.4770000000001</v>
      </c>
      <c r="X2094">
        <v>1175.5340000000001</v>
      </c>
      <c r="Y2094">
        <v>1180.902</v>
      </c>
    </row>
    <row r="2095" spans="1:25" x14ac:dyDescent="0.3">
      <c r="A2095">
        <v>56.083333332386488</v>
      </c>
      <c r="B2095">
        <v>987.99699999999996</v>
      </c>
      <c r="C2095">
        <v>1029.171</v>
      </c>
      <c r="D2095">
        <v>1037.6579999999999</v>
      </c>
      <c r="E2095">
        <v>1067.4670000000001</v>
      </c>
      <c r="F2095">
        <v>1088.807</v>
      </c>
      <c r="G2095">
        <v>1101.116</v>
      </c>
      <c r="H2095">
        <v>1113.078</v>
      </c>
      <c r="I2095">
        <v>1131.1980000000001</v>
      </c>
      <c r="J2095">
        <v>1145.307</v>
      </c>
      <c r="K2095">
        <v>1142.0830000000001</v>
      </c>
      <c r="L2095">
        <v>1163.4949999999999</v>
      </c>
      <c r="M2095">
        <v>1142.0070000000001</v>
      </c>
      <c r="N2095">
        <v>1107.999</v>
      </c>
      <c r="O2095">
        <v>1001.218</v>
      </c>
      <c r="P2095">
        <v>0</v>
      </c>
      <c r="Q2095">
        <v>0</v>
      </c>
      <c r="R2095">
        <v>1088.9570000000001</v>
      </c>
      <c r="S2095">
        <v>0</v>
      </c>
      <c r="T2095">
        <v>1107.623</v>
      </c>
      <c r="U2095">
        <v>1127.231</v>
      </c>
      <c r="V2095">
        <v>1132.9069999999999</v>
      </c>
      <c r="W2095">
        <v>1157.2829999999999</v>
      </c>
      <c r="X2095">
        <v>1177.403</v>
      </c>
      <c r="Y2095">
        <v>1179.817</v>
      </c>
    </row>
    <row r="2096" spans="1:25" x14ac:dyDescent="0.3">
      <c r="A2096">
        <v>56.116666663034508</v>
      </c>
      <c r="B2096">
        <v>987.94200000000001</v>
      </c>
      <c r="C2096">
        <v>1030.6990000000001</v>
      </c>
      <c r="D2096">
        <v>1036.1489999999999</v>
      </c>
      <c r="E2096">
        <v>1069.3689999999999</v>
      </c>
      <c r="F2096">
        <v>1091.3530000000001</v>
      </c>
      <c r="G2096">
        <v>1108.883</v>
      </c>
      <c r="H2096">
        <v>1120.181</v>
      </c>
      <c r="I2096">
        <v>1133.799</v>
      </c>
      <c r="J2096">
        <v>1144.6590000000001</v>
      </c>
      <c r="K2096">
        <v>1140.8810000000001</v>
      </c>
      <c r="L2096">
        <v>1163.3219999999999</v>
      </c>
      <c r="M2096">
        <v>1141.606</v>
      </c>
      <c r="N2096">
        <v>1107.2470000000001</v>
      </c>
      <c r="O2096">
        <v>1000.634</v>
      </c>
      <c r="P2096">
        <v>0</v>
      </c>
      <c r="Q2096">
        <v>0</v>
      </c>
      <c r="R2096">
        <v>1089.7619999999999</v>
      </c>
      <c r="S2096">
        <v>0</v>
      </c>
      <c r="T2096">
        <v>1102.2819999999999</v>
      </c>
      <c r="U2096">
        <v>1121.73</v>
      </c>
      <c r="V2096">
        <v>1129.585</v>
      </c>
      <c r="W2096">
        <v>1153.2940000000001</v>
      </c>
      <c r="X2096">
        <v>1176.3050000000001</v>
      </c>
      <c r="Y2096">
        <v>1181.7349999999999</v>
      </c>
    </row>
    <row r="2097" spans="1:25" x14ac:dyDescent="0.3">
      <c r="A2097">
        <v>56.133333333597207</v>
      </c>
      <c r="B2097">
        <v>1004.928</v>
      </c>
      <c r="C2097">
        <v>1032.596</v>
      </c>
      <c r="D2097">
        <v>1037.567</v>
      </c>
      <c r="E2097">
        <v>1075.279</v>
      </c>
      <c r="F2097">
        <v>1095.9269999999999</v>
      </c>
      <c r="G2097">
        <v>1111.2650000000001</v>
      </c>
      <c r="H2097">
        <v>1124.518</v>
      </c>
      <c r="I2097">
        <v>1132.0920000000001</v>
      </c>
      <c r="J2097">
        <v>1143.3440000000001</v>
      </c>
      <c r="K2097">
        <v>1136.6659999999999</v>
      </c>
      <c r="L2097">
        <v>1158.607</v>
      </c>
      <c r="M2097">
        <v>1142.6759999999999</v>
      </c>
      <c r="N2097">
        <v>1112.5309999999999</v>
      </c>
      <c r="O2097">
        <v>996.18899999999996</v>
      </c>
      <c r="P2097">
        <v>0</v>
      </c>
      <c r="Q2097">
        <v>0</v>
      </c>
      <c r="R2097">
        <v>1092.778</v>
      </c>
      <c r="S2097">
        <v>0</v>
      </c>
      <c r="T2097">
        <v>1107.8119999999999</v>
      </c>
      <c r="U2097">
        <v>1124.461</v>
      </c>
      <c r="V2097">
        <v>1129.0170000000001</v>
      </c>
      <c r="W2097">
        <v>1154.2159999999999</v>
      </c>
      <c r="X2097">
        <v>1176.961</v>
      </c>
      <c r="Y2097">
        <v>1182.9770000000001</v>
      </c>
    </row>
    <row r="2098" spans="1:25" x14ac:dyDescent="0.3">
      <c r="A2098">
        <v>56.166666664245227</v>
      </c>
      <c r="B2098">
        <v>991.69200000000001</v>
      </c>
      <c r="C2098">
        <v>1028.693</v>
      </c>
      <c r="D2098">
        <v>1035.4860000000001</v>
      </c>
      <c r="E2098">
        <v>1070.376</v>
      </c>
      <c r="F2098">
        <v>1089.538</v>
      </c>
      <c r="G2098">
        <v>1107.04</v>
      </c>
      <c r="H2098">
        <v>1121.183</v>
      </c>
      <c r="I2098">
        <v>1128.883</v>
      </c>
      <c r="J2098">
        <v>1137.4100000000001</v>
      </c>
      <c r="K2098">
        <v>1134.8440000000001</v>
      </c>
      <c r="L2098">
        <v>1155.27</v>
      </c>
      <c r="M2098">
        <v>1140.729</v>
      </c>
      <c r="N2098">
        <v>1120.9380000000001</v>
      </c>
      <c r="O2098">
        <v>998.35400000000004</v>
      </c>
      <c r="P2098">
        <v>0</v>
      </c>
      <c r="Q2098">
        <v>0</v>
      </c>
      <c r="R2098">
        <v>1087.123</v>
      </c>
      <c r="S2098">
        <v>0</v>
      </c>
      <c r="T2098">
        <v>1105.7429999999999</v>
      </c>
      <c r="U2098">
        <v>1125.4659999999999</v>
      </c>
      <c r="V2098">
        <v>1130.5350000000001</v>
      </c>
      <c r="W2098">
        <v>1155.462</v>
      </c>
      <c r="X2098">
        <v>1180.3019999999999</v>
      </c>
      <c r="Y2098">
        <v>1180.3209999999999</v>
      </c>
    </row>
    <row r="2099" spans="1:25" x14ac:dyDescent="0.3">
      <c r="A2099">
        <v>56.200000005370626</v>
      </c>
      <c r="B2099">
        <v>980.11800000000005</v>
      </c>
      <c r="C2099">
        <v>1029.2260000000001</v>
      </c>
      <c r="D2099">
        <v>1040.2919999999999</v>
      </c>
      <c r="E2099">
        <v>1075.7809999999999</v>
      </c>
      <c r="F2099">
        <v>1092.4949999999999</v>
      </c>
      <c r="G2099">
        <v>1109.6579999999999</v>
      </c>
      <c r="H2099">
        <v>1120.3889999999999</v>
      </c>
      <c r="I2099">
        <v>1129.623</v>
      </c>
      <c r="J2099">
        <v>1134.9949999999999</v>
      </c>
      <c r="K2099">
        <v>1135.5830000000001</v>
      </c>
      <c r="L2099">
        <v>1152.9490000000001</v>
      </c>
      <c r="M2099">
        <v>1136.837</v>
      </c>
      <c r="N2099">
        <v>1116.0820000000001</v>
      </c>
      <c r="O2099">
        <v>1000.341</v>
      </c>
      <c r="P2099">
        <v>0</v>
      </c>
      <c r="Q2099">
        <v>0</v>
      </c>
      <c r="R2099">
        <v>1087.796</v>
      </c>
      <c r="S2099">
        <v>0</v>
      </c>
      <c r="T2099">
        <v>1105.855</v>
      </c>
      <c r="U2099">
        <v>1123.0550000000001</v>
      </c>
      <c r="V2099">
        <v>1128.4459999999999</v>
      </c>
      <c r="W2099">
        <v>1156.3620000000001</v>
      </c>
      <c r="X2099">
        <v>1182.413</v>
      </c>
      <c r="Y2099">
        <v>1180.8630000000001</v>
      </c>
    </row>
    <row r="2100" spans="1:25" x14ac:dyDescent="0.3">
      <c r="A2100">
        <v>56.216666665455946</v>
      </c>
      <c r="B2100">
        <v>965.54399999999998</v>
      </c>
      <c r="C2100">
        <v>1027.1089999999999</v>
      </c>
      <c r="D2100">
        <v>1041.143</v>
      </c>
      <c r="E2100">
        <v>1074.066</v>
      </c>
      <c r="F2100">
        <v>1092.5139999999999</v>
      </c>
      <c r="G2100">
        <v>1105.028</v>
      </c>
      <c r="H2100">
        <v>1115.194</v>
      </c>
      <c r="I2100">
        <v>1126.8320000000001</v>
      </c>
      <c r="J2100">
        <v>1136.134</v>
      </c>
      <c r="K2100">
        <v>1133.818</v>
      </c>
      <c r="L2100">
        <v>1157.915</v>
      </c>
      <c r="M2100">
        <v>1141.778</v>
      </c>
      <c r="N2100">
        <v>1125.58</v>
      </c>
      <c r="O2100">
        <v>994.404</v>
      </c>
      <c r="P2100">
        <v>0</v>
      </c>
      <c r="Q2100">
        <v>0</v>
      </c>
      <c r="R2100">
        <v>1081.6369999999999</v>
      </c>
      <c r="S2100">
        <v>0</v>
      </c>
      <c r="T2100">
        <v>1100.27</v>
      </c>
      <c r="U2100">
        <v>1118.386</v>
      </c>
      <c r="V2100">
        <v>1122.6559999999999</v>
      </c>
      <c r="W2100">
        <v>1148.741</v>
      </c>
      <c r="X2100">
        <v>1177.712</v>
      </c>
      <c r="Y2100">
        <v>1178.7529999999999</v>
      </c>
    </row>
    <row r="2101" spans="1:25" x14ac:dyDescent="0.3">
      <c r="A2101">
        <v>56.250000006581345</v>
      </c>
      <c r="B2101">
        <v>972.62800000000004</v>
      </c>
      <c r="C2101">
        <v>1025.529</v>
      </c>
      <c r="D2101">
        <v>1033.1289999999999</v>
      </c>
      <c r="E2101">
        <v>1070.8230000000001</v>
      </c>
      <c r="F2101">
        <v>1084.67</v>
      </c>
      <c r="G2101">
        <v>1099.405</v>
      </c>
      <c r="H2101">
        <v>1107.529</v>
      </c>
      <c r="I2101">
        <v>1123.9090000000001</v>
      </c>
      <c r="J2101">
        <v>1138.6300000000001</v>
      </c>
      <c r="K2101">
        <v>1135.8869999999999</v>
      </c>
      <c r="L2101">
        <v>1158.241</v>
      </c>
      <c r="M2101">
        <v>1141.0150000000001</v>
      </c>
      <c r="N2101">
        <v>1116.6669999999999</v>
      </c>
      <c r="O2101">
        <v>996.75199999999995</v>
      </c>
      <c r="P2101">
        <v>0</v>
      </c>
      <c r="Q2101">
        <v>0</v>
      </c>
      <c r="R2101">
        <v>1077.8499999999999</v>
      </c>
      <c r="S2101">
        <v>0</v>
      </c>
      <c r="T2101">
        <v>1094.2180000000001</v>
      </c>
      <c r="U2101">
        <v>1111.3579999999999</v>
      </c>
      <c r="V2101">
        <v>1117.498</v>
      </c>
      <c r="W2101">
        <v>1142.3689999999999</v>
      </c>
      <c r="X2101">
        <v>1170.2529999999999</v>
      </c>
      <c r="Y2101">
        <v>1176.0740000000001</v>
      </c>
    </row>
    <row r="2102" spans="1:25" x14ac:dyDescent="0.3">
      <c r="A2102">
        <v>56.283333337229365</v>
      </c>
      <c r="B2102">
        <v>966.44799999999998</v>
      </c>
      <c r="C2102">
        <v>1020.376</v>
      </c>
      <c r="D2102">
        <v>1031.307</v>
      </c>
      <c r="E2102">
        <v>1068.7170000000001</v>
      </c>
      <c r="F2102">
        <v>1083.566</v>
      </c>
      <c r="G2102">
        <v>1098.296</v>
      </c>
      <c r="H2102">
        <v>1113.3430000000001</v>
      </c>
      <c r="I2102">
        <v>1128.9590000000001</v>
      </c>
      <c r="J2102">
        <v>1134.9949999999999</v>
      </c>
      <c r="K2102">
        <v>1135.7739999999999</v>
      </c>
      <c r="L2102">
        <v>1156.0940000000001</v>
      </c>
      <c r="M2102">
        <v>1139.9090000000001</v>
      </c>
      <c r="N2102">
        <v>1105.1410000000001</v>
      </c>
      <c r="O2102">
        <v>995.47799999999995</v>
      </c>
      <c r="P2102">
        <v>0</v>
      </c>
      <c r="Q2102">
        <v>0</v>
      </c>
      <c r="R2102">
        <v>1082.779</v>
      </c>
      <c r="S2102">
        <v>0</v>
      </c>
      <c r="T2102">
        <v>1101.5309999999999</v>
      </c>
      <c r="U2102">
        <v>1117.6130000000001</v>
      </c>
      <c r="V2102">
        <v>1118.8409999999999</v>
      </c>
      <c r="W2102">
        <v>1145.0219999999999</v>
      </c>
      <c r="X2102">
        <v>1171.7380000000001</v>
      </c>
      <c r="Y2102">
        <v>1178.8689999999999</v>
      </c>
    </row>
    <row r="2103" spans="1:25" x14ac:dyDescent="0.3">
      <c r="A2103">
        <v>56.299999997314686</v>
      </c>
      <c r="B2103">
        <v>974.29700000000003</v>
      </c>
      <c r="C2103">
        <v>1020.119</v>
      </c>
      <c r="D2103">
        <v>1028.5450000000001</v>
      </c>
      <c r="E2103">
        <v>1066.9839999999999</v>
      </c>
      <c r="F2103">
        <v>1084.6320000000001</v>
      </c>
      <c r="G2103">
        <v>1103.8989999999999</v>
      </c>
      <c r="H2103">
        <v>1119.1990000000001</v>
      </c>
      <c r="I2103">
        <v>1130.097</v>
      </c>
      <c r="J2103">
        <v>1137.924</v>
      </c>
      <c r="K2103">
        <v>1135.925</v>
      </c>
      <c r="L2103">
        <v>1157.6089999999999</v>
      </c>
      <c r="M2103">
        <v>1142.808</v>
      </c>
      <c r="N2103">
        <v>1111.8869999999999</v>
      </c>
      <c r="O2103">
        <v>993.42100000000005</v>
      </c>
      <c r="P2103">
        <v>0</v>
      </c>
      <c r="Q2103">
        <v>0</v>
      </c>
      <c r="R2103">
        <v>1082.704</v>
      </c>
      <c r="S2103">
        <v>0</v>
      </c>
      <c r="T2103">
        <v>1102.2629999999999</v>
      </c>
      <c r="U2103">
        <v>1121.126</v>
      </c>
      <c r="V2103">
        <v>1126.415</v>
      </c>
      <c r="W2103">
        <v>1150.6489999999999</v>
      </c>
      <c r="X2103">
        <v>1175.9770000000001</v>
      </c>
      <c r="Y2103">
        <v>1178.463</v>
      </c>
    </row>
    <row r="2104" spans="1:25" x14ac:dyDescent="0.3">
      <c r="A2104">
        <v>56.333333338440085</v>
      </c>
      <c r="B2104">
        <v>976.69200000000001</v>
      </c>
      <c r="C2104">
        <v>1022.21</v>
      </c>
      <c r="D2104">
        <v>1030.056</v>
      </c>
      <c r="E2104">
        <v>1067.5619999999999</v>
      </c>
      <c r="F2104">
        <v>1083.81</v>
      </c>
      <c r="G2104">
        <v>1106.797</v>
      </c>
      <c r="H2104">
        <v>1116.7629999999999</v>
      </c>
      <c r="I2104">
        <v>1121.826</v>
      </c>
      <c r="J2104">
        <v>1129.377</v>
      </c>
      <c r="K2104">
        <v>1127.6120000000001</v>
      </c>
      <c r="L2104">
        <v>1153.8330000000001</v>
      </c>
      <c r="M2104">
        <v>1138.097</v>
      </c>
      <c r="N2104">
        <v>1113.098</v>
      </c>
      <c r="O2104">
        <v>989.92700000000002</v>
      </c>
      <c r="P2104">
        <v>0</v>
      </c>
      <c r="Q2104">
        <v>0</v>
      </c>
      <c r="R2104">
        <v>1083.154</v>
      </c>
      <c r="S2104">
        <v>0</v>
      </c>
      <c r="T2104">
        <v>1106.9469999999999</v>
      </c>
      <c r="U2104">
        <v>1125.846</v>
      </c>
      <c r="V2104">
        <v>1134.3889999999999</v>
      </c>
      <c r="W2104">
        <v>1155.635</v>
      </c>
      <c r="X2104">
        <v>1178.8309999999999</v>
      </c>
      <c r="Y2104">
        <v>1175.1300000000001</v>
      </c>
    </row>
    <row r="2105" spans="1:25" x14ac:dyDescent="0.3">
      <c r="A2105">
        <v>56.349999998525405</v>
      </c>
      <c r="B2105">
        <v>977.12599999999998</v>
      </c>
      <c r="C2105">
        <v>1025.345</v>
      </c>
      <c r="D2105">
        <v>1038.597</v>
      </c>
      <c r="E2105">
        <v>1072.6310000000001</v>
      </c>
      <c r="F2105">
        <v>1084.2950000000001</v>
      </c>
      <c r="G2105">
        <v>1108.394</v>
      </c>
      <c r="H2105">
        <v>1110.6780000000001</v>
      </c>
      <c r="I2105">
        <v>1119.8030000000001</v>
      </c>
      <c r="J2105">
        <v>1131.2739999999999</v>
      </c>
      <c r="K2105">
        <v>1131.711</v>
      </c>
      <c r="L2105">
        <v>1155.058</v>
      </c>
      <c r="M2105">
        <v>1136.646</v>
      </c>
      <c r="N2105">
        <v>1131.2550000000001</v>
      </c>
      <c r="O2105">
        <v>992.18299999999999</v>
      </c>
      <c r="P2105">
        <v>0</v>
      </c>
      <c r="Q2105">
        <v>0</v>
      </c>
      <c r="R2105">
        <v>1085.4369999999999</v>
      </c>
      <c r="S2105">
        <v>0</v>
      </c>
      <c r="T2105">
        <v>1106.3820000000001</v>
      </c>
      <c r="U2105">
        <v>1127.0219999999999</v>
      </c>
      <c r="V2105">
        <v>1133.894</v>
      </c>
      <c r="W2105">
        <v>1152.144</v>
      </c>
      <c r="X2105">
        <v>1173.934</v>
      </c>
      <c r="Y2105">
        <v>1175.0329999999999</v>
      </c>
    </row>
    <row r="2106" spans="1:25" x14ac:dyDescent="0.3">
      <c r="A2106">
        <v>56.383333339650804</v>
      </c>
      <c r="B2106">
        <v>973.46199999999999</v>
      </c>
      <c r="C2106">
        <v>1025.4369999999999</v>
      </c>
      <c r="D2106">
        <v>1032.8900000000001</v>
      </c>
      <c r="E2106">
        <v>1067.654</v>
      </c>
      <c r="F2106">
        <v>1082.9659999999999</v>
      </c>
      <c r="G2106">
        <v>1099.499</v>
      </c>
      <c r="H2106">
        <v>1106.5889999999999</v>
      </c>
      <c r="I2106">
        <v>1121.145</v>
      </c>
      <c r="J2106">
        <v>1133.6469999999999</v>
      </c>
      <c r="K2106">
        <v>1133.021</v>
      </c>
      <c r="L2106">
        <v>1158.222</v>
      </c>
      <c r="M2106">
        <v>1137.4860000000001</v>
      </c>
      <c r="N2106">
        <v>1127.933</v>
      </c>
      <c r="O2106">
        <v>994.25800000000004</v>
      </c>
      <c r="P2106">
        <v>0</v>
      </c>
      <c r="Q2106">
        <v>0</v>
      </c>
      <c r="R2106">
        <v>1087.4970000000001</v>
      </c>
      <c r="S2106">
        <v>0</v>
      </c>
      <c r="T2106">
        <v>1105.912</v>
      </c>
      <c r="U2106">
        <v>1127.933</v>
      </c>
      <c r="V2106">
        <v>1137.5999999999999</v>
      </c>
      <c r="W2106">
        <v>1154.0419999999999</v>
      </c>
      <c r="X2106">
        <v>1175.3800000000001</v>
      </c>
      <c r="Y2106">
        <v>1176.4780000000001</v>
      </c>
    </row>
    <row r="2107" spans="1:25" x14ac:dyDescent="0.3">
      <c r="A2107">
        <v>56.416666670298824</v>
      </c>
      <c r="B2107">
        <v>976.31</v>
      </c>
      <c r="C2107">
        <v>1024.998</v>
      </c>
      <c r="D2107">
        <v>1025.6389999999999</v>
      </c>
      <c r="E2107">
        <v>1076.2850000000001</v>
      </c>
      <c r="F2107">
        <v>1084.951</v>
      </c>
      <c r="G2107">
        <v>1098.992</v>
      </c>
      <c r="H2107">
        <v>1110.1120000000001</v>
      </c>
      <c r="I2107">
        <v>1131.673</v>
      </c>
      <c r="J2107">
        <v>1138.364</v>
      </c>
      <c r="K2107">
        <v>1135.7929999999999</v>
      </c>
      <c r="L2107">
        <v>1160.6389999999999</v>
      </c>
      <c r="M2107">
        <v>1141.569</v>
      </c>
      <c r="N2107">
        <v>1130.383</v>
      </c>
      <c r="O2107">
        <v>996.69799999999998</v>
      </c>
      <c r="P2107">
        <v>0</v>
      </c>
      <c r="Q2107">
        <v>0</v>
      </c>
      <c r="R2107">
        <v>1082.424</v>
      </c>
      <c r="S2107">
        <v>0</v>
      </c>
      <c r="T2107">
        <v>1104.22</v>
      </c>
      <c r="U2107">
        <v>1126.681</v>
      </c>
      <c r="V2107">
        <v>1138.192</v>
      </c>
      <c r="W2107">
        <v>1154.1769999999999</v>
      </c>
      <c r="X2107">
        <v>1174.2239999999999</v>
      </c>
      <c r="Y2107">
        <v>1177.25</v>
      </c>
    </row>
    <row r="2108" spans="1:25" x14ac:dyDescent="0.3">
      <c r="A2108">
        <v>56.433333330384144</v>
      </c>
      <c r="B2108">
        <v>980.13800000000003</v>
      </c>
      <c r="C2108">
        <v>1024.8879999999999</v>
      </c>
      <c r="D2108">
        <v>1021.752</v>
      </c>
      <c r="E2108">
        <v>1071.1780000000001</v>
      </c>
      <c r="F2108">
        <v>1086.2439999999999</v>
      </c>
      <c r="G2108">
        <v>1099.181</v>
      </c>
      <c r="H2108">
        <v>1113.835</v>
      </c>
      <c r="I2108">
        <v>1136.059</v>
      </c>
      <c r="J2108">
        <v>1140.463</v>
      </c>
      <c r="K2108">
        <v>1137.9059999999999</v>
      </c>
      <c r="L2108">
        <v>1161.2139999999999</v>
      </c>
      <c r="M2108">
        <v>1141.684</v>
      </c>
      <c r="N2108">
        <v>1126.0360000000001</v>
      </c>
      <c r="O2108">
        <v>995.279</v>
      </c>
      <c r="P2108">
        <v>0</v>
      </c>
      <c r="Q2108">
        <v>0</v>
      </c>
      <c r="R2108">
        <v>1082.7239999999999</v>
      </c>
      <c r="S2108">
        <v>0</v>
      </c>
      <c r="T2108">
        <v>1102.1890000000001</v>
      </c>
      <c r="U2108">
        <v>1123.2080000000001</v>
      </c>
      <c r="V2108">
        <v>1131.883</v>
      </c>
      <c r="W2108">
        <v>1151.877</v>
      </c>
      <c r="X2108">
        <v>1175.8630000000001</v>
      </c>
      <c r="Y2108">
        <v>1180.6320000000001</v>
      </c>
    </row>
    <row r="2109" spans="1:25" x14ac:dyDescent="0.3">
      <c r="A2109">
        <v>56.466666671509543</v>
      </c>
      <c r="B2109">
        <v>987.76099999999997</v>
      </c>
      <c r="C2109">
        <v>1024.0989999999999</v>
      </c>
      <c r="D2109">
        <v>1027.662</v>
      </c>
      <c r="E2109">
        <v>1072.874</v>
      </c>
      <c r="F2109">
        <v>1088.2650000000001</v>
      </c>
      <c r="G2109">
        <v>1099.519</v>
      </c>
      <c r="H2109">
        <v>1117.329</v>
      </c>
      <c r="I2109">
        <v>1137.7339999999999</v>
      </c>
      <c r="J2109">
        <v>1145.0409999999999</v>
      </c>
      <c r="K2109">
        <v>1140.596</v>
      </c>
      <c r="L2109">
        <v>1160.5999999999999</v>
      </c>
      <c r="M2109">
        <v>1142.79</v>
      </c>
      <c r="N2109">
        <v>1124.175</v>
      </c>
      <c r="O2109">
        <v>989.98099999999999</v>
      </c>
      <c r="P2109">
        <v>0</v>
      </c>
      <c r="Q2109">
        <v>0</v>
      </c>
      <c r="R2109">
        <v>1084.895</v>
      </c>
      <c r="S2109">
        <v>0</v>
      </c>
      <c r="T2109">
        <v>1104.521</v>
      </c>
      <c r="U2109">
        <v>1122.961</v>
      </c>
      <c r="V2109">
        <v>1127.0039999999999</v>
      </c>
      <c r="W2109">
        <v>1149.3140000000001</v>
      </c>
      <c r="X2109">
        <v>1170.08</v>
      </c>
      <c r="Y2109">
        <v>1175.4380000000001</v>
      </c>
    </row>
    <row r="2110" spans="1:25" x14ac:dyDescent="0.3">
      <c r="A2110">
        <v>56.483333331594864</v>
      </c>
      <c r="B2110">
        <v>977.58</v>
      </c>
      <c r="C2110">
        <v>1022.265</v>
      </c>
      <c r="D2110">
        <v>1026.336</v>
      </c>
      <c r="E2110">
        <v>1066.242</v>
      </c>
      <c r="F2110">
        <v>1086.9169999999999</v>
      </c>
      <c r="G2110">
        <v>1099.913</v>
      </c>
      <c r="H2110">
        <v>1110.452</v>
      </c>
      <c r="I2110">
        <v>1129.7750000000001</v>
      </c>
      <c r="J2110">
        <v>1142.1600000000001</v>
      </c>
      <c r="K2110">
        <v>1140.386</v>
      </c>
      <c r="L2110">
        <v>1159.028</v>
      </c>
      <c r="M2110">
        <v>1145.365</v>
      </c>
      <c r="N2110">
        <v>1121.5609999999999</v>
      </c>
      <c r="O2110">
        <v>988.59799999999996</v>
      </c>
      <c r="P2110">
        <v>0</v>
      </c>
      <c r="Q2110">
        <v>0</v>
      </c>
      <c r="R2110">
        <v>1086.5609999999999</v>
      </c>
      <c r="S2110">
        <v>0</v>
      </c>
      <c r="T2110">
        <v>1109.356</v>
      </c>
      <c r="U2110">
        <v>1124.954</v>
      </c>
      <c r="V2110">
        <v>1129.434</v>
      </c>
      <c r="W2110">
        <v>1152.375</v>
      </c>
      <c r="X2110">
        <v>1171.3330000000001</v>
      </c>
      <c r="Y2110">
        <v>1179.1579999999999</v>
      </c>
    </row>
    <row r="2111" spans="1:25" x14ac:dyDescent="0.3">
      <c r="A2111">
        <v>56.516666672720262</v>
      </c>
      <c r="B2111">
        <v>961.73099999999999</v>
      </c>
      <c r="C2111">
        <v>1013.425</v>
      </c>
      <c r="D2111">
        <v>1026.6300000000001</v>
      </c>
      <c r="E2111">
        <v>1065.3140000000001</v>
      </c>
      <c r="F2111">
        <v>1084.3140000000001</v>
      </c>
      <c r="G2111">
        <v>1097.8820000000001</v>
      </c>
      <c r="H2111">
        <v>1108.6010000000001</v>
      </c>
      <c r="I2111">
        <v>1129.6990000000001</v>
      </c>
      <c r="J2111">
        <v>1141.931</v>
      </c>
      <c r="K2111">
        <v>1140.538</v>
      </c>
      <c r="L2111">
        <v>1157.915</v>
      </c>
      <c r="M2111">
        <v>1141.644</v>
      </c>
      <c r="N2111">
        <v>1123.2449999999999</v>
      </c>
      <c r="O2111">
        <v>992.01900000000001</v>
      </c>
      <c r="P2111">
        <v>0</v>
      </c>
      <c r="Q2111">
        <v>0</v>
      </c>
      <c r="R2111">
        <v>1086.579</v>
      </c>
      <c r="S2111">
        <v>0</v>
      </c>
      <c r="T2111">
        <v>1110.81</v>
      </c>
      <c r="U2111">
        <v>1125.4659999999999</v>
      </c>
      <c r="V2111">
        <v>1129.9829999999999</v>
      </c>
      <c r="W2111">
        <v>1151.856</v>
      </c>
      <c r="X2111">
        <v>1170.8889999999999</v>
      </c>
      <c r="Y2111">
        <v>1178.425</v>
      </c>
    </row>
    <row r="2112" spans="1:25" x14ac:dyDescent="0.3">
      <c r="A2112">
        <v>56.550000003368282</v>
      </c>
      <c r="B2112">
        <v>965.726</v>
      </c>
      <c r="C2112">
        <v>1017.681</v>
      </c>
      <c r="D2112">
        <v>1025.8779999999999</v>
      </c>
      <c r="E2112">
        <v>1060.3040000000001</v>
      </c>
      <c r="F2112">
        <v>1083.7159999999999</v>
      </c>
      <c r="G2112">
        <v>1099.049</v>
      </c>
      <c r="H2112">
        <v>1114.3820000000001</v>
      </c>
      <c r="I2112">
        <v>1135.9639999999999</v>
      </c>
      <c r="J2112">
        <v>1145.7660000000001</v>
      </c>
      <c r="K2112">
        <v>1141.3209999999999</v>
      </c>
      <c r="L2112">
        <v>1160.9269999999999</v>
      </c>
      <c r="M2112">
        <v>1145.9000000000001</v>
      </c>
      <c r="N2112">
        <v>1135.414</v>
      </c>
      <c r="O2112">
        <v>989.81799999999998</v>
      </c>
      <c r="P2112">
        <v>0</v>
      </c>
      <c r="Q2112">
        <v>0</v>
      </c>
      <c r="R2112">
        <v>1083.3599999999999</v>
      </c>
      <c r="S2112">
        <v>0</v>
      </c>
      <c r="T2112">
        <v>1109.1679999999999</v>
      </c>
      <c r="U2112">
        <v>1124.7080000000001</v>
      </c>
      <c r="V2112">
        <v>1125.3910000000001</v>
      </c>
      <c r="W2112">
        <v>1146.0139999999999</v>
      </c>
      <c r="X2112">
        <v>1162.403</v>
      </c>
      <c r="Y2112">
        <v>1172.721</v>
      </c>
    </row>
    <row r="2113" spans="1:25" x14ac:dyDescent="0.3">
      <c r="A2113">
        <v>56.566666663453603</v>
      </c>
      <c r="B2113">
        <v>956.66300000000001</v>
      </c>
      <c r="C2113">
        <v>1022.1180000000001</v>
      </c>
      <c r="D2113">
        <v>1028.932</v>
      </c>
      <c r="E2113">
        <v>1066.0940000000001</v>
      </c>
      <c r="F2113">
        <v>1090.0440000000001</v>
      </c>
      <c r="G2113">
        <v>1108.6010000000001</v>
      </c>
      <c r="H2113">
        <v>1121.9390000000001</v>
      </c>
      <c r="I2113">
        <v>1135.7360000000001</v>
      </c>
      <c r="J2113">
        <v>1144.7929999999999</v>
      </c>
      <c r="K2113">
        <v>1137.6959999999999</v>
      </c>
      <c r="L2113">
        <v>1157.2449999999999</v>
      </c>
      <c r="M2113">
        <v>1147.559</v>
      </c>
      <c r="N2113">
        <v>1142.3320000000001</v>
      </c>
      <c r="O2113">
        <v>989.08900000000006</v>
      </c>
      <c r="P2113">
        <v>0</v>
      </c>
      <c r="Q2113">
        <v>0</v>
      </c>
      <c r="R2113">
        <v>1083.865</v>
      </c>
      <c r="S2113">
        <v>0</v>
      </c>
      <c r="T2113">
        <v>1104.088</v>
      </c>
      <c r="U2113">
        <v>1120.069</v>
      </c>
      <c r="V2113">
        <v>1122.26</v>
      </c>
      <c r="W2113">
        <v>1143.8389999999999</v>
      </c>
      <c r="X2113">
        <v>1163.1310000000001</v>
      </c>
      <c r="Y2113">
        <v>1173.954</v>
      </c>
    </row>
    <row r="2114" spans="1:25" x14ac:dyDescent="0.3">
      <c r="A2114">
        <v>56.600000004579002</v>
      </c>
      <c r="B2114">
        <v>956.59199999999998</v>
      </c>
      <c r="C2114">
        <v>1025.4380000000001</v>
      </c>
      <c r="D2114">
        <v>1031.97</v>
      </c>
      <c r="E2114">
        <v>1067.6179999999999</v>
      </c>
      <c r="F2114">
        <v>1087.479</v>
      </c>
      <c r="G2114">
        <v>1109.6780000000001</v>
      </c>
      <c r="H2114">
        <v>1125.239</v>
      </c>
      <c r="I2114">
        <v>1133.5909999999999</v>
      </c>
      <c r="J2114">
        <v>1143.8969999999999</v>
      </c>
      <c r="K2114">
        <v>1137.5060000000001</v>
      </c>
      <c r="L2114">
        <v>1156.5740000000001</v>
      </c>
      <c r="M2114">
        <v>1142.123</v>
      </c>
      <c r="N2114">
        <v>1140.673</v>
      </c>
      <c r="O2114">
        <v>990.76499999999999</v>
      </c>
      <c r="P2114">
        <v>0</v>
      </c>
      <c r="Q2114">
        <v>0</v>
      </c>
      <c r="R2114">
        <v>1090.7370000000001</v>
      </c>
      <c r="S2114">
        <v>0</v>
      </c>
      <c r="T2114">
        <v>1108.1130000000001</v>
      </c>
      <c r="U2114">
        <v>1122.1469999999999</v>
      </c>
      <c r="V2114">
        <v>1124.1189999999999</v>
      </c>
      <c r="W2114">
        <v>1143.2670000000001</v>
      </c>
      <c r="X2114">
        <v>1161.655</v>
      </c>
      <c r="Y2114">
        <v>1175.0340000000001</v>
      </c>
    </row>
    <row r="2115" spans="1:25" x14ac:dyDescent="0.3">
      <c r="A2115">
        <v>56.616666664664322</v>
      </c>
      <c r="B2115">
        <v>965.99699999999996</v>
      </c>
      <c r="C2115">
        <v>1026.318</v>
      </c>
      <c r="D2115">
        <v>1033.7370000000001</v>
      </c>
      <c r="E2115">
        <v>1069.9849999999999</v>
      </c>
      <c r="F2115">
        <v>1090.905</v>
      </c>
      <c r="G2115">
        <v>1107.83</v>
      </c>
      <c r="H2115">
        <v>1119.8800000000001</v>
      </c>
      <c r="I2115">
        <v>1128.124</v>
      </c>
      <c r="J2115">
        <v>1137.8679999999999</v>
      </c>
      <c r="K2115">
        <v>1136.21</v>
      </c>
      <c r="L2115">
        <v>1157.973</v>
      </c>
      <c r="M2115">
        <v>1144.4490000000001</v>
      </c>
      <c r="N2115">
        <v>1144.22</v>
      </c>
      <c r="O2115">
        <v>995.73299999999995</v>
      </c>
      <c r="P2115">
        <v>0</v>
      </c>
      <c r="Q2115">
        <v>0</v>
      </c>
      <c r="R2115">
        <v>1088.508</v>
      </c>
      <c r="S2115">
        <v>0</v>
      </c>
      <c r="T2115">
        <v>1110.943</v>
      </c>
      <c r="U2115">
        <v>1127.346</v>
      </c>
      <c r="V2115">
        <v>1131.085</v>
      </c>
      <c r="W2115">
        <v>1147.712</v>
      </c>
      <c r="X2115">
        <v>1163.6869999999999</v>
      </c>
      <c r="Y2115">
        <v>1169.27</v>
      </c>
    </row>
    <row r="2116" spans="1:25" x14ac:dyDescent="0.3">
      <c r="A2116">
        <v>56.650000005789721</v>
      </c>
      <c r="B2116">
        <v>969.44899999999996</v>
      </c>
      <c r="C2116">
        <v>1025.126</v>
      </c>
      <c r="D2116">
        <v>1034.143</v>
      </c>
      <c r="E2116">
        <v>1070.954</v>
      </c>
      <c r="F2116">
        <v>1088.865</v>
      </c>
      <c r="G2116">
        <v>1100.854</v>
      </c>
      <c r="H2116">
        <v>1110.0940000000001</v>
      </c>
      <c r="I2116">
        <v>1122.223</v>
      </c>
      <c r="J2116">
        <v>1134.9770000000001</v>
      </c>
      <c r="K2116">
        <v>1134.673</v>
      </c>
      <c r="L2116">
        <v>1156.6320000000001</v>
      </c>
      <c r="M2116">
        <v>1144.088</v>
      </c>
      <c r="N2116">
        <v>1147.3309999999999</v>
      </c>
      <c r="O2116">
        <v>997.226</v>
      </c>
      <c r="P2116">
        <v>0</v>
      </c>
      <c r="Q2116">
        <v>0</v>
      </c>
      <c r="R2116">
        <v>1084.69</v>
      </c>
      <c r="S2116">
        <v>0</v>
      </c>
      <c r="T2116">
        <v>1107.568</v>
      </c>
      <c r="U2116">
        <v>1123.8720000000001</v>
      </c>
      <c r="V2116">
        <v>1127.251</v>
      </c>
      <c r="W2116">
        <v>1146.491</v>
      </c>
      <c r="X2116">
        <v>1166.6310000000001</v>
      </c>
      <c r="Y2116">
        <v>1169.4059999999999</v>
      </c>
    </row>
    <row r="2117" spans="1:25" x14ac:dyDescent="0.3">
      <c r="A2117">
        <v>56.683333336437741</v>
      </c>
      <c r="B2117">
        <v>979.50199999999995</v>
      </c>
      <c r="C2117">
        <v>1026.8320000000001</v>
      </c>
      <c r="D2117">
        <v>1032.5219999999999</v>
      </c>
      <c r="E2117">
        <v>1067.952</v>
      </c>
      <c r="F2117">
        <v>1087.5530000000001</v>
      </c>
      <c r="G2117">
        <v>1100.797</v>
      </c>
      <c r="H2117">
        <v>1118.443</v>
      </c>
      <c r="I2117">
        <v>1129.2809999999999</v>
      </c>
      <c r="J2117">
        <v>1137.5619999999999</v>
      </c>
      <c r="K2117">
        <v>1136.191</v>
      </c>
      <c r="L2117">
        <v>1156.6310000000001</v>
      </c>
      <c r="M2117">
        <v>1142.732</v>
      </c>
      <c r="N2117">
        <v>1148.4549999999999</v>
      </c>
      <c r="O2117">
        <v>999.35500000000002</v>
      </c>
      <c r="P2117">
        <v>0</v>
      </c>
      <c r="Q2117">
        <v>0</v>
      </c>
      <c r="R2117">
        <v>1086.5419999999999</v>
      </c>
      <c r="S2117">
        <v>0</v>
      </c>
      <c r="T2117">
        <v>1106.4570000000001</v>
      </c>
      <c r="U2117">
        <v>1119.8599999999999</v>
      </c>
      <c r="V2117">
        <v>1123.2260000000001</v>
      </c>
      <c r="W2117">
        <v>1144.9259999999999</v>
      </c>
      <c r="X2117">
        <v>1164.338</v>
      </c>
      <c r="Y2117">
        <v>1168.634</v>
      </c>
    </row>
    <row r="2118" spans="1:25" x14ac:dyDescent="0.3">
      <c r="A2118">
        <v>56.699999996523061</v>
      </c>
      <c r="B2118">
        <v>987.03300000000002</v>
      </c>
      <c r="C2118">
        <v>1027.9939999999999</v>
      </c>
      <c r="D2118">
        <v>1032.615</v>
      </c>
      <c r="E2118">
        <v>1069.6679999999999</v>
      </c>
      <c r="F2118">
        <v>1092.1969999999999</v>
      </c>
      <c r="G2118">
        <v>1108.376</v>
      </c>
      <c r="H2118">
        <v>1123.3030000000001</v>
      </c>
      <c r="I2118">
        <v>1130.5730000000001</v>
      </c>
      <c r="J2118">
        <v>1135.8689999999999</v>
      </c>
      <c r="K2118">
        <v>1132.9649999999999</v>
      </c>
      <c r="L2118">
        <v>1155.558</v>
      </c>
      <c r="M2118">
        <v>1141.989</v>
      </c>
      <c r="N2118">
        <v>1147.502</v>
      </c>
      <c r="O2118">
        <v>998.64599999999996</v>
      </c>
      <c r="P2118">
        <v>0</v>
      </c>
      <c r="Q2118">
        <v>0</v>
      </c>
      <c r="R2118">
        <v>1088.2470000000001</v>
      </c>
      <c r="S2118">
        <v>0</v>
      </c>
      <c r="T2118">
        <v>1105.2170000000001</v>
      </c>
      <c r="U2118">
        <v>1119.2</v>
      </c>
      <c r="V2118">
        <v>1124.423</v>
      </c>
      <c r="W2118">
        <v>1145.347</v>
      </c>
      <c r="X2118">
        <v>1163.7840000000001</v>
      </c>
      <c r="Y2118">
        <v>1170.2929999999999</v>
      </c>
    </row>
    <row r="2119" spans="1:25" x14ac:dyDescent="0.3">
      <c r="A2119">
        <v>56.73333333764846</v>
      </c>
      <c r="B2119">
        <v>989.67200000000003</v>
      </c>
      <c r="C2119">
        <v>1028.049</v>
      </c>
      <c r="D2119">
        <v>1032.0619999999999</v>
      </c>
      <c r="E2119">
        <v>1069.817</v>
      </c>
      <c r="F2119">
        <v>1089.595</v>
      </c>
      <c r="G2119">
        <v>1106.0440000000001</v>
      </c>
      <c r="H2119">
        <v>1114.1179999999999</v>
      </c>
      <c r="I2119">
        <v>1123.8150000000001</v>
      </c>
      <c r="J2119">
        <v>1136.6089999999999</v>
      </c>
      <c r="K2119">
        <v>1136.154</v>
      </c>
      <c r="L2119">
        <v>1156.287</v>
      </c>
      <c r="M2119">
        <v>1140.768</v>
      </c>
      <c r="N2119">
        <v>1145.0219999999999</v>
      </c>
      <c r="O2119">
        <v>997.33600000000001</v>
      </c>
      <c r="P2119">
        <v>0</v>
      </c>
      <c r="Q2119">
        <v>0</v>
      </c>
      <c r="R2119">
        <v>1086</v>
      </c>
      <c r="S2119">
        <v>0</v>
      </c>
      <c r="T2119">
        <v>1103.5060000000001</v>
      </c>
      <c r="U2119">
        <v>1119.9749999999999</v>
      </c>
      <c r="V2119">
        <v>1125.865</v>
      </c>
      <c r="W2119">
        <v>1150.5550000000001</v>
      </c>
      <c r="X2119">
        <v>1168.327</v>
      </c>
      <c r="Y2119">
        <v>1174.0319999999999</v>
      </c>
    </row>
    <row r="2120" spans="1:25" x14ac:dyDescent="0.3">
      <c r="A2120">
        <v>56.749999997733781</v>
      </c>
      <c r="B2120">
        <v>1002.919</v>
      </c>
      <c r="C2120">
        <v>1028.1959999999999</v>
      </c>
      <c r="D2120">
        <v>1029.835</v>
      </c>
      <c r="E2120">
        <v>1066.2059999999999</v>
      </c>
      <c r="F2120">
        <v>1086.4680000000001</v>
      </c>
      <c r="G2120">
        <v>1103.8440000000001</v>
      </c>
      <c r="H2120">
        <v>1112.607</v>
      </c>
      <c r="I2120">
        <v>1119.9559999999999</v>
      </c>
      <c r="J2120">
        <v>1134.2370000000001</v>
      </c>
      <c r="K2120">
        <v>1134.8630000000001</v>
      </c>
      <c r="L2120">
        <v>1153.123</v>
      </c>
      <c r="M2120">
        <v>1137.067</v>
      </c>
      <c r="N2120">
        <v>1139.547</v>
      </c>
      <c r="O2120">
        <v>1003.795</v>
      </c>
      <c r="P2120">
        <v>0</v>
      </c>
      <c r="Q2120">
        <v>0</v>
      </c>
      <c r="R2120">
        <v>1089.913</v>
      </c>
      <c r="S2120">
        <v>0</v>
      </c>
      <c r="T2120">
        <v>1107.511</v>
      </c>
      <c r="U2120">
        <v>1121.4670000000001</v>
      </c>
      <c r="V2120">
        <v>1124.954</v>
      </c>
      <c r="W2120">
        <v>1150.001</v>
      </c>
      <c r="X2120">
        <v>1169.425</v>
      </c>
      <c r="Y2120">
        <v>1174.0509999999999</v>
      </c>
    </row>
    <row r="2121" spans="1:25" x14ac:dyDescent="0.3">
      <c r="A2121">
        <v>56.78333333885918</v>
      </c>
      <c r="B2121">
        <v>999.86699999999996</v>
      </c>
      <c r="C2121">
        <v>1029.0429999999999</v>
      </c>
      <c r="D2121">
        <v>1031.6210000000001</v>
      </c>
      <c r="E2121">
        <v>1067.711</v>
      </c>
      <c r="F2121">
        <v>1090.4559999999999</v>
      </c>
      <c r="G2121">
        <v>1104.107</v>
      </c>
      <c r="H2121">
        <v>1111.624</v>
      </c>
      <c r="I2121">
        <v>1119.8420000000001</v>
      </c>
      <c r="J2121">
        <v>1132.9649999999999</v>
      </c>
      <c r="K2121">
        <v>1133.933</v>
      </c>
      <c r="L2121">
        <v>1151.7809999999999</v>
      </c>
      <c r="M2121">
        <v>1136.04</v>
      </c>
      <c r="N2121">
        <v>1144.9839999999999</v>
      </c>
      <c r="O2121">
        <v>1002.626</v>
      </c>
      <c r="P2121">
        <v>0</v>
      </c>
      <c r="Q2121">
        <v>0</v>
      </c>
      <c r="R2121">
        <v>1092.646</v>
      </c>
      <c r="S2121">
        <v>0</v>
      </c>
      <c r="T2121">
        <v>1111.7750000000001</v>
      </c>
      <c r="U2121">
        <v>1124.328</v>
      </c>
      <c r="V2121">
        <v>1126.644</v>
      </c>
      <c r="W2121">
        <v>1150.345</v>
      </c>
      <c r="X2121">
        <v>1168.442</v>
      </c>
      <c r="Y2121">
        <v>1177.366</v>
      </c>
    </row>
    <row r="2122" spans="1:25" x14ac:dyDescent="0.3">
      <c r="A2122">
        <v>56.8166666695072</v>
      </c>
      <c r="B2122">
        <v>1002.553</v>
      </c>
      <c r="C2122">
        <v>1031.0309999999999</v>
      </c>
      <c r="D2122">
        <v>1038.249</v>
      </c>
      <c r="E2122">
        <v>1069.6679999999999</v>
      </c>
      <c r="F2122">
        <v>1089.595</v>
      </c>
      <c r="G2122">
        <v>1108.1510000000001</v>
      </c>
      <c r="H2122">
        <v>1113.646</v>
      </c>
      <c r="I2122">
        <v>1123.3030000000001</v>
      </c>
      <c r="J2122">
        <v>1142.104</v>
      </c>
      <c r="K2122">
        <v>1136.4010000000001</v>
      </c>
      <c r="L2122">
        <v>1155.443</v>
      </c>
      <c r="M2122">
        <v>1139.9480000000001</v>
      </c>
      <c r="N2122">
        <v>1151.704</v>
      </c>
      <c r="O2122">
        <v>1001.968</v>
      </c>
      <c r="P2122">
        <v>0</v>
      </c>
      <c r="Q2122">
        <v>0</v>
      </c>
      <c r="R2122">
        <v>1087.03</v>
      </c>
      <c r="S2122">
        <v>0</v>
      </c>
      <c r="T2122">
        <v>1112.021</v>
      </c>
      <c r="U2122">
        <v>1128.143</v>
      </c>
      <c r="V2122">
        <v>1132.585</v>
      </c>
      <c r="W2122">
        <v>1153.5830000000001</v>
      </c>
      <c r="X2122">
        <v>1173.434</v>
      </c>
      <c r="Y2122">
        <v>1174.8219999999999</v>
      </c>
    </row>
    <row r="2123" spans="1:25" x14ac:dyDescent="0.3">
      <c r="A2123">
        <v>56.833333340069899</v>
      </c>
      <c r="B2123">
        <v>1002.3339999999999</v>
      </c>
      <c r="C2123">
        <v>1029.5039999999999</v>
      </c>
      <c r="D2123">
        <v>1039.0229999999999</v>
      </c>
      <c r="E2123">
        <v>1074.404</v>
      </c>
      <c r="F2123">
        <v>1092.385</v>
      </c>
      <c r="G2123">
        <v>1111.9079999999999</v>
      </c>
      <c r="H2123">
        <v>1120.0129999999999</v>
      </c>
      <c r="I2123">
        <v>1130.0989999999999</v>
      </c>
      <c r="J2123">
        <v>1142.982</v>
      </c>
      <c r="K2123">
        <v>1138.06</v>
      </c>
      <c r="L2123">
        <v>1156.575</v>
      </c>
      <c r="M2123">
        <v>1141.0740000000001</v>
      </c>
      <c r="N2123">
        <v>1155.961</v>
      </c>
      <c r="O2123">
        <v>998.93799999999999</v>
      </c>
      <c r="P2123">
        <v>0</v>
      </c>
      <c r="Q2123">
        <v>0</v>
      </c>
      <c r="R2123">
        <v>1084.597</v>
      </c>
      <c r="S2123">
        <v>0</v>
      </c>
      <c r="T2123">
        <v>1108.076</v>
      </c>
      <c r="U2123">
        <v>1122.848</v>
      </c>
      <c r="V2123">
        <v>1125.999</v>
      </c>
      <c r="W2123">
        <v>1150.9570000000001</v>
      </c>
      <c r="X2123">
        <v>1172.433</v>
      </c>
      <c r="Y2123">
        <v>1172.336</v>
      </c>
    </row>
    <row r="2124" spans="1:25" x14ac:dyDescent="0.3">
      <c r="A2124">
        <v>56.866666670717919</v>
      </c>
      <c r="B2124">
        <v>1002.426</v>
      </c>
      <c r="C2124">
        <v>1028.4179999999999</v>
      </c>
      <c r="D2124">
        <v>1036.3900000000001</v>
      </c>
      <c r="E2124">
        <v>1072.1479999999999</v>
      </c>
      <c r="F2124">
        <v>1090.681</v>
      </c>
      <c r="G2124">
        <v>1110.623</v>
      </c>
      <c r="H2124">
        <v>1123.2280000000001</v>
      </c>
      <c r="I2124">
        <v>1134.655</v>
      </c>
      <c r="J2124">
        <v>1144.6410000000001</v>
      </c>
      <c r="K2124">
        <v>1140.921</v>
      </c>
      <c r="L2124">
        <v>1162.634</v>
      </c>
      <c r="M2124">
        <v>1142.2950000000001</v>
      </c>
      <c r="N2124">
        <v>1150.6130000000001</v>
      </c>
      <c r="O2124">
        <v>996.97199999999998</v>
      </c>
      <c r="P2124">
        <v>0</v>
      </c>
      <c r="Q2124">
        <v>0</v>
      </c>
      <c r="R2124">
        <v>1089.4079999999999</v>
      </c>
      <c r="S2124">
        <v>0</v>
      </c>
      <c r="T2124">
        <v>1110.075</v>
      </c>
      <c r="U2124">
        <v>1123.8920000000001</v>
      </c>
      <c r="V2124">
        <v>1127.575</v>
      </c>
      <c r="W2124">
        <v>1150.7080000000001</v>
      </c>
      <c r="X2124">
        <v>1175.2080000000001</v>
      </c>
      <c r="Y2124">
        <v>1173.7429999999999</v>
      </c>
    </row>
    <row r="2125" spans="1:25" x14ac:dyDescent="0.3">
      <c r="A2125">
        <v>56.883333330803239</v>
      </c>
      <c r="B2125">
        <v>999.55700000000002</v>
      </c>
      <c r="C2125">
        <v>1026.521</v>
      </c>
      <c r="D2125">
        <v>1032.1179999999999</v>
      </c>
      <c r="E2125">
        <v>1070.078</v>
      </c>
      <c r="F2125">
        <v>1084.8209999999999</v>
      </c>
      <c r="G2125">
        <v>1103.9380000000001</v>
      </c>
      <c r="H2125">
        <v>1119.9369999999999</v>
      </c>
      <c r="I2125">
        <v>1135.6410000000001</v>
      </c>
      <c r="J2125">
        <v>1143.191</v>
      </c>
      <c r="K2125">
        <v>1137.8869999999999</v>
      </c>
      <c r="L2125">
        <v>1157.7629999999999</v>
      </c>
      <c r="M2125">
        <v>1138.021</v>
      </c>
      <c r="N2125">
        <v>1148.1130000000001</v>
      </c>
      <c r="O2125">
        <v>996.35299999999995</v>
      </c>
      <c r="P2125">
        <v>0</v>
      </c>
      <c r="Q2125">
        <v>0</v>
      </c>
      <c r="R2125">
        <v>1088.2840000000001</v>
      </c>
      <c r="S2125">
        <v>0</v>
      </c>
      <c r="T2125">
        <v>1106.665</v>
      </c>
      <c r="U2125">
        <v>1121.0139999999999</v>
      </c>
      <c r="V2125">
        <v>1127.441</v>
      </c>
      <c r="W2125">
        <v>1150.6500000000001</v>
      </c>
      <c r="X2125">
        <v>1172.162</v>
      </c>
      <c r="Y2125">
        <v>1173.511</v>
      </c>
    </row>
    <row r="2126" spans="1:25" x14ac:dyDescent="0.3">
      <c r="A2126">
        <v>56.916666671928638</v>
      </c>
      <c r="B2126">
        <v>979.721</v>
      </c>
      <c r="C2126">
        <v>1024.8520000000001</v>
      </c>
      <c r="D2126">
        <v>1033.0940000000001</v>
      </c>
      <c r="E2126">
        <v>1071.347</v>
      </c>
      <c r="F2126">
        <v>1087.6859999999999</v>
      </c>
      <c r="G2126">
        <v>1107.4929999999999</v>
      </c>
      <c r="H2126">
        <v>1120.0889999999999</v>
      </c>
      <c r="I2126">
        <v>1128.903</v>
      </c>
      <c r="J2126">
        <v>1134.4839999999999</v>
      </c>
      <c r="K2126">
        <v>1131.4849999999999</v>
      </c>
      <c r="L2126">
        <v>1153.047</v>
      </c>
      <c r="M2126">
        <v>1135.6610000000001</v>
      </c>
      <c r="N2126">
        <v>1156.9010000000001</v>
      </c>
      <c r="O2126">
        <v>991.45699999999999</v>
      </c>
      <c r="P2126">
        <v>0</v>
      </c>
      <c r="Q2126">
        <v>0</v>
      </c>
      <c r="R2126">
        <v>1089.127</v>
      </c>
      <c r="S2126">
        <v>0</v>
      </c>
      <c r="T2126">
        <v>1108.923</v>
      </c>
      <c r="U2126">
        <v>1125.7139999999999</v>
      </c>
      <c r="V2126">
        <v>1131.77</v>
      </c>
      <c r="W2126">
        <v>1150.136</v>
      </c>
      <c r="X2126">
        <v>1170.0229999999999</v>
      </c>
      <c r="Y2126">
        <v>1169.5609999999999</v>
      </c>
    </row>
    <row r="2127" spans="1:25" x14ac:dyDescent="0.3">
      <c r="A2127">
        <v>56.950000002576658</v>
      </c>
      <c r="B2127">
        <v>981.91499999999996</v>
      </c>
      <c r="C2127">
        <v>1025.365</v>
      </c>
      <c r="D2127">
        <v>1034.971</v>
      </c>
      <c r="E2127">
        <v>1072.6690000000001</v>
      </c>
      <c r="F2127">
        <v>1092.8340000000001</v>
      </c>
      <c r="G2127">
        <v>1111.567</v>
      </c>
      <c r="H2127">
        <v>1115.6669999999999</v>
      </c>
      <c r="I2127">
        <v>1135.6220000000001</v>
      </c>
      <c r="J2127">
        <v>1140.9970000000001</v>
      </c>
      <c r="K2127">
        <v>1134.2560000000001</v>
      </c>
      <c r="L2127">
        <v>1154.6569999999999</v>
      </c>
      <c r="M2127">
        <v>1136.857</v>
      </c>
      <c r="N2127">
        <v>1163.3430000000001</v>
      </c>
      <c r="O2127">
        <v>988.90800000000002</v>
      </c>
      <c r="P2127">
        <v>0</v>
      </c>
      <c r="Q2127">
        <v>0</v>
      </c>
      <c r="R2127">
        <v>1090.306</v>
      </c>
      <c r="S2127">
        <v>0</v>
      </c>
      <c r="T2127">
        <v>1110.9059999999999</v>
      </c>
      <c r="U2127">
        <v>1125.79</v>
      </c>
      <c r="V2127">
        <v>1129.0730000000001</v>
      </c>
      <c r="W2127">
        <v>1150.6310000000001</v>
      </c>
      <c r="X2127">
        <v>1170.5429999999999</v>
      </c>
      <c r="Y2127">
        <v>1169.6369999999999</v>
      </c>
    </row>
    <row r="2128" spans="1:25" x14ac:dyDescent="0.3">
      <c r="A2128">
        <v>56.966666673139358</v>
      </c>
      <c r="B2128">
        <v>989.63699999999994</v>
      </c>
      <c r="C2128">
        <v>1025.2370000000001</v>
      </c>
      <c r="D2128">
        <v>1034.549</v>
      </c>
      <c r="E2128">
        <v>1070.3399999999999</v>
      </c>
      <c r="F2128">
        <v>1091.655</v>
      </c>
      <c r="G2128">
        <v>1110.6990000000001</v>
      </c>
      <c r="H2128">
        <v>1111.4739999999999</v>
      </c>
      <c r="I2128">
        <v>1128.049</v>
      </c>
      <c r="J2128">
        <v>1139.452</v>
      </c>
      <c r="K2128">
        <v>1135.509</v>
      </c>
      <c r="L2128">
        <v>1155.252</v>
      </c>
      <c r="M2128">
        <v>1136.877</v>
      </c>
      <c r="N2128">
        <v>1159.681</v>
      </c>
      <c r="O2128">
        <v>985.59699999999998</v>
      </c>
      <c r="P2128">
        <v>0</v>
      </c>
      <c r="Q2128">
        <v>0</v>
      </c>
      <c r="R2128">
        <v>1086.375</v>
      </c>
      <c r="S2128">
        <v>0</v>
      </c>
      <c r="T2128">
        <v>1111.8889999999999</v>
      </c>
      <c r="U2128">
        <v>1127.404</v>
      </c>
      <c r="V2128">
        <v>1129.492</v>
      </c>
      <c r="W2128">
        <v>1150.288</v>
      </c>
      <c r="X2128">
        <v>1169.021</v>
      </c>
      <c r="Y2128">
        <v>1173.7429999999999</v>
      </c>
    </row>
    <row r="2129" spans="1:25" x14ac:dyDescent="0.3">
      <c r="A2129">
        <v>57.000000003787378</v>
      </c>
      <c r="B2129">
        <v>980.01099999999997</v>
      </c>
      <c r="C2129">
        <v>1026.723</v>
      </c>
      <c r="D2129">
        <v>1034.4190000000001</v>
      </c>
      <c r="E2129">
        <v>1066.4659999999999</v>
      </c>
      <c r="F2129">
        <v>1088.9580000000001</v>
      </c>
      <c r="G2129">
        <v>1105.95</v>
      </c>
      <c r="H2129">
        <v>1117.6320000000001</v>
      </c>
      <c r="I2129">
        <v>1134.654</v>
      </c>
      <c r="J2129">
        <v>1143.134</v>
      </c>
      <c r="K2129">
        <v>1136.7049999999999</v>
      </c>
      <c r="L2129">
        <v>1157.9739999999999</v>
      </c>
      <c r="M2129">
        <v>1139.1849999999999</v>
      </c>
      <c r="N2129">
        <v>1164.4739999999999</v>
      </c>
      <c r="O2129">
        <v>986.76</v>
      </c>
      <c r="P2129">
        <v>0</v>
      </c>
      <c r="Q2129">
        <v>0</v>
      </c>
      <c r="R2129">
        <v>1081.675</v>
      </c>
      <c r="S2129">
        <v>0</v>
      </c>
      <c r="T2129">
        <v>1106.759</v>
      </c>
      <c r="U2129">
        <v>1127.46</v>
      </c>
      <c r="V2129">
        <v>1130.6110000000001</v>
      </c>
      <c r="W2129">
        <v>1151.5509999999999</v>
      </c>
      <c r="X2129">
        <v>1170.7940000000001</v>
      </c>
      <c r="Y2129">
        <v>1176.557</v>
      </c>
    </row>
    <row r="2130" spans="1:25" x14ac:dyDescent="0.3">
      <c r="A2130">
        <v>57.033333334435397</v>
      </c>
      <c r="B2130">
        <v>978.61500000000001</v>
      </c>
      <c r="C2130">
        <v>1028.6199999999999</v>
      </c>
      <c r="D2130">
        <v>1033.278</v>
      </c>
      <c r="E2130">
        <v>1069.538</v>
      </c>
      <c r="F2130">
        <v>1097.2260000000001</v>
      </c>
      <c r="G2130">
        <v>1112.72</v>
      </c>
      <c r="H2130">
        <v>1124.461</v>
      </c>
      <c r="I2130">
        <v>1138.575</v>
      </c>
      <c r="J2130">
        <v>1146.2629999999999</v>
      </c>
      <c r="K2130">
        <v>1137.3920000000001</v>
      </c>
      <c r="L2130">
        <v>1155.1369999999999</v>
      </c>
      <c r="M2130">
        <v>1137.6590000000001</v>
      </c>
      <c r="N2130">
        <v>1165.8409999999999</v>
      </c>
      <c r="O2130">
        <v>992.74900000000002</v>
      </c>
      <c r="P2130">
        <v>0</v>
      </c>
      <c r="Q2130">
        <v>0</v>
      </c>
      <c r="R2130">
        <v>1083.473</v>
      </c>
      <c r="S2130">
        <v>0</v>
      </c>
      <c r="T2130">
        <v>1102.491</v>
      </c>
      <c r="U2130">
        <v>1121.5999999999999</v>
      </c>
      <c r="V2130">
        <v>1124.7080000000001</v>
      </c>
      <c r="W2130">
        <v>1149.144</v>
      </c>
      <c r="X2130">
        <v>1171.912</v>
      </c>
      <c r="Y2130">
        <v>1176.307</v>
      </c>
    </row>
    <row r="2131" spans="1:25" x14ac:dyDescent="0.3">
      <c r="A2131">
        <v>57.050000004998097</v>
      </c>
      <c r="B2131">
        <v>982.02599999999995</v>
      </c>
      <c r="C2131">
        <v>1029.4870000000001</v>
      </c>
      <c r="D2131">
        <v>1034.1079999999999</v>
      </c>
      <c r="E2131">
        <v>1069.335</v>
      </c>
      <c r="F2131">
        <v>1093.866</v>
      </c>
      <c r="G2131">
        <v>1112.0989999999999</v>
      </c>
      <c r="H2131">
        <v>1125.5070000000001</v>
      </c>
      <c r="I2131">
        <v>1132.3789999999999</v>
      </c>
      <c r="J2131">
        <v>1139.664</v>
      </c>
      <c r="K2131">
        <v>1134.258</v>
      </c>
      <c r="L2131">
        <v>1156.979</v>
      </c>
      <c r="M2131">
        <v>1136.6880000000001</v>
      </c>
      <c r="N2131">
        <v>1165.0719999999999</v>
      </c>
      <c r="O2131">
        <v>991.34900000000005</v>
      </c>
      <c r="P2131">
        <v>0</v>
      </c>
      <c r="Q2131">
        <v>0</v>
      </c>
      <c r="R2131">
        <v>1082.0150000000001</v>
      </c>
      <c r="S2131">
        <v>0</v>
      </c>
      <c r="T2131">
        <v>1104.279</v>
      </c>
      <c r="U2131">
        <v>1121.3</v>
      </c>
      <c r="V2131">
        <v>1121.47</v>
      </c>
      <c r="W2131">
        <v>1143.7080000000001</v>
      </c>
      <c r="X2131">
        <v>1166.98</v>
      </c>
      <c r="Y2131">
        <v>1177.7929999999999</v>
      </c>
    </row>
    <row r="2132" spans="1:25" x14ac:dyDescent="0.3">
      <c r="A2132">
        <v>57.083333335646117</v>
      </c>
      <c r="B2132">
        <v>989.70899999999995</v>
      </c>
      <c r="C2132">
        <v>1030.7550000000001</v>
      </c>
      <c r="D2132">
        <v>1035.579</v>
      </c>
      <c r="E2132">
        <v>1068.27</v>
      </c>
      <c r="F2132">
        <v>1093.5830000000001</v>
      </c>
      <c r="G2132">
        <v>1112.9090000000001</v>
      </c>
      <c r="H2132">
        <v>1121.1079999999999</v>
      </c>
      <c r="I2132">
        <v>1127.422</v>
      </c>
      <c r="J2132">
        <v>1137.9829999999999</v>
      </c>
      <c r="K2132">
        <v>1135.3</v>
      </c>
      <c r="L2132">
        <v>1154.7529999999999</v>
      </c>
      <c r="M2132">
        <v>1133.7619999999999</v>
      </c>
      <c r="N2132">
        <v>1164.5889999999999</v>
      </c>
      <c r="O2132">
        <v>990.91</v>
      </c>
      <c r="P2132">
        <v>0</v>
      </c>
      <c r="Q2132">
        <v>0</v>
      </c>
      <c r="R2132">
        <v>1088.191</v>
      </c>
      <c r="S2132">
        <v>0</v>
      </c>
      <c r="T2132">
        <v>1109.357</v>
      </c>
      <c r="U2132">
        <v>1123.588</v>
      </c>
      <c r="V2132">
        <v>1121.127</v>
      </c>
      <c r="W2132">
        <v>1144.6410000000001</v>
      </c>
      <c r="X2132">
        <v>1167.3050000000001</v>
      </c>
      <c r="Y2132">
        <v>1174.2049999999999</v>
      </c>
    </row>
    <row r="2133" spans="1:25" x14ac:dyDescent="0.3">
      <c r="A2133">
        <v>57.100000006208816</v>
      </c>
      <c r="B2133">
        <v>989.43600000000004</v>
      </c>
      <c r="C2133">
        <v>1033.259</v>
      </c>
      <c r="D2133">
        <v>1038.193</v>
      </c>
      <c r="E2133">
        <v>1069.3889999999999</v>
      </c>
      <c r="F2133">
        <v>1090.905</v>
      </c>
      <c r="G2133">
        <v>1107.962</v>
      </c>
      <c r="H2133">
        <v>1121.0519999999999</v>
      </c>
      <c r="I2133">
        <v>1125.4480000000001</v>
      </c>
      <c r="J2133">
        <v>1137.5820000000001</v>
      </c>
      <c r="K2133">
        <v>1136.3630000000001</v>
      </c>
      <c r="L2133">
        <v>1156.6320000000001</v>
      </c>
      <c r="M2133">
        <v>1138.04</v>
      </c>
      <c r="N2133">
        <v>1163.2280000000001</v>
      </c>
      <c r="O2133">
        <v>988.98099999999999</v>
      </c>
      <c r="P2133">
        <v>0</v>
      </c>
      <c r="Q2133">
        <v>0</v>
      </c>
      <c r="R2133">
        <v>1085.8130000000001</v>
      </c>
      <c r="S2133">
        <v>0</v>
      </c>
      <c r="T2133">
        <v>1110.982</v>
      </c>
      <c r="U2133">
        <v>1125.087</v>
      </c>
      <c r="V2133">
        <v>1121.5999999999999</v>
      </c>
      <c r="W2133">
        <v>1143.6869999999999</v>
      </c>
      <c r="X2133">
        <v>1163.8030000000001</v>
      </c>
      <c r="Y2133">
        <v>1173.8779999999999</v>
      </c>
    </row>
    <row r="2134" spans="1:25" x14ac:dyDescent="0.3">
      <c r="A2134">
        <v>57.133333336856836</v>
      </c>
      <c r="B2134">
        <v>988.30799999999999</v>
      </c>
      <c r="C2134">
        <v>1035.3589999999999</v>
      </c>
      <c r="D2134">
        <v>1041.6990000000001</v>
      </c>
      <c r="E2134">
        <v>1070.75</v>
      </c>
      <c r="F2134">
        <v>1090.269</v>
      </c>
      <c r="G2134">
        <v>1108.942</v>
      </c>
      <c r="H2134">
        <v>1118.9549999999999</v>
      </c>
      <c r="I2134">
        <v>1131.3140000000001</v>
      </c>
      <c r="J2134">
        <v>1142.028</v>
      </c>
      <c r="K2134">
        <v>1136.4770000000001</v>
      </c>
      <c r="L2134">
        <v>1156.5940000000001</v>
      </c>
      <c r="M2134">
        <v>1134.807</v>
      </c>
      <c r="N2134">
        <v>1157.7449999999999</v>
      </c>
      <c r="O2134">
        <v>993.35</v>
      </c>
      <c r="P2134">
        <v>0</v>
      </c>
      <c r="Q2134">
        <v>0</v>
      </c>
      <c r="R2134">
        <v>1085.1579999999999</v>
      </c>
      <c r="S2134">
        <v>0</v>
      </c>
      <c r="T2134">
        <v>1110.567</v>
      </c>
      <c r="U2134">
        <v>1128.96</v>
      </c>
      <c r="V2134">
        <v>1132.0160000000001</v>
      </c>
      <c r="W2134">
        <v>1150.326</v>
      </c>
      <c r="X2134">
        <v>1164.7239999999999</v>
      </c>
      <c r="Y2134">
        <v>1173.03</v>
      </c>
    </row>
    <row r="2135" spans="1:25" x14ac:dyDescent="0.3">
      <c r="A2135">
        <v>57.166666667504856</v>
      </c>
      <c r="B2135">
        <v>984.85500000000002</v>
      </c>
      <c r="C2135">
        <v>1036.778</v>
      </c>
      <c r="D2135">
        <v>1043.6790000000001</v>
      </c>
      <c r="E2135">
        <v>1070.6959999999999</v>
      </c>
      <c r="F2135">
        <v>1092.9670000000001</v>
      </c>
      <c r="G2135">
        <v>1116.8789999999999</v>
      </c>
      <c r="H2135">
        <v>1126.4369999999999</v>
      </c>
      <c r="I2135">
        <v>1136.251</v>
      </c>
      <c r="J2135">
        <v>1146.894</v>
      </c>
      <c r="K2135">
        <v>1136.5170000000001</v>
      </c>
      <c r="L2135">
        <v>1157.21</v>
      </c>
      <c r="M2135">
        <v>1133.8209999999999</v>
      </c>
      <c r="N2135">
        <v>1156.155</v>
      </c>
      <c r="O2135">
        <v>992.58699999999999</v>
      </c>
      <c r="P2135">
        <v>0</v>
      </c>
      <c r="Q2135">
        <v>0</v>
      </c>
      <c r="R2135">
        <v>1086.808</v>
      </c>
      <c r="S2135">
        <v>0</v>
      </c>
      <c r="T2135">
        <v>1109.492</v>
      </c>
      <c r="U2135">
        <v>1126.646</v>
      </c>
      <c r="V2135">
        <v>1126.798</v>
      </c>
      <c r="W2135">
        <v>1144.643</v>
      </c>
      <c r="X2135">
        <v>1160.3920000000001</v>
      </c>
      <c r="Y2135">
        <v>1169.2729999999999</v>
      </c>
    </row>
    <row r="2136" spans="1:25" x14ac:dyDescent="0.3">
      <c r="A2136">
        <v>57.183333338067555</v>
      </c>
      <c r="B2136">
        <v>982.60599999999999</v>
      </c>
      <c r="C2136">
        <v>1035.3240000000001</v>
      </c>
      <c r="D2136">
        <v>1042.921</v>
      </c>
      <c r="E2136">
        <v>1074.5730000000001</v>
      </c>
      <c r="F2136">
        <v>1095.855</v>
      </c>
      <c r="G2136">
        <v>1115.6320000000001</v>
      </c>
      <c r="H2136">
        <v>1125.8109999999999</v>
      </c>
      <c r="I2136">
        <v>1133.7639999999999</v>
      </c>
      <c r="J2136">
        <v>1143.8040000000001</v>
      </c>
      <c r="K2136">
        <v>1136.327</v>
      </c>
      <c r="L2136">
        <v>1156.538</v>
      </c>
      <c r="M2136">
        <v>1135.72</v>
      </c>
      <c r="N2136">
        <v>1155.6179999999999</v>
      </c>
      <c r="O2136">
        <v>988.81899999999996</v>
      </c>
      <c r="P2136">
        <v>0</v>
      </c>
      <c r="Q2136">
        <v>0</v>
      </c>
      <c r="R2136">
        <v>1088.23</v>
      </c>
      <c r="S2136">
        <v>0</v>
      </c>
      <c r="T2136">
        <v>1105.182</v>
      </c>
      <c r="U2136">
        <v>1120.6759999999999</v>
      </c>
      <c r="V2136">
        <v>1122.3579999999999</v>
      </c>
      <c r="W2136">
        <v>1144.2429999999999</v>
      </c>
      <c r="X2136">
        <v>1161.7729999999999</v>
      </c>
      <c r="Y2136">
        <v>1170.4880000000001</v>
      </c>
    </row>
    <row r="2137" spans="1:25" x14ac:dyDescent="0.3">
      <c r="A2137">
        <v>57.216666668715575</v>
      </c>
      <c r="B2137">
        <v>983.60199999999998</v>
      </c>
      <c r="C2137">
        <v>1030.664</v>
      </c>
      <c r="D2137">
        <v>1038.1389999999999</v>
      </c>
      <c r="E2137">
        <v>1071.999</v>
      </c>
      <c r="F2137">
        <v>1090.213</v>
      </c>
      <c r="G2137">
        <v>1106.9659999999999</v>
      </c>
      <c r="H2137">
        <v>1116.7639999999999</v>
      </c>
      <c r="I2137">
        <v>1126.037</v>
      </c>
      <c r="J2137">
        <v>1143.7070000000001</v>
      </c>
      <c r="K2137">
        <v>1136.3440000000001</v>
      </c>
      <c r="L2137">
        <v>1157.5719999999999</v>
      </c>
      <c r="M2137">
        <v>1141.78</v>
      </c>
      <c r="N2137">
        <v>1163.171</v>
      </c>
      <c r="O2137">
        <v>988.01700000000005</v>
      </c>
      <c r="P2137">
        <v>0</v>
      </c>
      <c r="Q2137">
        <v>0</v>
      </c>
      <c r="R2137">
        <v>1085.046</v>
      </c>
      <c r="S2137">
        <v>0</v>
      </c>
      <c r="T2137">
        <v>1106.1579999999999</v>
      </c>
      <c r="U2137">
        <v>1123.835</v>
      </c>
      <c r="V2137">
        <v>1122.886</v>
      </c>
      <c r="W2137">
        <v>1139.433</v>
      </c>
      <c r="X2137">
        <v>1156.077</v>
      </c>
      <c r="Y2137">
        <v>1171.585</v>
      </c>
    </row>
    <row r="2138" spans="1:25" x14ac:dyDescent="0.3">
      <c r="A2138">
        <v>57.233333339278275</v>
      </c>
      <c r="B2138">
        <v>970.66</v>
      </c>
      <c r="C2138">
        <v>1028.528</v>
      </c>
      <c r="D2138">
        <v>1040.442</v>
      </c>
      <c r="E2138">
        <v>1067.413</v>
      </c>
      <c r="F2138">
        <v>1087.5170000000001</v>
      </c>
      <c r="G2138">
        <v>1103.9580000000001</v>
      </c>
      <c r="H2138">
        <v>1112.3989999999999</v>
      </c>
      <c r="I2138">
        <v>1124.1769999999999</v>
      </c>
      <c r="J2138">
        <v>1137.7349999999999</v>
      </c>
      <c r="K2138">
        <v>1131.143</v>
      </c>
      <c r="L2138">
        <v>1151.6469999999999</v>
      </c>
      <c r="M2138">
        <v>1138.6320000000001</v>
      </c>
      <c r="N2138">
        <v>1163.3820000000001</v>
      </c>
      <c r="O2138">
        <v>986.92399999999998</v>
      </c>
      <c r="P2138">
        <v>0</v>
      </c>
      <c r="Q2138">
        <v>0</v>
      </c>
      <c r="R2138">
        <v>1087.386</v>
      </c>
      <c r="S2138">
        <v>0</v>
      </c>
      <c r="T2138">
        <v>1107.3800000000001</v>
      </c>
      <c r="U2138">
        <v>1123.4549999999999</v>
      </c>
      <c r="V2138">
        <v>1125.202</v>
      </c>
      <c r="W2138">
        <v>1143.42</v>
      </c>
      <c r="X2138">
        <v>1161.2919999999999</v>
      </c>
      <c r="Y2138">
        <v>1172.992</v>
      </c>
    </row>
    <row r="2139" spans="1:25" x14ac:dyDescent="0.3">
      <c r="A2139">
        <v>57.266666669926295</v>
      </c>
      <c r="B2139">
        <v>973.68299999999999</v>
      </c>
      <c r="C2139">
        <v>1028.4559999999999</v>
      </c>
      <c r="D2139">
        <v>1039.135</v>
      </c>
      <c r="E2139">
        <v>1070.7329999999999</v>
      </c>
      <c r="F2139">
        <v>1092.855</v>
      </c>
      <c r="G2139">
        <v>1105.539</v>
      </c>
      <c r="H2139">
        <v>1113.232</v>
      </c>
      <c r="I2139">
        <v>1123.229</v>
      </c>
      <c r="J2139">
        <v>1138.481</v>
      </c>
      <c r="K2139">
        <v>1133.7460000000001</v>
      </c>
      <c r="L2139">
        <v>1153.394</v>
      </c>
      <c r="M2139">
        <v>1138.252</v>
      </c>
      <c r="N2139">
        <v>1160.6030000000001</v>
      </c>
      <c r="O2139">
        <v>986.70799999999997</v>
      </c>
      <c r="P2139">
        <v>0</v>
      </c>
      <c r="Q2139">
        <v>0</v>
      </c>
      <c r="R2139">
        <v>1082.876</v>
      </c>
      <c r="S2139">
        <v>0</v>
      </c>
      <c r="T2139">
        <v>1108.2660000000001</v>
      </c>
      <c r="U2139">
        <v>1127.9179999999999</v>
      </c>
      <c r="V2139">
        <v>1127.8230000000001</v>
      </c>
      <c r="W2139">
        <v>1142.9639999999999</v>
      </c>
      <c r="X2139">
        <v>1161.5429999999999</v>
      </c>
      <c r="Y2139">
        <v>1177.7149999999999</v>
      </c>
    </row>
    <row r="2140" spans="1:25" x14ac:dyDescent="0.3">
      <c r="A2140">
        <v>57.300000000574315</v>
      </c>
      <c r="B2140">
        <v>976.40200000000004</v>
      </c>
      <c r="C2140">
        <v>1025.6959999999999</v>
      </c>
      <c r="D2140">
        <v>1039.8140000000001</v>
      </c>
      <c r="E2140">
        <v>1071.8499999999999</v>
      </c>
      <c r="F2140">
        <v>1092.6849999999999</v>
      </c>
      <c r="G2140">
        <v>1102.566</v>
      </c>
      <c r="H2140">
        <v>1114.761</v>
      </c>
      <c r="I2140">
        <v>1129.53</v>
      </c>
      <c r="J2140">
        <v>1142.2</v>
      </c>
      <c r="K2140">
        <v>1135.528</v>
      </c>
      <c r="L2140">
        <v>1154.9839999999999</v>
      </c>
      <c r="M2140">
        <v>1139.9680000000001</v>
      </c>
      <c r="N2140">
        <v>1163.6310000000001</v>
      </c>
      <c r="O2140">
        <v>987.58</v>
      </c>
      <c r="P2140">
        <v>0</v>
      </c>
      <c r="Q2140">
        <v>0</v>
      </c>
      <c r="R2140">
        <v>1086.038</v>
      </c>
      <c r="S2140">
        <v>0</v>
      </c>
      <c r="T2140">
        <v>1104.296</v>
      </c>
      <c r="U2140">
        <v>1122.0160000000001</v>
      </c>
      <c r="V2140">
        <v>1123.19</v>
      </c>
      <c r="W2140">
        <v>1144.088</v>
      </c>
      <c r="X2140">
        <v>1164.5899999999999</v>
      </c>
      <c r="Y2140">
        <v>1174.2249999999999</v>
      </c>
    </row>
    <row r="2141" spans="1:25" x14ac:dyDescent="0.3">
      <c r="A2141">
        <v>57.316666671137014</v>
      </c>
      <c r="B2141">
        <v>982.76700000000005</v>
      </c>
      <c r="C2141">
        <v>1029.7239999999999</v>
      </c>
      <c r="D2141">
        <v>1045.7840000000001</v>
      </c>
      <c r="E2141">
        <v>1074.8320000000001</v>
      </c>
      <c r="F2141">
        <v>1093.6949999999999</v>
      </c>
      <c r="G2141">
        <v>1106.9280000000001</v>
      </c>
      <c r="H2141">
        <v>1118.954</v>
      </c>
      <c r="I2141">
        <v>1132.8699999999999</v>
      </c>
      <c r="J2141">
        <v>1142.7139999999999</v>
      </c>
      <c r="K2141">
        <v>1137.5820000000001</v>
      </c>
      <c r="L2141">
        <v>1154.1010000000001</v>
      </c>
      <c r="M2141">
        <v>1139.471</v>
      </c>
      <c r="N2141">
        <v>1163.8800000000001</v>
      </c>
      <c r="O2141">
        <v>993.02200000000005</v>
      </c>
      <c r="P2141">
        <v>0</v>
      </c>
      <c r="Q2141">
        <v>0</v>
      </c>
      <c r="R2141">
        <v>1093.002</v>
      </c>
      <c r="S2141">
        <v>0</v>
      </c>
      <c r="T2141">
        <v>1107.605</v>
      </c>
      <c r="U2141">
        <v>1121.335</v>
      </c>
      <c r="V2141">
        <v>1122.1469999999999</v>
      </c>
      <c r="W2141">
        <v>1142.6759999999999</v>
      </c>
      <c r="X2141">
        <v>1163.8409999999999</v>
      </c>
      <c r="Y2141">
        <v>1177.116</v>
      </c>
    </row>
    <row r="2142" spans="1:25" x14ac:dyDescent="0.3">
      <c r="A2142">
        <v>57.350000001785034</v>
      </c>
      <c r="B2142">
        <v>977.01900000000001</v>
      </c>
      <c r="C2142">
        <v>1033.72</v>
      </c>
      <c r="D2142">
        <v>1047.633</v>
      </c>
      <c r="E2142">
        <v>1075.298</v>
      </c>
      <c r="F2142">
        <v>1092.011</v>
      </c>
      <c r="G2142">
        <v>1108.923</v>
      </c>
      <c r="H2142">
        <v>1121.77</v>
      </c>
      <c r="I2142">
        <v>1131.067</v>
      </c>
      <c r="J2142">
        <v>1138.8800000000001</v>
      </c>
      <c r="K2142">
        <v>1136.268</v>
      </c>
      <c r="L2142">
        <v>1155.54</v>
      </c>
      <c r="M2142">
        <v>1138.6320000000001</v>
      </c>
      <c r="N2142">
        <v>1152.51</v>
      </c>
      <c r="O2142">
        <v>995.09699999999998</v>
      </c>
      <c r="P2142">
        <v>0</v>
      </c>
      <c r="Q2142">
        <v>0</v>
      </c>
      <c r="R2142">
        <v>1091.1679999999999</v>
      </c>
      <c r="S2142">
        <v>0</v>
      </c>
      <c r="T2142">
        <v>1110.0940000000001</v>
      </c>
      <c r="U2142">
        <v>1123.93</v>
      </c>
      <c r="V2142">
        <v>1127.8209999999999</v>
      </c>
      <c r="W2142">
        <v>1148.152</v>
      </c>
      <c r="X2142">
        <v>1163.5930000000001</v>
      </c>
      <c r="Y2142">
        <v>1173.9549999999999</v>
      </c>
    </row>
    <row r="2143" spans="1:25" x14ac:dyDescent="0.3">
      <c r="A2143">
        <v>57.366666672347733</v>
      </c>
      <c r="B2143">
        <v>974.73500000000001</v>
      </c>
      <c r="C2143">
        <v>1034.6420000000001</v>
      </c>
      <c r="D2143">
        <v>1044.8620000000001</v>
      </c>
      <c r="E2143">
        <v>1072.895</v>
      </c>
      <c r="F2143">
        <v>1087.6869999999999</v>
      </c>
      <c r="G2143">
        <v>1103.771</v>
      </c>
      <c r="H2143">
        <v>1114.876</v>
      </c>
      <c r="I2143">
        <v>1128.0509999999999</v>
      </c>
      <c r="J2143">
        <v>1138.252</v>
      </c>
      <c r="K2143">
        <v>1134.4290000000001</v>
      </c>
      <c r="L2143">
        <v>1154.6980000000001</v>
      </c>
      <c r="M2143">
        <v>1136.5170000000001</v>
      </c>
      <c r="N2143">
        <v>1152.1089999999999</v>
      </c>
      <c r="O2143">
        <v>994.553</v>
      </c>
      <c r="P2143">
        <v>0</v>
      </c>
      <c r="Q2143">
        <v>0</v>
      </c>
      <c r="R2143">
        <v>1090.421</v>
      </c>
      <c r="S2143">
        <v>0</v>
      </c>
      <c r="T2143">
        <v>1110.3230000000001</v>
      </c>
      <c r="U2143">
        <v>1122.376</v>
      </c>
      <c r="V2143">
        <v>1124.8240000000001</v>
      </c>
      <c r="W2143">
        <v>1144.624</v>
      </c>
      <c r="X2143">
        <v>1162.578</v>
      </c>
      <c r="Y2143">
        <v>1174.5930000000001</v>
      </c>
    </row>
    <row r="2144" spans="1:25" x14ac:dyDescent="0.3">
      <c r="A2144">
        <v>57.400000002995753</v>
      </c>
      <c r="B2144">
        <v>972.43100000000004</v>
      </c>
      <c r="C2144">
        <v>1034.954</v>
      </c>
      <c r="D2144">
        <v>1043.4179999999999</v>
      </c>
      <c r="E2144">
        <v>1073.527</v>
      </c>
      <c r="F2144">
        <v>1088.6030000000001</v>
      </c>
      <c r="G2144">
        <v>1107.117</v>
      </c>
      <c r="H2144">
        <v>1118.2940000000001</v>
      </c>
      <c r="I2144">
        <v>1127.1949999999999</v>
      </c>
      <c r="J2144">
        <v>1132.9849999999999</v>
      </c>
      <c r="K2144">
        <v>1129.3589999999999</v>
      </c>
      <c r="L2144">
        <v>1148.7049999999999</v>
      </c>
      <c r="M2144">
        <v>1133.82</v>
      </c>
      <c r="N2144">
        <v>1142.6379999999999</v>
      </c>
      <c r="O2144">
        <v>995.91600000000005</v>
      </c>
      <c r="P2144">
        <v>0</v>
      </c>
      <c r="Q2144">
        <v>0</v>
      </c>
      <c r="R2144">
        <v>1089.82</v>
      </c>
      <c r="S2144">
        <v>0</v>
      </c>
      <c r="T2144">
        <v>1104.9359999999999</v>
      </c>
      <c r="U2144">
        <v>1119.616</v>
      </c>
      <c r="V2144">
        <v>1121.1659999999999</v>
      </c>
      <c r="W2144">
        <v>1142.5239999999999</v>
      </c>
      <c r="X2144">
        <v>1162.5</v>
      </c>
      <c r="Y2144">
        <v>1176.692</v>
      </c>
    </row>
    <row r="2145" spans="1:25" x14ac:dyDescent="0.3">
      <c r="A2145">
        <v>57.433333333643773</v>
      </c>
      <c r="B2145">
        <v>980.63</v>
      </c>
      <c r="C2145">
        <v>1033.0219999999999</v>
      </c>
      <c r="D2145">
        <v>1045.0840000000001</v>
      </c>
      <c r="E2145">
        <v>1074.778</v>
      </c>
      <c r="F2145">
        <v>1090.44</v>
      </c>
      <c r="G2145">
        <v>1106.874</v>
      </c>
      <c r="H2145">
        <v>1118.73</v>
      </c>
      <c r="I2145">
        <v>1127.0070000000001</v>
      </c>
      <c r="J2145">
        <v>1133.1569999999999</v>
      </c>
      <c r="K2145">
        <v>1128.7339999999999</v>
      </c>
      <c r="L2145">
        <v>1147.3140000000001</v>
      </c>
      <c r="M2145">
        <v>1133.8209999999999</v>
      </c>
      <c r="N2145">
        <v>1131.05</v>
      </c>
      <c r="O2145">
        <v>995.04399999999998</v>
      </c>
      <c r="P2145">
        <v>0</v>
      </c>
      <c r="Q2145">
        <v>0</v>
      </c>
      <c r="R2145">
        <v>1087.538</v>
      </c>
      <c r="S2145">
        <v>0</v>
      </c>
      <c r="T2145">
        <v>1103.7149999999999</v>
      </c>
      <c r="U2145">
        <v>1120.865</v>
      </c>
      <c r="V2145">
        <v>1123.3810000000001</v>
      </c>
      <c r="W2145">
        <v>1142.6969999999999</v>
      </c>
      <c r="X2145">
        <v>1162.712</v>
      </c>
      <c r="Y2145">
        <v>1169.9100000000001</v>
      </c>
    </row>
    <row r="2146" spans="1:25" x14ac:dyDescent="0.3">
      <c r="A2146">
        <v>57.450000004206473</v>
      </c>
      <c r="B2146">
        <v>986.36199999999997</v>
      </c>
      <c r="C2146">
        <v>1033.501</v>
      </c>
      <c r="D2146">
        <v>1043.0319999999999</v>
      </c>
      <c r="E2146">
        <v>1071.0309999999999</v>
      </c>
      <c r="F2146">
        <v>1092.143</v>
      </c>
      <c r="G2146">
        <v>1104.8620000000001</v>
      </c>
      <c r="H2146">
        <v>1118.239</v>
      </c>
      <c r="I2146">
        <v>1131.4680000000001</v>
      </c>
      <c r="J2146">
        <v>1142.201</v>
      </c>
      <c r="K2146">
        <v>1135.2639999999999</v>
      </c>
      <c r="L2146">
        <v>1154.2380000000001</v>
      </c>
      <c r="M2146">
        <v>1137.8130000000001</v>
      </c>
      <c r="N2146">
        <v>1129.3800000000001</v>
      </c>
      <c r="O2146">
        <v>999.01199999999994</v>
      </c>
      <c r="P2146">
        <v>0</v>
      </c>
      <c r="Q2146">
        <v>0</v>
      </c>
      <c r="R2146">
        <v>1084.2429999999999</v>
      </c>
      <c r="S2146">
        <v>0</v>
      </c>
      <c r="T2146">
        <v>1104.5419999999999</v>
      </c>
      <c r="U2146">
        <v>1121.2049999999999</v>
      </c>
      <c r="V2146">
        <v>1124.8240000000001</v>
      </c>
      <c r="W2146">
        <v>1145.578</v>
      </c>
      <c r="X2146">
        <v>1163.633</v>
      </c>
      <c r="Y2146">
        <v>1172.9159999999999</v>
      </c>
    </row>
    <row r="2147" spans="1:25" x14ac:dyDescent="0.3">
      <c r="A2147">
        <v>57.483333334854493</v>
      </c>
      <c r="B2147">
        <v>997.24699999999996</v>
      </c>
      <c r="C2147">
        <v>1034.845</v>
      </c>
      <c r="D2147">
        <v>1044.2149999999999</v>
      </c>
      <c r="E2147">
        <v>1072.1310000000001</v>
      </c>
      <c r="F2147">
        <v>1091.32</v>
      </c>
      <c r="G2147">
        <v>1109.68</v>
      </c>
      <c r="H2147">
        <v>1122.49</v>
      </c>
      <c r="I2147">
        <v>1135.739</v>
      </c>
      <c r="J2147">
        <v>1144.586</v>
      </c>
      <c r="K2147">
        <v>1139.2629999999999</v>
      </c>
      <c r="L2147">
        <v>1159.664</v>
      </c>
      <c r="M2147">
        <v>1143.25</v>
      </c>
      <c r="N2147">
        <v>1133.366</v>
      </c>
      <c r="O2147">
        <v>998.41200000000003</v>
      </c>
      <c r="P2147">
        <v>0</v>
      </c>
      <c r="Q2147">
        <v>0</v>
      </c>
      <c r="R2147">
        <v>1091.1320000000001</v>
      </c>
      <c r="S2147">
        <v>0</v>
      </c>
      <c r="T2147">
        <v>1109.095</v>
      </c>
      <c r="U2147">
        <v>1123.913</v>
      </c>
      <c r="V2147">
        <v>1127.0640000000001</v>
      </c>
      <c r="W2147">
        <v>1148.23</v>
      </c>
      <c r="X2147">
        <v>1167.442</v>
      </c>
      <c r="Y2147">
        <v>1173.7260000000001</v>
      </c>
    </row>
    <row r="2148" spans="1:25" x14ac:dyDescent="0.3">
      <c r="A2148">
        <v>57.500000005417192</v>
      </c>
      <c r="B2148">
        <v>994.553</v>
      </c>
      <c r="C2148">
        <v>1033.2059999999999</v>
      </c>
      <c r="D2148">
        <v>1042.7539999999999</v>
      </c>
      <c r="E2148">
        <v>1069.4100000000001</v>
      </c>
      <c r="F2148">
        <v>1089.672</v>
      </c>
      <c r="G2148">
        <v>1105.953</v>
      </c>
      <c r="H2148">
        <v>1118.655</v>
      </c>
      <c r="I2148">
        <v>1129.4929999999999</v>
      </c>
      <c r="J2148">
        <v>1143.67</v>
      </c>
      <c r="K2148">
        <v>1134.998</v>
      </c>
      <c r="L2148">
        <v>1153.777</v>
      </c>
      <c r="M2148">
        <v>1139.2059999999999</v>
      </c>
      <c r="N2148">
        <v>1124.672</v>
      </c>
      <c r="O2148">
        <v>1003.378</v>
      </c>
      <c r="P2148">
        <v>0</v>
      </c>
      <c r="Q2148">
        <v>0</v>
      </c>
      <c r="R2148">
        <v>1093.192</v>
      </c>
      <c r="S2148">
        <v>0</v>
      </c>
      <c r="T2148">
        <v>1107.4949999999999</v>
      </c>
      <c r="U2148">
        <v>1122.0170000000001</v>
      </c>
      <c r="V2148">
        <v>1121.7149999999999</v>
      </c>
      <c r="W2148">
        <v>1145.75</v>
      </c>
      <c r="X2148">
        <v>1163.9390000000001</v>
      </c>
      <c r="Y2148">
        <v>1171.606</v>
      </c>
    </row>
    <row r="2149" spans="1:25" x14ac:dyDescent="0.3">
      <c r="A2149">
        <v>57.533333336065212</v>
      </c>
      <c r="B2149">
        <v>1000.327</v>
      </c>
      <c r="C2149">
        <v>1034.4960000000001</v>
      </c>
      <c r="D2149">
        <v>1042.5150000000001</v>
      </c>
      <c r="E2149">
        <v>1065.912</v>
      </c>
      <c r="F2149">
        <v>1084.1500000000001</v>
      </c>
      <c r="G2149">
        <v>1103.2080000000001</v>
      </c>
      <c r="H2149">
        <v>1115.3109999999999</v>
      </c>
      <c r="I2149">
        <v>1122.1130000000001</v>
      </c>
      <c r="J2149">
        <v>1134.297</v>
      </c>
      <c r="K2149">
        <v>1127.3869999999999</v>
      </c>
      <c r="L2149">
        <v>1146.99</v>
      </c>
      <c r="M2149">
        <v>1134.145</v>
      </c>
      <c r="N2149">
        <v>1122.8879999999999</v>
      </c>
      <c r="O2149">
        <v>1003.47</v>
      </c>
      <c r="P2149">
        <v>0</v>
      </c>
      <c r="Q2149">
        <v>0</v>
      </c>
      <c r="R2149">
        <v>1091.17</v>
      </c>
      <c r="S2149">
        <v>0</v>
      </c>
      <c r="T2149">
        <v>1106.5740000000001</v>
      </c>
      <c r="U2149">
        <v>1123.116</v>
      </c>
      <c r="V2149">
        <v>1124.8620000000001</v>
      </c>
      <c r="W2149">
        <v>1146.4179999999999</v>
      </c>
      <c r="X2149">
        <v>1164.3430000000001</v>
      </c>
      <c r="Y2149">
        <v>1169.5830000000001</v>
      </c>
    </row>
    <row r="2150" spans="1:25" x14ac:dyDescent="0.3">
      <c r="A2150">
        <v>57.566666666713232</v>
      </c>
      <c r="B2150">
        <v>1000.454</v>
      </c>
      <c r="C2150">
        <v>1035.452</v>
      </c>
      <c r="D2150">
        <v>1044.954</v>
      </c>
      <c r="E2150">
        <v>1070.845</v>
      </c>
      <c r="F2150">
        <v>1086.5640000000001</v>
      </c>
      <c r="G2150">
        <v>1102.944</v>
      </c>
      <c r="H2150">
        <v>1115.2159999999999</v>
      </c>
      <c r="I2150">
        <v>1127.2159999999999</v>
      </c>
      <c r="J2150">
        <v>1140.3889999999999</v>
      </c>
      <c r="K2150">
        <v>1133.271</v>
      </c>
      <c r="L2150">
        <v>1151.5340000000001</v>
      </c>
      <c r="M2150">
        <v>1138.271</v>
      </c>
      <c r="N2150">
        <v>1118.0119999999999</v>
      </c>
      <c r="O2150">
        <v>1006.2089999999999</v>
      </c>
      <c r="P2150">
        <v>0</v>
      </c>
      <c r="Q2150">
        <v>0</v>
      </c>
      <c r="R2150">
        <v>1091.451</v>
      </c>
      <c r="S2150">
        <v>0</v>
      </c>
      <c r="T2150">
        <v>1108.021</v>
      </c>
      <c r="U2150">
        <v>1124.1590000000001</v>
      </c>
      <c r="V2150">
        <v>1126.4369999999999</v>
      </c>
      <c r="W2150">
        <v>1147.3520000000001</v>
      </c>
      <c r="X2150">
        <v>1165.5150000000001</v>
      </c>
      <c r="Y2150">
        <v>1174.3040000000001</v>
      </c>
    </row>
    <row r="2151" spans="1:25" x14ac:dyDescent="0.3">
      <c r="A2151">
        <v>57.583333337275931</v>
      </c>
      <c r="B2151">
        <v>996.774</v>
      </c>
      <c r="C2151">
        <v>1035.5260000000001</v>
      </c>
      <c r="D2151">
        <v>1045.4349999999999</v>
      </c>
      <c r="E2151">
        <v>1072.3920000000001</v>
      </c>
      <c r="F2151">
        <v>1086.6949999999999</v>
      </c>
      <c r="G2151">
        <v>1106.6110000000001</v>
      </c>
      <c r="H2151">
        <v>1115.2349999999999</v>
      </c>
      <c r="I2151">
        <v>1129.835</v>
      </c>
      <c r="J2151">
        <v>1143.6890000000001</v>
      </c>
      <c r="K2151">
        <v>1135.9090000000001</v>
      </c>
      <c r="L2151">
        <v>1156.711</v>
      </c>
      <c r="M2151">
        <v>1140.0070000000001</v>
      </c>
      <c r="N2151">
        <v>1117.8989999999999</v>
      </c>
      <c r="O2151">
        <v>1008.639</v>
      </c>
      <c r="P2151">
        <v>0</v>
      </c>
      <c r="Q2151">
        <v>0</v>
      </c>
      <c r="R2151">
        <v>1091.1510000000001</v>
      </c>
      <c r="S2151">
        <v>0</v>
      </c>
      <c r="T2151">
        <v>1111.2670000000001</v>
      </c>
      <c r="U2151">
        <v>1126.912</v>
      </c>
      <c r="V2151">
        <v>1126.4939999999999</v>
      </c>
      <c r="W2151">
        <v>1147.5619999999999</v>
      </c>
      <c r="X2151">
        <v>1169.6400000000001</v>
      </c>
      <c r="Y2151">
        <v>1179.7819999999999</v>
      </c>
    </row>
    <row r="2152" spans="1:25" x14ac:dyDescent="0.3">
      <c r="A2152">
        <v>57.616666667923951</v>
      </c>
      <c r="B2152">
        <v>991.27599999999995</v>
      </c>
      <c r="C2152">
        <v>1036.0419999999999</v>
      </c>
      <c r="D2152">
        <v>1047.7829999999999</v>
      </c>
      <c r="E2152">
        <v>1075.02</v>
      </c>
      <c r="F2152">
        <v>1088.923</v>
      </c>
      <c r="G2152">
        <v>1105.3510000000001</v>
      </c>
      <c r="H2152">
        <v>1116.8979999999999</v>
      </c>
      <c r="I2152">
        <v>1129.93</v>
      </c>
      <c r="J2152">
        <v>1145.807</v>
      </c>
      <c r="K2152">
        <v>1141.038</v>
      </c>
      <c r="L2152">
        <v>1157.5550000000001</v>
      </c>
      <c r="M2152">
        <v>1138.271</v>
      </c>
      <c r="N2152">
        <v>1111.8910000000001</v>
      </c>
      <c r="O2152">
        <v>1011.672</v>
      </c>
      <c r="P2152">
        <v>0</v>
      </c>
      <c r="Q2152">
        <v>0</v>
      </c>
      <c r="R2152">
        <v>1088.961</v>
      </c>
      <c r="S2152">
        <v>0</v>
      </c>
      <c r="T2152">
        <v>1112.1369999999999</v>
      </c>
      <c r="U2152">
        <v>1128.165</v>
      </c>
      <c r="V2152">
        <v>1129.3230000000001</v>
      </c>
      <c r="W2152">
        <v>1149.069</v>
      </c>
      <c r="X2152">
        <v>1167.693</v>
      </c>
      <c r="Y2152">
        <v>1178.7180000000001</v>
      </c>
    </row>
    <row r="2153" spans="1:25" x14ac:dyDescent="0.3">
      <c r="A2153">
        <v>57.633333338486651</v>
      </c>
      <c r="B2153">
        <v>996.62800000000004</v>
      </c>
      <c r="C2153">
        <v>1036.0229999999999</v>
      </c>
      <c r="D2153">
        <v>1049.8900000000001</v>
      </c>
      <c r="E2153">
        <v>1075.114</v>
      </c>
      <c r="F2153">
        <v>1091.769</v>
      </c>
      <c r="G2153">
        <v>1107.0999999999999</v>
      </c>
      <c r="H2153">
        <v>1119.221</v>
      </c>
      <c r="I2153">
        <v>1132.8910000000001</v>
      </c>
      <c r="J2153">
        <v>1143.9179999999999</v>
      </c>
      <c r="K2153">
        <v>1136.479</v>
      </c>
      <c r="L2153">
        <v>1153.298</v>
      </c>
      <c r="M2153">
        <v>1135.53</v>
      </c>
      <c r="N2153">
        <v>1109.3399999999999</v>
      </c>
      <c r="O2153">
        <v>1011.544</v>
      </c>
      <c r="P2153">
        <v>0</v>
      </c>
      <c r="Q2153">
        <v>0</v>
      </c>
      <c r="R2153">
        <v>1089.3720000000001</v>
      </c>
      <c r="S2153">
        <v>0</v>
      </c>
      <c r="T2153">
        <v>1108.2660000000001</v>
      </c>
      <c r="U2153">
        <v>1123.951</v>
      </c>
      <c r="V2153">
        <v>1124.3679999999999</v>
      </c>
      <c r="W2153">
        <v>1143.8989999999999</v>
      </c>
      <c r="X2153">
        <v>1166.1130000000001</v>
      </c>
      <c r="Y2153">
        <v>1181.1569999999999</v>
      </c>
    </row>
    <row r="2154" spans="1:25" x14ac:dyDescent="0.3">
      <c r="A2154">
        <v>57.666666669134671</v>
      </c>
      <c r="B2154">
        <v>990.65599999999995</v>
      </c>
      <c r="C2154">
        <v>1037.9179999999999</v>
      </c>
      <c r="D2154">
        <v>1048.2429999999999</v>
      </c>
      <c r="E2154">
        <v>1072.3530000000001</v>
      </c>
      <c r="F2154">
        <v>1087.817</v>
      </c>
      <c r="G2154">
        <v>1104.653</v>
      </c>
      <c r="H2154">
        <v>1119.597</v>
      </c>
      <c r="I2154">
        <v>1135.2049999999999</v>
      </c>
      <c r="J2154">
        <v>1146.9880000000001</v>
      </c>
      <c r="K2154">
        <v>1141.4559999999999</v>
      </c>
      <c r="L2154">
        <v>1158.5119999999999</v>
      </c>
      <c r="M2154">
        <v>1140.0820000000001</v>
      </c>
      <c r="N2154">
        <v>1104.0889999999999</v>
      </c>
      <c r="O2154">
        <v>1008.601</v>
      </c>
      <c r="P2154">
        <v>0</v>
      </c>
      <c r="Q2154">
        <v>0</v>
      </c>
      <c r="R2154">
        <v>1091.5609999999999</v>
      </c>
      <c r="S2154">
        <v>0</v>
      </c>
      <c r="T2154">
        <v>1107.8879999999999</v>
      </c>
      <c r="U2154">
        <v>1124.1579999999999</v>
      </c>
      <c r="V2154">
        <v>1125.885</v>
      </c>
      <c r="W2154">
        <v>1145.0989999999999</v>
      </c>
      <c r="X2154">
        <v>1172.086</v>
      </c>
      <c r="Y2154">
        <v>1185.2829999999999</v>
      </c>
    </row>
    <row r="2155" spans="1:25" x14ac:dyDescent="0.3">
      <c r="A2155">
        <v>57.69999999978269</v>
      </c>
      <c r="B2155">
        <v>992.33299999999997</v>
      </c>
      <c r="C2155">
        <v>1036.981</v>
      </c>
      <c r="D2155">
        <v>1045.9159999999999</v>
      </c>
      <c r="E2155">
        <v>1070.9390000000001</v>
      </c>
      <c r="F2155">
        <v>1085.011</v>
      </c>
      <c r="G2155">
        <v>1101.2329999999999</v>
      </c>
      <c r="H2155">
        <v>1114.7629999999999</v>
      </c>
      <c r="I2155">
        <v>1128.0509999999999</v>
      </c>
      <c r="J2155">
        <v>1141.5719999999999</v>
      </c>
      <c r="K2155">
        <v>1138.577</v>
      </c>
      <c r="L2155">
        <v>1156.405</v>
      </c>
      <c r="M2155">
        <v>1139.5119999999999</v>
      </c>
      <c r="N2155">
        <v>1112.9680000000001</v>
      </c>
      <c r="O2155">
        <v>1003.506</v>
      </c>
      <c r="P2155">
        <v>0</v>
      </c>
      <c r="Q2155">
        <v>0</v>
      </c>
      <c r="R2155">
        <v>1092.2190000000001</v>
      </c>
      <c r="S2155">
        <v>0</v>
      </c>
      <c r="T2155">
        <v>1111.0409999999999</v>
      </c>
      <c r="U2155">
        <v>1124.4069999999999</v>
      </c>
      <c r="V2155">
        <v>1125.1089999999999</v>
      </c>
      <c r="W2155">
        <v>1148.4590000000001</v>
      </c>
      <c r="X2155">
        <v>1171.375</v>
      </c>
      <c r="Y2155">
        <v>1181.0419999999999</v>
      </c>
    </row>
    <row r="2156" spans="1:25" x14ac:dyDescent="0.3">
      <c r="A2156">
        <v>57.71666667034539</v>
      </c>
      <c r="B2156">
        <v>996.101</v>
      </c>
      <c r="C2156">
        <v>1038.731</v>
      </c>
      <c r="D2156">
        <v>1049.2809999999999</v>
      </c>
      <c r="E2156">
        <v>1071.778</v>
      </c>
      <c r="F2156">
        <v>1082.971</v>
      </c>
      <c r="G2156">
        <v>1100.463</v>
      </c>
      <c r="H2156">
        <v>1111.779</v>
      </c>
      <c r="I2156">
        <v>1122.529</v>
      </c>
      <c r="J2156">
        <v>1135.1510000000001</v>
      </c>
      <c r="K2156">
        <v>1133.1769999999999</v>
      </c>
      <c r="L2156">
        <v>1154.181</v>
      </c>
      <c r="M2156">
        <v>1142.431</v>
      </c>
      <c r="N2156">
        <v>1112.327</v>
      </c>
      <c r="O2156">
        <v>1004.0549999999999</v>
      </c>
      <c r="P2156">
        <v>0</v>
      </c>
      <c r="Q2156">
        <v>0</v>
      </c>
      <c r="R2156">
        <v>1089.8420000000001</v>
      </c>
      <c r="S2156">
        <v>0</v>
      </c>
      <c r="T2156">
        <v>1113.347</v>
      </c>
      <c r="U2156">
        <v>1129.077</v>
      </c>
      <c r="V2156">
        <v>1130.501</v>
      </c>
      <c r="W2156">
        <v>1157.364</v>
      </c>
      <c r="X2156">
        <v>1177.4469999999999</v>
      </c>
      <c r="Y2156">
        <v>1177.5630000000001</v>
      </c>
    </row>
    <row r="2157" spans="1:25" x14ac:dyDescent="0.3">
      <c r="A2157">
        <v>57.75000000099341</v>
      </c>
      <c r="B2157">
        <v>996.22799999999995</v>
      </c>
      <c r="C2157">
        <v>1040.0550000000001</v>
      </c>
      <c r="D2157">
        <v>1050.962</v>
      </c>
      <c r="E2157">
        <v>1072.4110000000001</v>
      </c>
      <c r="F2157">
        <v>1084.1679999999999</v>
      </c>
      <c r="G2157">
        <v>1101.5899999999999</v>
      </c>
      <c r="H2157">
        <v>1110.4739999999999</v>
      </c>
      <c r="I2157">
        <v>1119.4100000000001</v>
      </c>
      <c r="J2157">
        <v>1131.4680000000001</v>
      </c>
      <c r="K2157">
        <v>1132.17</v>
      </c>
      <c r="L2157">
        <v>1158.0150000000001</v>
      </c>
      <c r="M2157">
        <v>1141.3430000000001</v>
      </c>
      <c r="N2157">
        <v>1112.1369999999999</v>
      </c>
      <c r="O2157">
        <v>1000.144</v>
      </c>
      <c r="P2157">
        <v>0</v>
      </c>
      <c r="Q2157">
        <v>0</v>
      </c>
      <c r="R2157">
        <v>1088.1369999999999</v>
      </c>
      <c r="S2157">
        <v>0</v>
      </c>
      <c r="T2157">
        <v>1110.663</v>
      </c>
      <c r="U2157">
        <v>1126.229</v>
      </c>
      <c r="V2157">
        <v>1126.95</v>
      </c>
      <c r="W2157">
        <v>1155.33</v>
      </c>
      <c r="X2157">
        <v>1177.4649999999999</v>
      </c>
      <c r="Y2157">
        <v>1174.1500000000001</v>
      </c>
    </row>
    <row r="2158" spans="1:25" x14ac:dyDescent="0.3">
      <c r="A2158">
        <v>57.78333333164143</v>
      </c>
      <c r="B2158">
        <v>983.85799999999995</v>
      </c>
      <c r="C2158">
        <v>1039.8340000000001</v>
      </c>
      <c r="D2158">
        <v>1048.9839999999999</v>
      </c>
      <c r="E2158">
        <v>1070.2670000000001</v>
      </c>
      <c r="F2158">
        <v>1084.28</v>
      </c>
      <c r="G2158">
        <v>1098.732</v>
      </c>
      <c r="H2158">
        <v>1106.818</v>
      </c>
      <c r="I2158">
        <v>1117.143</v>
      </c>
      <c r="J2158">
        <v>1130.8030000000001</v>
      </c>
      <c r="K2158">
        <v>1134.79</v>
      </c>
      <c r="L2158">
        <v>1158.3019999999999</v>
      </c>
      <c r="M2158">
        <v>1141.953</v>
      </c>
      <c r="N2158">
        <v>1108.096</v>
      </c>
      <c r="O2158">
        <v>998.64800000000002</v>
      </c>
      <c r="P2158">
        <v>0</v>
      </c>
      <c r="Q2158">
        <v>0</v>
      </c>
      <c r="R2158">
        <v>1089.8589999999999</v>
      </c>
      <c r="S2158">
        <v>0</v>
      </c>
      <c r="T2158">
        <v>1109.057</v>
      </c>
      <c r="U2158">
        <v>1124.539</v>
      </c>
      <c r="V2158">
        <v>1124.7860000000001</v>
      </c>
      <c r="W2158">
        <v>1153.739</v>
      </c>
      <c r="X2158">
        <v>1177.002</v>
      </c>
      <c r="Y2158">
        <v>1174.7860000000001</v>
      </c>
    </row>
    <row r="2159" spans="1:25" x14ac:dyDescent="0.3">
      <c r="A2159">
        <v>57.800000002204129</v>
      </c>
      <c r="B2159">
        <v>991.51300000000003</v>
      </c>
      <c r="C2159">
        <v>1037.7349999999999</v>
      </c>
      <c r="D2159">
        <v>1045.3050000000001</v>
      </c>
      <c r="E2159">
        <v>1072.634</v>
      </c>
      <c r="F2159">
        <v>1084.336</v>
      </c>
      <c r="G2159">
        <v>1099.1079999999999</v>
      </c>
      <c r="H2159">
        <v>1109.1510000000001</v>
      </c>
      <c r="I2159">
        <v>1128.279</v>
      </c>
      <c r="J2159">
        <v>1141.5340000000001</v>
      </c>
      <c r="K2159">
        <v>1138.0999999999999</v>
      </c>
      <c r="L2159">
        <v>1160.546</v>
      </c>
      <c r="M2159">
        <v>1145.578</v>
      </c>
      <c r="N2159">
        <v>1102.605</v>
      </c>
      <c r="O2159">
        <v>999.50400000000002</v>
      </c>
      <c r="P2159">
        <v>0</v>
      </c>
      <c r="Q2159">
        <v>0</v>
      </c>
      <c r="R2159">
        <v>1086.2650000000001</v>
      </c>
      <c r="S2159">
        <v>0</v>
      </c>
      <c r="T2159">
        <v>1106.6859999999999</v>
      </c>
      <c r="U2159">
        <v>1122.0360000000001</v>
      </c>
      <c r="V2159">
        <v>1123.5519999999999</v>
      </c>
      <c r="W2159">
        <v>1149.7370000000001</v>
      </c>
      <c r="X2159">
        <v>1173.7059999999999</v>
      </c>
      <c r="Y2159">
        <v>1177.8699999999999</v>
      </c>
    </row>
    <row r="2160" spans="1:25" x14ac:dyDescent="0.3">
      <c r="A2160">
        <v>57.833333332852149</v>
      </c>
      <c r="B2160">
        <v>990.51300000000003</v>
      </c>
      <c r="C2160">
        <v>1033.759</v>
      </c>
      <c r="D2160">
        <v>1040.74</v>
      </c>
      <c r="E2160">
        <v>1075.1890000000001</v>
      </c>
      <c r="F2160">
        <v>1084.7670000000001</v>
      </c>
      <c r="G2160">
        <v>1098.751</v>
      </c>
      <c r="H2160">
        <v>1111.211</v>
      </c>
      <c r="I2160">
        <v>1134.828</v>
      </c>
      <c r="J2160">
        <v>1147.4100000000001</v>
      </c>
      <c r="K2160">
        <v>1141.114</v>
      </c>
      <c r="L2160">
        <v>1160.527</v>
      </c>
      <c r="M2160">
        <v>1143.9000000000001</v>
      </c>
      <c r="N2160">
        <v>1104.5989999999999</v>
      </c>
      <c r="O2160">
        <v>1000.364</v>
      </c>
      <c r="P2160">
        <v>0</v>
      </c>
      <c r="Q2160">
        <v>0</v>
      </c>
      <c r="R2160">
        <v>1090.328</v>
      </c>
      <c r="S2160">
        <v>0</v>
      </c>
      <c r="T2160">
        <v>1109.606</v>
      </c>
      <c r="U2160">
        <v>1121.7909999999999</v>
      </c>
      <c r="V2160">
        <v>1123.6099999999999</v>
      </c>
      <c r="W2160">
        <v>1147.83</v>
      </c>
      <c r="X2160">
        <v>1172.7049999999999</v>
      </c>
      <c r="Y2160">
        <v>1176.81</v>
      </c>
    </row>
    <row r="2161" spans="1:25" x14ac:dyDescent="0.3">
      <c r="A2161">
        <v>57.850000003414848</v>
      </c>
      <c r="B2161">
        <v>997.30100000000004</v>
      </c>
      <c r="C2161">
        <v>1034.6790000000001</v>
      </c>
      <c r="D2161">
        <v>1041.701</v>
      </c>
      <c r="E2161">
        <v>1072.057</v>
      </c>
      <c r="F2161">
        <v>1088.624</v>
      </c>
      <c r="G2161">
        <v>1106.761</v>
      </c>
      <c r="H2161">
        <v>1116.3869999999999</v>
      </c>
      <c r="I2161">
        <v>1136.6120000000001</v>
      </c>
      <c r="J2161">
        <v>1146.837</v>
      </c>
      <c r="K2161">
        <v>1139.4159999999999</v>
      </c>
      <c r="L2161">
        <v>1156.979</v>
      </c>
      <c r="M2161">
        <v>1138.615</v>
      </c>
      <c r="N2161">
        <v>1105.2760000000001</v>
      </c>
      <c r="O2161">
        <v>1004.62</v>
      </c>
      <c r="P2161">
        <v>0</v>
      </c>
      <c r="Q2161">
        <v>0</v>
      </c>
      <c r="R2161">
        <v>1089.4100000000001</v>
      </c>
      <c r="S2161">
        <v>0</v>
      </c>
      <c r="T2161">
        <v>1111.4369999999999</v>
      </c>
      <c r="U2161">
        <v>1123.21</v>
      </c>
      <c r="V2161">
        <v>1125.7729999999999</v>
      </c>
      <c r="W2161">
        <v>1151.7449999999999</v>
      </c>
      <c r="X2161">
        <v>1171.008</v>
      </c>
      <c r="Y2161">
        <v>1174.7670000000001</v>
      </c>
    </row>
    <row r="2162" spans="1:25" x14ac:dyDescent="0.3">
      <c r="A2162">
        <v>57.883333334062868</v>
      </c>
      <c r="B2162">
        <v>992.11400000000003</v>
      </c>
      <c r="C2162">
        <v>1034.0719999999999</v>
      </c>
      <c r="D2162">
        <v>1042.5519999999999</v>
      </c>
      <c r="E2162">
        <v>1069.7080000000001</v>
      </c>
      <c r="F2162">
        <v>1085.835</v>
      </c>
      <c r="G2162">
        <v>1106.047</v>
      </c>
      <c r="H2162">
        <v>1118.5609999999999</v>
      </c>
      <c r="I2162">
        <v>1130.329</v>
      </c>
      <c r="J2162">
        <v>1138.1959999999999</v>
      </c>
      <c r="K2162">
        <v>1135.9670000000001</v>
      </c>
      <c r="L2162">
        <v>1154.9670000000001</v>
      </c>
      <c r="M2162">
        <v>1138.348</v>
      </c>
      <c r="N2162">
        <v>1108.53</v>
      </c>
      <c r="O2162">
        <v>1004.785</v>
      </c>
      <c r="P2162">
        <v>0</v>
      </c>
      <c r="Q2162">
        <v>0</v>
      </c>
      <c r="R2162">
        <v>1087.3699999999999</v>
      </c>
      <c r="S2162">
        <v>0</v>
      </c>
      <c r="T2162">
        <v>1111.3440000000001</v>
      </c>
      <c r="U2162">
        <v>1124.1980000000001</v>
      </c>
      <c r="V2162">
        <v>1125.0899999999999</v>
      </c>
      <c r="W2162">
        <v>1148.078</v>
      </c>
      <c r="X2162">
        <v>1173.3409999999999</v>
      </c>
      <c r="Y2162">
        <v>1178.6990000000001</v>
      </c>
    </row>
    <row r="2163" spans="1:25" x14ac:dyDescent="0.3">
      <c r="A2163">
        <v>57.916666664710888</v>
      </c>
      <c r="B2163">
        <v>989.822</v>
      </c>
      <c r="C2163">
        <v>1033.779</v>
      </c>
      <c r="D2163">
        <v>1042.9970000000001</v>
      </c>
      <c r="E2163">
        <v>1076.1410000000001</v>
      </c>
      <c r="F2163">
        <v>1090.6849999999999</v>
      </c>
      <c r="G2163">
        <v>1105.4280000000001</v>
      </c>
      <c r="H2163">
        <v>1116.2190000000001</v>
      </c>
      <c r="I2163">
        <v>1131.337</v>
      </c>
      <c r="J2163">
        <v>1139.6849999999999</v>
      </c>
      <c r="K2163">
        <v>1137.682</v>
      </c>
      <c r="L2163">
        <v>1156.0609999999999</v>
      </c>
      <c r="M2163">
        <v>1142.8900000000001</v>
      </c>
      <c r="N2163">
        <v>1109.172</v>
      </c>
      <c r="O2163">
        <v>1000.657</v>
      </c>
      <c r="P2163">
        <v>0</v>
      </c>
      <c r="Q2163">
        <v>0</v>
      </c>
      <c r="R2163">
        <v>1088.981</v>
      </c>
      <c r="S2163">
        <v>0</v>
      </c>
      <c r="T2163">
        <v>1109.059</v>
      </c>
      <c r="U2163">
        <v>1121.963</v>
      </c>
      <c r="V2163">
        <v>1127.2550000000001</v>
      </c>
      <c r="W2163">
        <v>1149.8530000000001</v>
      </c>
      <c r="X2163">
        <v>1176.4649999999999</v>
      </c>
      <c r="Y2163">
        <v>1180.462</v>
      </c>
    </row>
    <row r="2164" spans="1:25" x14ac:dyDescent="0.3">
      <c r="A2164">
        <v>57.933333335273588</v>
      </c>
      <c r="B2164">
        <v>988.25599999999997</v>
      </c>
      <c r="C2164">
        <v>1032.5999999999999</v>
      </c>
      <c r="D2164">
        <v>1043.088</v>
      </c>
      <c r="E2164">
        <v>1074.2760000000001</v>
      </c>
      <c r="F2164">
        <v>1089.4110000000001</v>
      </c>
      <c r="G2164">
        <v>1102.7570000000001</v>
      </c>
      <c r="H2164">
        <v>1114.8389999999999</v>
      </c>
      <c r="I2164">
        <v>1131.336</v>
      </c>
      <c r="J2164">
        <v>1139.3030000000001</v>
      </c>
      <c r="K2164">
        <v>1134.924</v>
      </c>
      <c r="L2164">
        <v>1151.2090000000001</v>
      </c>
      <c r="M2164">
        <v>1140.3330000000001</v>
      </c>
      <c r="N2164">
        <v>1112.9690000000001</v>
      </c>
      <c r="O2164">
        <v>999.06799999999998</v>
      </c>
      <c r="P2164">
        <v>0</v>
      </c>
      <c r="Q2164">
        <v>0</v>
      </c>
      <c r="R2164">
        <v>1089.5609999999999</v>
      </c>
      <c r="S2164">
        <v>0</v>
      </c>
      <c r="T2164">
        <v>1106.067</v>
      </c>
      <c r="U2164">
        <v>1119.884</v>
      </c>
      <c r="V2164">
        <v>1121.49</v>
      </c>
      <c r="W2164">
        <v>1143.5</v>
      </c>
      <c r="X2164">
        <v>1168.1379999999999</v>
      </c>
      <c r="Y2164">
        <v>1177.4079999999999</v>
      </c>
    </row>
    <row r="2165" spans="1:25" x14ac:dyDescent="0.3">
      <c r="A2165">
        <v>57.966666665921608</v>
      </c>
      <c r="B2165">
        <v>992.73400000000004</v>
      </c>
      <c r="C2165">
        <v>1031.2190000000001</v>
      </c>
      <c r="D2165">
        <v>1040.5</v>
      </c>
      <c r="E2165">
        <v>1071.2929999999999</v>
      </c>
      <c r="F2165">
        <v>1088.625</v>
      </c>
      <c r="G2165">
        <v>1107.759</v>
      </c>
      <c r="H2165">
        <v>1119.884</v>
      </c>
      <c r="I2165">
        <v>1129.172</v>
      </c>
      <c r="J2165">
        <v>1138.0630000000001</v>
      </c>
      <c r="K2165">
        <v>1134.4110000000001</v>
      </c>
      <c r="L2165">
        <v>1152.1489999999999</v>
      </c>
      <c r="M2165">
        <v>1137.548</v>
      </c>
      <c r="N2165">
        <v>1111.5139999999999</v>
      </c>
      <c r="O2165">
        <v>1001.332</v>
      </c>
      <c r="P2165">
        <v>0</v>
      </c>
      <c r="Q2165">
        <v>0</v>
      </c>
      <c r="R2165">
        <v>1091.396</v>
      </c>
      <c r="S2165">
        <v>0</v>
      </c>
      <c r="T2165">
        <v>1105.954</v>
      </c>
      <c r="U2165">
        <v>1119.204</v>
      </c>
      <c r="V2165">
        <v>1119.7329999999999</v>
      </c>
      <c r="W2165">
        <v>1142.355</v>
      </c>
      <c r="X2165">
        <v>1170.104</v>
      </c>
      <c r="Y2165">
        <v>1175.828</v>
      </c>
    </row>
    <row r="2166" spans="1:25" x14ac:dyDescent="0.3">
      <c r="A2166">
        <v>57.983333336484307</v>
      </c>
      <c r="B2166">
        <v>996.97400000000005</v>
      </c>
      <c r="C2166">
        <v>1032.636</v>
      </c>
      <c r="D2166">
        <v>1040.943</v>
      </c>
      <c r="E2166">
        <v>1070.193</v>
      </c>
      <c r="F2166">
        <v>1086.6020000000001</v>
      </c>
      <c r="G2166">
        <v>1105.7650000000001</v>
      </c>
      <c r="H2166">
        <v>1114.8579999999999</v>
      </c>
      <c r="I2166">
        <v>1126.723</v>
      </c>
      <c r="J2166">
        <v>1140.4090000000001</v>
      </c>
      <c r="K2166">
        <v>1136.2139999999999</v>
      </c>
      <c r="L2166">
        <v>1154.9480000000001</v>
      </c>
      <c r="M2166">
        <v>1141.21</v>
      </c>
      <c r="N2166">
        <v>1110.3420000000001</v>
      </c>
      <c r="O2166">
        <v>999.14099999999996</v>
      </c>
      <c r="P2166">
        <v>0</v>
      </c>
      <c r="Q2166">
        <v>0</v>
      </c>
      <c r="R2166">
        <v>1089.4849999999999</v>
      </c>
      <c r="S2166">
        <v>0</v>
      </c>
      <c r="T2166">
        <v>1107.8530000000001</v>
      </c>
      <c r="U2166">
        <v>1118.75</v>
      </c>
      <c r="V2166">
        <v>1117.8620000000001</v>
      </c>
      <c r="W2166">
        <v>1141.076</v>
      </c>
      <c r="X2166">
        <v>1170.2570000000001</v>
      </c>
      <c r="Y2166">
        <v>1178.0440000000001</v>
      </c>
    </row>
    <row r="2167" spans="1:25" x14ac:dyDescent="0.3">
      <c r="A2167">
        <v>58.016666667132327</v>
      </c>
      <c r="B2167">
        <v>990.13</v>
      </c>
      <c r="C2167">
        <v>1028.7139999999999</v>
      </c>
      <c r="D2167">
        <v>1036.9079999999999</v>
      </c>
      <c r="E2167">
        <v>1068.7950000000001</v>
      </c>
      <c r="F2167">
        <v>1089.1300000000001</v>
      </c>
      <c r="G2167">
        <v>1103.076</v>
      </c>
      <c r="H2167">
        <v>1110.078</v>
      </c>
      <c r="I2167">
        <v>1125.261</v>
      </c>
      <c r="J2167">
        <v>1138.1579999999999</v>
      </c>
      <c r="K2167">
        <v>1134.335</v>
      </c>
      <c r="L2167">
        <v>1151.6310000000001</v>
      </c>
      <c r="M2167">
        <v>1137.0129999999999</v>
      </c>
      <c r="N2167">
        <v>1122.453</v>
      </c>
      <c r="O2167">
        <v>996.79200000000003</v>
      </c>
      <c r="P2167">
        <v>0</v>
      </c>
      <c r="Q2167">
        <v>0</v>
      </c>
      <c r="R2167">
        <v>1085.1790000000001</v>
      </c>
      <c r="S2167">
        <v>0</v>
      </c>
      <c r="T2167">
        <v>1105.258</v>
      </c>
      <c r="U2167">
        <v>1115.954</v>
      </c>
      <c r="V2167">
        <v>1116.8789999999999</v>
      </c>
      <c r="W2167">
        <v>1138.768</v>
      </c>
      <c r="X2167">
        <v>1161.1600000000001</v>
      </c>
      <c r="Y2167">
        <v>1169.3130000000001</v>
      </c>
    </row>
    <row r="2168" spans="1:25" x14ac:dyDescent="0.3">
      <c r="A2168">
        <v>58.049999997780347</v>
      </c>
      <c r="B2168">
        <v>984.67399999999998</v>
      </c>
      <c r="C2168">
        <v>1029.874</v>
      </c>
      <c r="D2168">
        <v>1038.8409999999999</v>
      </c>
      <c r="E2168">
        <v>1071.0129999999999</v>
      </c>
      <c r="F2168">
        <v>1088.961</v>
      </c>
      <c r="G2168">
        <v>1101.365</v>
      </c>
      <c r="H2168">
        <v>1107.1189999999999</v>
      </c>
      <c r="I2168">
        <v>1120.96</v>
      </c>
      <c r="J2168">
        <v>1134.0119999999999</v>
      </c>
      <c r="K2168">
        <v>1132.019</v>
      </c>
      <c r="L2168">
        <v>1148.288</v>
      </c>
      <c r="M2168">
        <v>1134.866</v>
      </c>
      <c r="N2168">
        <v>1117.711</v>
      </c>
      <c r="O2168">
        <v>999.01300000000003</v>
      </c>
      <c r="P2168">
        <v>0</v>
      </c>
      <c r="Q2168">
        <v>0</v>
      </c>
      <c r="R2168">
        <v>1085.067</v>
      </c>
      <c r="S2168">
        <v>0</v>
      </c>
      <c r="T2168">
        <v>1104.5050000000001</v>
      </c>
      <c r="U2168">
        <v>1114.537</v>
      </c>
      <c r="V2168">
        <v>1116.52</v>
      </c>
      <c r="W2168">
        <v>1139.2070000000001</v>
      </c>
      <c r="X2168">
        <v>1162.2339999999999</v>
      </c>
      <c r="Y2168">
        <v>1169.2739999999999</v>
      </c>
    </row>
    <row r="2169" spans="1:25" x14ac:dyDescent="0.3">
      <c r="A2169">
        <v>58.066666668343046</v>
      </c>
      <c r="B2169">
        <v>989.09299999999996</v>
      </c>
      <c r="C2169">
        <v>1030.722</v>
      </c>
      <c r="D2169">
        <v>1039.578</v>
      </c>
      <c r="E2169">
        <v>1071.5920000000001</v>
      </c>
      <c r="F2169">
        <v>1088.7929999999999</v>
      </c>
      <c r="G2169">
        <v>1100.7070000000001</v>
      </c>
      <c r="H2169">
        <v>1107.5150000000001</v>
      </c>
      <c r="I2169">
        <v>1124.009</v>
      </c>
      <c r="J2169">
        <v>1137.777</v>
      </c>
      <c r="K2169">
        <v>1136.8420000000001</v>
      </c>
      <c r="L2169">
        <v>1150.941</v>
      </c>
      <c r="M2169">
        <v>1138.3869999999999</v>
      </c>
      <c r="N2169">
        <v>1125.376</v>
      </c>
      <c r="O2169">
        <v>992.00599999999997</v>
      </c>
      <c r="P2169">
        <v>0</v>
      </c>
      <c r="Q2169">
        <v>0</v>
      </c>
      <c r="R2169">
        <v>1079.4770000000001</v>
      </c>
      <c r="S2169">
        <v>0</v>
      </c>
      <c r="T2169">
        <v>1104.0550000000001</v>
      </c>
      <c r="U2169">
        <v>1115.7650000000001</v>
      </c>
      <c r="V2169">
        <v>1117.673</v>
      </c>
      <c r="W2169">
        <v>1141.191</v>
      </c>
      <c r="X2169">
        <v>1162.5989999999999</v>
      </c>
      <c r="Y2169">
        <v>1169.2360000000001</v>
      </c>
    </row>
    <row r="2170" spans="1:25" x14ac:dyDescent="0.3">
      <c r="A2170">
        <v>58.099999998991066</v>
      </c>
      <c r="B2170">
        <v>985.00099999999998</v>
      </c>
      <c r="C2170">
        <v>1032.1579999999999</v>
      </c>
      <c r="D2170">
        <v>1042.0530000000001</v>
      </c>
      <c r="E2170">
        <v>1070.9770000000001</v>
      </c>
      <c r="F2170">
        <v>1087.3330000000001</v>
      </c>
      <c r="G2170">
        <v>1102.644</v>
      </c>
      <c r="H2170">
        <v>1111.4949999999999</v>
      </c>
      <c r="I2170">
        <v>1127.8810000000001</v>
      </c>
      <c r="J2170">
        <v>1141.9929999999999</v>
      </c>
      <c r="K2170">
        <v>1139.2650000000001</v>
      </c>
      <c r="L2170">
        <v>1153.491</v>
      </c>
      <c r="M2170">
        <v>1140.6189999999999</v>
      </c>
      <c r="N2170">
        <v>1128.8679999999999</v>
      </c>
      <c r="O2170">
        <v>993.35299999999995</v>
      </c>
      <c r="P2170">
        <v>0</v>
      </c>
      <c r="Q2170">
        <v>0</v>
      </c>
      <c r="R2170">
        <v>1084.8989999999999</v>
      </c>
      <c r="S2170">
        <v>0</v>
      </c>
      <c r="T2170">
        <v>1103.829</v>
      </c>
      <c r="U2170">
        <v>1116.9179999999999</v>
      </c>
      <c r="V2170">
        <v>1117.144</v>
      </c>
      <c r="W2170">
        <v>1143.347</v>
      </c>
      <c r="X2170">
        <v>1168.3499999999999</v>
      </c>
      <c r="Y2170">
        <v>1172.1469999999999</v>
      </c>
    </row>
    <row r="2171" spans="1:25" x14ac:dyDescent="0.3">
      <c r="A2171">
        <v>58.116666669553766</v>
      </c>
      <c r="B2171">
        <v>986.36300000000006</v>
      </c>
      <c r="C2171">
        <v>1033.2629999999999</v>
      </c>
      <c r="D2171">
        <v>1042.83</v>
      </c>
      <c r="E2171">
        <v>1076.7370000000001</v>
      </c>
      <c r="F2171">
        <v>1089.336</v>
      </c>
      <c r="G2171">
        <v>1103.415</v>
      </c>
      <c r="H2171">
        <v>1112.5719999999999</v>
      </c>
      <c r="I2171">
        <v>1125.9829999999999</v>
      </c>
      <c r="J2171">
        <v>1140.905</v>
      </c>
      <c r="K2171">
        <v>1135.2840000000001</v>
      </c>
      <c r="L2171">
        <v>1152.9159999999999</v>
      </c>
      <c r="M2171">
        <v>1138.482</v>
      </c>
      <c r="N2171">
        <v>1123.819</v>
      </c>
      <c r="O2171">
        <v>990.96799999999996</v>
      </c>
      <c r="P2171">
        <v>0</v>
      </c>
      <c r="Q2171">
        <v>0</v>
      </c>
      <c r="R2171">
        <v>1082.653</v>
      </c>
      <c r="S2171">
        <v>0</v>
      </c>
      <c r="T2171">
        <v>1101.9860000000001</v>
      </c>
      <c r="U2171">
        <v>1117.3900000000001</v>
      </c>
      <c r="V2171">
        <v>1118.788</v>
      </c>
      <c r="W2171">
        <v>1144.663</v>
      </c>
      <c r="X2171">
        <v>1166.692</v>
      </c>
      <c r="Y2171">
        <v>1168.6189999999999</v>
      </c>
    </row>
    <row r="2172" spans="1:25" x14ac:dyDescent="0.3">
      <c r="A2172">
        <v>58.150000000201786</v>
      </c>
      <c r="B2172">
        <v>991.80600000000004</v>
      </c>
      <c r="C2172">
        <v>1030.8689999999999</v>
      </c>
      <c r="D2172">
        <v>1040.6669999999999</v>
      </c>
      <c r="E2172">
        <v>1071.9459999999999</v>
      </c>
      <c r="F2172">
        <v>1085.5540000000001</v>
      </c>
      <c r="G2172">
        <v>1100.3130000000001</v>
      </c>
      <c r="H2172">
        <v>1111.817</v>
      </c>
      <c r="I2172">
        <v>1126.723</v>
      </c>
      <c r="J2172">
        <v>1141.191</v>
      </c>
      <c r="K2172">
        <v>1134.164</v>
      </c>
      <c r="L2172">
        <v>1150.2339999999999</v>
      </c>
      <c r="M2172">
        <v>1139.57</v>
      </c>
      <c r="N2172">
        <v>1128.28</v>
      </c>
      <c r="O2172">
        <v>996.95699999999999</v>
      </c>
      <c r="P2172">
        <v>0</v>
      </c>
      <c r="Q2172">
        <v>0</v>
      </c>
      <c r="R2172">
        <v>1084.6559999999999</v>
      </c>
      <c r="S2172">
        <v>0</v>
      </c>
      <c r="T2172">
        <v>1101.5909999999999</v>
      </c>
      <c r="U2172">
        <v>1115.8409999999999</v>
      </c>
      <c r="V2172">
        <v>1116.2560000000001</v>
      </c>
      <c r="W2172">
        <v>1142.489</v>
      </c>
      <c r="X2172">
        <v>1164.5730000000001</v>
      </c>
      <c r="Y2172">
        <v>1171.164</v>
      </c>
    </row>
    <row r="2173" spans="1:25" x14ac:dyDescent="0.3">
      <c r="A2173">
        <v>58.183333330849806</v>
      </c>
      <c r="B2173">
        <v>992.53399999999999</v>
      </c>
      <c r="C2173">
        <v>1032.269</v>
      </c>
      <c r="D2173">
        <v>1041.499</v>
      </c>
      <c r="E2173">
        <v>1074.258</v>
      </c>
      <c r="F2173">
        <v>1087.877</v>
      </c>
      <c r="G2173">
        <v>1108.174</v>
      </c>
      <c r="H2173">
        <v>1119.922</v>
      </c>
      <c r="I2173">
        <v>1133.0260000000001</v>
      </c>
      <c r="J2173">
        <v>1143.367</v>
      </c>
      <c r="K2173">
        <v>1138.75</v>
      </c>
      <c r="L2173">
        <v>1156.1379999999999</v>
      </c>
      <c r="M2173">
        <v>1141.097</v>
      </c>
      <c r="N2173">
        <v>1135.76</v>
      </c>
      <c r="O2173">
        <v>997.03</v>
      </c>
      <c r="P2173">
        <v>0</v>
      </c>
      <c r="Q2173">
        <v>0</v>
      </c>
      <c r="R2173">
        <v>1086.847</v>
      </c>
      <c r="S2173">
        <v>0</v>
      </c>
      <c r="T2173">
        <v>1102.4570000000001</v>
      </c>
      <c r="U2173">
        <v>1115.8219999999999</v>
      </c>
      <c r="V2173">
        <v>1114.028</v>
      </c>
      <c r="W2173">
        <v>1138.636</v>
      </c>
      <c r="X2173">
        <v>1162.1199999999999</v>
      </c>
      <c r="Y2173">
        <v>1171.704</v>
      </c>
    </row>
    <row r="2174" spans="1:25" x14ac:dyDescent="0.3">
      <c r="A2174">
        <v>58.200000001412505</v>
      </c>
      <c r="B2174">
        <v>981.15599999999995</v>
      </c>
      <c r="C2174">
        <v>1030.0029999999999</v>
      </c>
      <c r="D2174">
        <v>1040.6659999999999</v>
      </c>
      <c r="E2174">
        <v>1072.5050000000001</v>
      </c>
      <c r="F2174">
        <v>1089.317</v>
      </c>
      <c r="G2174">
        <v>1109.681</v>
      </c>
      <c r="H2174">
        <v>1118.0319999999999</v>
      </c>
      <c r="I2174">
        <v>1132.9680000000001</v>
      </c>
      <c r="J2174">
        <v>1141.21</v>
      </c>
      <c r="K2174">
        <v>1137.337</v>
      </c>
      <c r="L2174">
        <v>1156.021</v>
      </c>
      <c r="M2174">
        <v>1138.634</v>
      </c>
      <c r="N2174">
        <v>1134.847</v>
      </c>
      <c r="O2174">
        <v>992.53300000000002</v>
      </c>
      <c r="P2174">
        <v>0</v>
      </c>
      <c r="Q2174">
        <v>0</v>
      </c>
      <c r="R2174">
        <v>1082.558</v>
      </c>
      <c r="S2174">
        <v>0</v>
      </c>
      <c r="T2174">
        <v>1101.797</v>
      </c>
      <c r="U2174">
        <v>1115.6510000000001</v>
      </c>
      <c r="V2174">
        <v>1113.97</v>
      </c>
      <c r="W2174">
        <v>1141.4770000000001</v>
      </c>
      <c r="X2174">
        <v>1167.366</v>
      </c>
      <c r="Y2174">
        <v>1177.4079999999999</v>
      </c>
    </row>
    <row r="2175" spans="1:25" x14ac:dyDescent="0.3">
      <c r="A2175">
        <v>58.233333332060525</v>
      </c>
      <c r="B2175">
        <v>978.89</v>
      </c>
      <c r="C2175">
        <v>1029.673</v>
      </c>
      <c r="D2175">
        <v>1041.8689999999999</v>
      </c>
      <c r="E2175">
        <v>1073.885</v>
      </c>
      <c r="F2175">
        <v>1091.097</v>
      </c>
      <c r="G2175">
        <v>1106.857</v>
      </c>
      <c r="H2175">
        <v>1113.7070000000001</v>
      </c>
      <c r="I2175">
        <v>1126.5530000000001</v>
      </c>
      <c r="J2175">
        <v>1142.375</v>
      </c>
      <c r="K2175">
        <v>1136.671</v>
      </c>
      <c r="L2175">
        <v>1154.24</v>
      </c>
      <c r="M2175">
        <v>1139.3610000000001</v>
      </c>
      <c r="N2175">
        <v>1133.7470000000001</v>
      </c>
      <c r="O2175">
        <v>994.35400000000004</v>
      </c>
      <c r="P2175">
        <v>0</v>
      </c>
      <c r="Q2175">
        <v>0</v>
      </c>
      <c r="R2175">
        <v>1080.3530000000001</v>
      </c>
      <c r="S2175">
        <v>0</v>
      </c>
      <c r="T2175">
        <v>1101.855</v>
      </c>
      <c r="U2175">
        <v>1114.953</v>
      </c>
      <c r="V2175">
        <v>1114.5940000000001</v>
      </c>
      <c r="W2175">
        <v>1143.271</v>
      </c>
      <c r="X2175">
        <v>1166.943</v>
      </c>
      <c r="Y2175">
        <v>1171.55</v>
      </c>
    </row>
    <row r="2176" spans="1:25" x14ac:dyDescent="0.3">
      <c r="A2176">
        <v>58.266666673185924</v>
      </c>
      <c r="B2176">
        <v>985.94399999999996</v>
      </c>
      <c r="C2176">
        <v>1031.5309999999999</v>
      </c>
      <c r="D2176">
        <v>1042.903</v>
      </c>
      <c r="E2176">
        <v>1072.598</v>
      </c>
      <c r="F2176">
        <v>1089.2049999999999</v>
      </c>
      <c r="G2176">
        <v>1105.4269999999999</v>
      </c>
      <c r="H2176">
        <v>1111.6079999999999</v>
      </c>
      <c r="I2176">
        <v>1132.645</v>
      </c>
      <c r="J2176">
        <v>1140.4469999999999</v>
      </c>
      <c r="K2176">
        <v>1133.6510000000001</v>
      </c>
      <c r="L2176">
        <v>1150.979</v>
      </c>
      <c r="M2176">
        <v>1138.329</v>
      </c>
      <c r="N2176">
        <v>1140.2180000000001</v>
      </c>
      <c r="O2176">
        <v>990.65800000000002</v>
      </c>
      <c r="P2176">
        <v>0</v>
      </c>
      <c r="Q2176">
        <v>0</v>
      </c>
      <c r="R2176">
        <v>1081.248</v>
      </c>
      <c r="S2176">
        <v>0</v>
      </c>
      <c r="T2176">
        <v>1101.9860000000001</v>
      </c>
      <c r="U2176">
        <v>1115.557</v>
      </c>
      <c r="V2176">
        <v>1119.146</v>
      </c>
      <c r="W2176">
        <v>1144.3579999999999</v>
      </c>
      <c r="X2176">
        <v>1169.6600000000001</v>
      </c>
      <c r="Y2176">
        <v>1171.78</v>
      </c>
    </row>
    <row r="2177" spans="1:25" x14ac:dyDescent="0.3">
      <c r="A2177">
        <v>58.283333333271244</v>
      </c>
      <c r="B2177">
        <v>980.93799999999999</v>
      </c>
      <c r="C2177">
        <v>1031.145</v>
      </c>
      <c r="D2177">
        <v>1044.6780000000001</v>
      </c>
      <c r="E2177">
        <v>1070.9010000000001</v>
      </c>
      <c r="F2177">
        <v>1091.039</v>
      </c>
      <c r="G2177">
        <v>1104.806</v>
      </c>
      <c r="H2177">
        <v>1111.0409999999999</v>
      </c>
      <c r="I2177">
        <v>1129.3230000000001</v>
      </c>
      <c r="J2177">
        <v>1142.6980000000001</v>
      </c>
      <c r="K2177">
        <v>1135.9480000000001</v>
      </c>
      <c r="L2177">
        <v>1151.6690000000001</v>
      </c>
      <c r="M2177">
        <v>1139.1110000000001</v>
      </c>
      <c r="N2177">
        <v>1136.442</v>
      </c>
      <c r="O2177">
        <v>991.22199999999998</v>
      </c>
      <c r="P2177">
        <v>0</v>
      </c>
      <c r="Q2177">
        <v>0</v>
      </c>
      <c r="R2177">
        <v>1085.797</v>
      </c>
      <c r="S2177">
        <v>0</v>
      </c>
      <c r="T2177">
        <v>1100.538</v>
      </c>
      <c r="U2177">
        <v>1115.576</v>
      </c>
      <c r="V2177">
        <v>1118.8440000000001</v>
      </c>
      <c r="W2177">
        <v>1146.0940000000001</v>
      </c>
      <c r="X2177">
        <v>1166.46</v>
      </c>
      <c r="Y2177">
        <v>1174.0350000000001</v>
      </c>
    </row>
    <row r="2178" spans="1:25" x14ac:dyDescent="0.3">
      <c r="A2178">
        <v>58.316666663919264</v>
      </c>
      <c r="B2178">
        <v>986.21699999999998</v>
      </c>
      <c r="C2178">
        <v>1030.077</v>
      </c>
      <c r="D2178">
        <v>1041.7750000000001</v>
      </c>
      <c r="E2178">
        <v>1070.174</v>
      </c>
      <c r="F2178">
        <v>1087.2570000000001</v>
      </c>
      <c r="G2178">
        <v>1103.001</v>
      </c>
      <c r="H2178">
        <v>1113.0060000000001</v>
      </c>
      <c r="I2178">
        <v>1129.076</v>
      </c>
      <c r="J2178">
        <v>1139.55</v>
      </c>
      <c r="K2178">
        <v>1134.771</v>
      </c>
      <c r="L2178">
        <v>1151.0940000000001</v>
      </c>
      <c r="M2178">
        <v>1138.0999999999999</v>
      </c>
      <c r="N2178">
        <v>1136.271</v>
      </c>
      <c r="O2178">
        <v>990.69500000000005</v>
      </c>
      <c r="P2178">
        <v>0</v>
      </c>
      <c r="Q2178">
        <v>0</v>
      </c>
      <c r="R2178">
        <v>1085.03</v>
      </c>
      <c r="S2178">
        <v>0</v>
      </c>
      <c r="T2178">
        <v>1100.3869999999999</v>
      </c>
      <c r="U2178">
        <v>1112.1369999999999</v>
      </c>
      <c r="V2178">
        <v>1111.854</v>
      </c>
      <c r="W2178">
        <v>1137.7380000000001</v>
      </c>
      <c r="X2178">
        <v>1160.355</v>
      </c>
      <c r="Y2178">
        <v>1169.2360000000001</v>
      </c>
    </row>
    <row r="2179" spans="1:25" x14ac:dyDescent="0.3">
      <c r="A2179">
        <v>58.333333334481964</v>
      </c>
      <c r="B2179">
        <v>987.81899999999996</v>
      </c>
      <c r="C2179">
        <v>1031.606</v>
      </c>
      <c r="D2179">
        <v>1042.0350000000001</v>
      </c>
      <c r="E2179">
        <v>1068.46</v>
      </c>
      <c r="F2179">
        <v>1086.079</v>
      </c>
      <c r="G2179">
        <v>1103.434</v>
      </c>
      <c r="H2179">
        <v>1114.8209999999999</v>
      </c>
      <c r="I2179">
        <v>1130.7670000000001</v>
      </c>
      <c r="J2179">
        <v>1141.077</v>
      </c>
      <c r="K2179">
        <v>1133.7660000000001</v>
      </c>
      <c r="L2179">
        <v>1152.3789999999999</v>
      </c>
      <c r="M2179">
        <v>1139.703</v>
      </c>
      <c r="N2179">
        <v>1138.826</v>
      </c>
      <c r="O2179">
        <v>992.60599999999999</v>
      </c>
      <c r="P2179">
        <v>0</v>
      </c>
      <c r="Q2179">
        <v>0</v>
      </c>
      <c r="R2179">
        <v>1085.2739999999999</v>
      </c>
      <c r="S2179">
        <v>0</v>
      </c>
      <c r="T2179">
        <v>1103.923</v>
      </c>
      <c r="U2179">
        <v>1112.327</v>
      </c>
      <c r="V2179">
        <v>1110.5509999999999</v>
      </c>
      <c r="W2179">
        <v>1135.038</v>
      </c>
      <c r="X2179">
        <v>1157.7090000000001</v>
      </c>
      <c r="Y2179">
        <v>1172.8399999999999</v>
      </c>
    </row>
    <row r="2180" spans="1:25" x14ac:dyDescent="0.3">
      <c r="A2180">
        <v>58.366666665129983</v>
      </c>
      <c r="B2180">
        <v>987.31</v>
      </c>
      <c r="C2180">
        <v>1029.692</v>
      </c>
      <c r="D2180">
        <v>1038.9159999999999</v>
      </c>
      <c r="E2180">
        <v>1069.635</v>
      </c>
      <c r="F2180">
        <v>1087.652</v>
      </c>
      <c r="G2180">
        <v>1104.413</v>
      </c>
      <c r="H2180">
        <v>1117.5609999999999</v>
      </c>
      <c r="I2180">
        <v>1131.0139999999999</v>
      </c>
      <c r="J2180">
        <v>1141.116</v>
      </c>
      <c r="K2180">
        <v>1134.5640000000001</v>
      </c>
      <c r="L2180">
        <v>1151.8810000000001</v>
      </c>
      <c r="M2180">
        <v>1142.0119999999999</v>
      </c>
      <c r="N2180">
        <v>1143.1379999999999</v>
      </c>
      <c r="O2180">
        <v>995.26499999999999</v>
      </c>
      <c r="P2180">
        <v>0</v>
      </c>
      <c r="Q2180">
        <v>0</v>
      </c>
      <c r="R2180">
        <v>1082.4849999999999</v>
      </c>
      <c r="S2180">
        <v>0</v>
      </c>
      <c r="T2180">
        <v>1102.72</v>
      </c>
      <c r="U2180">
        <v>1114.4059999999999</v>
      </c>
      <c r="V2180">
        <v>1116.3699999999999</v>
      </c>
      <c r="W2180">
        <v>1141.44</v>
      </c>
      <c r="X2180">
        <v>1161.5640000000001</v>
      </c>
      <c r="Y2180">
        <v>1167.8879999999999</v>
      </c>
    </row>
    <row r="2181" spans="1:25" x14ac:dyDescent="0.3">
      <c r="A2181">
        <v>58.400000006255382</v>
      </c>
      <c r="B2181">
        <v>986.25400000000002</v>
      </c>
      <c r="C2181">
        <v>1026.579</v>
      </c>
      <c r="D2181">
        <v>1037.7</v>
      </c>
      <c r="E2181">
        <v>1071.0139999999999</v>
      </c>
      <c r="F2181">
        <v>1091.021</v>
      </c>
      <c r="G2181">
        <v>1100.7829999999999</v>
      </c>
      <c r="H2181">
        <v>1113.271</v>
      </c>
      <c r="I2181">
        <v>1126.761</v>
      </c>
      <c r="J2181">
        <v>1141.4780000000001</v>
      </c>
      <c r="K2181">
        <v>1134.924</v>
      </c>
      <c r="L2181">
        <v>1154.4690000000001</v>
      </c>
      <c r="M2181">
        <v>1141.3440000000001</v>
      </c>
      <c r="N2181">
        <v>1138.654</v>
      </c>
      <c r="O2181">
        <v>994.55399999999997</v>
      </c>
      <c r="P2181">
        <v>0</v>
      </c>
      <c r="Q2181">
        <v>0</v>
      </c>
      <c r="R2181">
        <v>1079.5139999999999</v>
      </c>
      <c r="S2181">
        <v>0</v>
      </c>
      <c r="T2181">
        <v>1101.779</v>
      </c>
      <c r="U2181">
        <v>1114.48</v>
      </c>
      <c r="V2181">
        <v>1117.617</v>
      </c>
      <c r="W2181">
        <v>1141.8779999999999</v>
      </c>
      <c r="X2181">
        <v>1161.1610000000001</v>
      </c>
      <c r="Y2181">
        <v>1168.2919999999999</v>
      </c>
    </row>
    <row r="2182" spans="1:25" x14ac:dyDescent="0.3">
      <c r="A2182">
        <v>58.416666666340703</v>
      </c>
      <c r="B2182">
        <v>981.24699999999996</v>
      </c>
      <c r="C2182">
        <v>1023.571</v>
      </c>
      <c r="D2182">
        <v>1032.5989999999999</v>
      </c>
      <c r="E2182">
        <v>1069.019</v>
      </c>
      <c r="F2182">
        <v>1085.8530000000001</v>
      </c>
      <c r="G2182">
        <v>1098.5440000000001</v>
      </c>
      <c r="H2182">
        <v>1110.588</v>
      </c>
      <c r="I2182">
        <v>1127.2159999999999</v>
      </c>
      <c r="J2182">
        <v>1139.3209999999999</v>
      </c>
      <c r="K2182">
        <v>1132.645</v>
      </c>
      <c r="L2182">
        <v>1148.9169999999999</v>
      </c>
      <c r="M2182">
        <v>1137.204</v>
      </c>
      <c r="N2182">
        <v>1134.6569999999999</v>
      </c>
      <c r="O2182">
        <v>991.78700000000003</v>
      </c>
      <c r="P2182">
        <v>0</v>
      </c>
      <c r="Q2182">
        <v>0</v>
      </c>
      <c r="R2182">
        <v>1078.991</v>
      </c>
      <c r="S2182">
        <v>0</v>
      </c>
      <c r="T2182">
        <v>1099.3530000000001</v>
      </c>
      <c r="U2182">
        <v>1113.422</v>
      </c>
      <c r="V2182">
        <v>1115.1030000000001</v>
      </c>
      <c r="W2182">
        <v>1137.528</v>
      </c>
      <c r="X2182">
        <v>1158.9739999999999</v>
      </c>
      <c r="Y2182">
        <v>1166.923</v>
      </c>
    </row>
    <row r="2183" spans="1:25" x14ac:dyDescent="0.3">
      <c r="A2183">
        <v>58.449999996988723</v>
      </c>
      <c r="B2183">
        <v>965.13300000000004</v>
      </c>
      <c r="C2183">
        <v>1021.425</v>
      </c>
      <c r="D2183">
        <v>1029.654</v>
      </c>
      <c r="E2183">
        <v>1063.9639999999999</v>
      </c>
      <c r="F2183">
        <v>1084.5999999999999</v>
      </c>
      <c r="G2183">
        <v>1096.5519999999999</v>
      </c>
      <c r="H2183">
        <v>1108.53</v>
      </c>
      <c r="I2183">
        <v>1127.046</v>
      </c>
      <c r="J2183">
        <v>1141.134</v>
      </c>
      <c r="K2183">
        <v>1132.741</v>
      </c>
      <c r="L2183">
        <v>1147.201</v>
      </c>
      <c r="M2183">
        <v>1139.5889999999999</v>
      </c>
      <c r="N2183">
        <v>1125.319</v>
      </c>
      <c r="O2183">
        <v>989.18399999999997</v>
      </c>
      <c r="P2183">
        <v>0</v>
      </c>
      <c r="Q2183">
        <v>0</v>
      </c>
      <c r="R2183">
        <v>1081.192</v>
      </c>
      <c r="S2183">
        <v>0</v>
      </c>
      <c r="T2183">
        <v>1101.93</v>
      </c>
      <c r="U2183">
        <v>1115.52</v>
      </c>
      <c r="V2183">
        <v>1115.085</v>
      </c>
      <c r="W2183">
        <v>1135.74</v>
      </c>
      <c r="X2183">
        <v>1157.153</v>
      </c>
      <c r="Y2183">
        <v>1170.624</v>
      </c>
    </row>
    <row r="2184" spans="1:25" x14ac:dyDescent="0.3">
      <c r="A2184">
        <v>58.466666667551422</v>
      </c>
      <c r="B2184">
        <v>965.27700000000004</v>
      </c>
      <c r="C2184">
        <v>1018.38</v>
      </c>
      <c r="D2184">
        <v>1029.9110000000001</v>
      </c>
      <c r="E2184">
        <v>1067.248</v>
      </c>
      <c r="F2184">
        <v>1085.2729999999999</v>
      </c>
      <c r="G2184">
        <v>1097.529</v>
      </c>
      <c r="H2184">
        <v>1106.6869999999999</v>
      </c>
      <c r="I2184">
        <v>1128.241</v>
      </c>
      <c r="J2184">
        <v>1137.528</v>
      </c>
      <c r="K2184">
        <v>1132.152</v>
      </c>
      <c r="L2184">
        <v>1146.6279999999999</v>
      </c>
      <c r="M2184">
        <v>1137.8330000000001</v>
      </c>
      <c r="N2184">
        <v>1129.741</v>
      </c>
      <c r="O2184">
        <v>988.71100000000001</v>
      </c>
      <c r="P2184">
        <v>0</v>
      </c>
      <c r="Q2184">
        <v>0</v>
      </c>
      <c r="R2184">
        <v>1078.8050000000001</v>
      </c>
      <c r="S2184">
        <v>0</v>
      </c>
      <c r="T2184">
        <v>1101.76</v>
      </c>
      <c r="U2184">
        <v>1116.2370000000001</v>
      </c>
      <c r="V2184">
        <v>1119.4860000000001</v>
      </c>
      <c r="W2184">
        <v>1141.5909999999999</v>
      </c>
      <c r="X2184">
        <v>1162.943</v>
      </c>
      <c r="Y2184">
        <v>1171.221</v>
      </c>
    </row>
    <row r="2185" spans="1:25" x14ac:dyDescent="0.3">
      <c r="A2185">
        <v>58.499999998199442</v>
      </c>
      <c r="B2185">
        <v>958.68399999999997</v>
      </c>
      <c r="C2185">
        <v>1018.895</v>
      </c>
      <c r="D2185">
        <v>1035.1959999999999</v>
      </c>
      <c r="E2185">
        <v>1064.279</v>
      </c>
      <c r="F2185">
        <v>1082.634</v>
      </c>
      <c r="G2185">
        <v>1099.4290000000001</v>
      </c>
      <c r="H2185">
        <v>1109.625</v>
      </c>
      <c r="I2185">
        <v>1130.9939999999999</v>
      </c>
      <c r="J2185">
        <v>1139.99</v>
      </c>
      <c r="K2185">
        <v>1133.443</v>
      </c>
      <c r="L2185">
        <v>1147.7539999999999</v>
      </c>
      <c r="M2185">
        <v>1135.721</v>
      </c>
      <c r="N2185">
        <v>1128.527</v>
      </c>
      <c r="O2185">
        <v>993.97199999999998</v>
      </c>
      <c r="P2185">
        <v>0</v>
      </c>
      <c r="Q2185">
        <v>0</v>
      </c>
      <c r="R2185">
        <v>1083.42</v>
      </c>
      <c r="S2185">
        <v>0</v>
      </c>
      <c r="T2185">
        <v>1099.617</v>
      </c>
      <c r="U2185">
        <v>1114.2919999999999</v>
      </c>
      <c r="V2185">
        <v>1116.4259999999999</v>
      </c>
      <c r="W2185">
        <v>1139.646</v>
      </c>
      <c r="X2185">
        <v>1165.2270000000001</v>
      </c>
      <c r="Y2185">
        <v>1171.511</v>
      </c>
    </row>
    <row r="2186" spans="1:25" x14ac:dyDescent="0.3">
      <c r="A2186">
        <v>58.533333339324841</v>
      </c>
      <c r="B2186">
        <v>950.23699999999997</v>
      </c>
      <c r="C2186">
        <v>1017.2430000000001</v>
      </c>
      <c r="D2186">
        <v>1034.55</v>
      </c>
      <c r="E2186">
        <v>1066.5419999999999</v>
      </c>
      <c r="F2186">
        <v>1086.7139999999999</v>
      </c>
      <c r="G2186">
        <v>1108.963</v>
      </c>
      <c r="H2186">
        <v>1120.1279999999999</v>
      </c>
      <c r="I2186">
        <v>1136.1559999999999</v>
      </c>
      <c r="J2186">
        <v>1141.2660000000001</v>
      </c>
      <c r="K2186">
        <v>1135.2829999999999</v>
      </c>
      <c r="L2186">
        <v>1151.8409999999999</v>
      </c>
      <c r="M2186">
        <v>1139.4349999999999</v>
      </c>
      <c r="N2186">
        <v>1127.0830000000001</v>
      </c>
      <c r="O2186">
        <v>992.44100000000003</v>
      </c>
      <c r="P2186">
        <v>0</v>
      </c>
      <c r="Q2186">
        <v>0</v>
      </c>
      <c r="R2186">
        <v>1086.04</v>
      </c>
      <c r="S2186">
        <v>0</v>
      </c>
      <c r="T2186">
        <v>1097.3209999999999</v>
      </c>
      <c r="U2186">
        <v>1111.4000000000001</v>
      </c>
      <c r="V2186">
        <v>1112.873</v>
      </c>
      <c r="W2186">
        <v>1136.08</v>
      </c>
      <c r="X2186">
        <v>1162.789</v>
      </c>
      <c r="Y2186">
        <v>1170.989</v>
      </c>
    </row>
    <row r="2187" spans="1:25" x14ac:dyDescent="0.3">
      <c r="A2187">
        <v>58.549999999410161</v>
      </c>
      <c r="B2187">
        <v>961.28399999999999</v>
      </c>
      <c r="C2187">
        <v>1021.554</v>
      </c>
      <c r="D2187">
        <v>1033.6679999999999</v>
      </c>
      <c r="E2187">
        <v>1067.0260000000001</v>
      </c>
      <c r="F2187">
        <v>1087.9880000000001</v>
      </c>
      <c r="G2187">
        <v>1103.7909999999999</v>
      </c>
      <c r="H2187">
        <v>1118.316</v>
      </c>
      <c r="I2187">
        <v>1134.6010000000001</v>
      </c>
      <c r="J2187">
        <v>1141.6869999999999</v>
      </c>
      <c r="K2187">
        <v>1137.7190000000001</v>
      </c>
      <c r="L2187">
        <v>1156.616</v>
      </c>
      <c r="M2187">
        <v>1141.077</v>
      </c>
      <c r="N2187">
        <v>1123.5530000000001</v>
      </c>
      <c r="O2187">
        <v>990.98599999999999</v>
      </c>
      <c r="P2187">
        <v>0</v>
      </c>
      <c r="Q2187">
        <v>0</v>
      </c>
      <c r="R2187">
        <v>1085.386</v>
      </c>
      <c r="S2187">
        <v>0</v>
      </c>
      <c r="T2187">
        <v>1098.037</v>
      </c>
      <c r="U2187">
        <v>1113.5550000000001</v>
      </c>
      <c r="V2187">
        <v>1114.027</v>
      </c>
      <c r="W2187">
        <v>1136.6890000000001</v>
      </c>
      <c r="X2187">
        <v>1160.451</v>
      </c>
      <c r="Y2187">
        <v>1173.9390000000001</v>
      </c>
    </row>
    <row r="2188" spans="1:25" x14ac:dyDescent="0.3">
      <c r="A2188">
        <v>58.583333330058181</v>
      </c>
      <c r="B2188">
        <v>962.33199999999999</v>
      </c>
      <c r="C2188">
        <v>1019.133</v>
      </c>
      <c r="D2188">
        <v>1032.508</v>
      </c>
      <c r="E2188">
        <v>1065.9680000000001</v>
      </c>
      <c r="F2188">
        <v>1086.2280000000001</v>
      </c>
      <c r="G2188">
        <v>1100.8579999999999</v>
      </c>
      <c r="H2188">
        <v>1114.386</v>
      </c>
      <c r="I2188">
        <v>1128.1849999999999</v>
      </c>
      <c r="J2188">
        <v>1142.126</v>
      </c>
      <c r="K2188">
        <v>1138.711</v>
      </c>
      <c r="L2188">
        <v>1157.748</v>
      </c>
      <c r="M2188">
        <v>1142.431</v>
      </c>
      <c r="N2188">
        <v>1118.769</v>
      </c>
      <c r="O2188">
        <v>992.78800000000001</v>
      </c>
      <c r="P2188">
        <v>0</v>
      </c>
      <c r="Q2188">
        <v>0</v>
      </c>
      <c r="R2188">
        <v>1086.7339999999999</v>
      </c>
      <c r="S2188">
        <v>0</v>
      </c>
      <c r="T2188">
        <v>1099.278</v>
      </c>
      <c r="U2188">
        <v>1115.52</v>
      </c>
      <c r="V2188">
        <v>1114.1400000000001</v>
      </c>
      <c r="W2188">
        <v>1136.499</v>
      </c>
      <c r="X2188">
        <v>1157.9780000000001</v>
      </c>
      <c r="Y2188">
        <v>1178.6030000000001</v>
      </c>
    </row>
    <row r="2189" spans="1:25" x14ac:dyDescent="0.3">
      <c r="A2189">
        <v>58.600000000620881</v>
      </c>
      <c r="B2189">
        <v>977.04</v>
      </c>
      <c r="C2189">
        <v>1023.3150000000001</v>
      </c>
      <c r="D2189">
        <v>1031.9190000000001</v>
      </c>
      <c r="E2189">
        <v>1062.925</v>
      </c>
      <c r="F2189">
        <v>1083.1590000000001</v>
      </c>
      <c r="G2189">
        <v>1098.828</v>
      </c>
      <c r="H2189">
        <v>1112.5730000000001</v>
      </c>
      <c r="I2189">
        <v>1129.4190000000001</v>
      </c>
      <c r="J2189">
        <v>1141.039</v>
      </c>
      <c r="K2189">
        <v>1136.405</v>
      </c>
      <c r="L2189">
        <v>1151.9770000000001</v>
      </c>
      <c r="M2189">
        <v>1137.682</v>
      </c>
      <c r="N2189">
        <v>1121.566</v>
      </c>
      <c r="O2189">
        <v>998.30399999999997</v>
      </c>
      <c r="P2189">
        <v>0</v>
      </c>
      <c r="Q2189">
        <v>0</v>
      </c>
      <c r="R2189">
        <v>1082.241</v>
      </c>
      <c r="S2189">
        <v>0</v>
      </c>
      <c r="T2189">
        <v>1100.8209999999999</v>
      </c>
      <c r="U2189">
        <v>1116.692</v>
      </c>
      <c r="V2189">
        <v>1115.8599999999999</v>
      </c>
      <c r="W2189">
        <v>1138.693</v>
      </c>
      <c r="X2189">
        <v>1162.4069999999999</v>
      </c>
      <c r="Y2189">
        <v>1175.154</v>
      </c>
    </row>
    <row r="2190" spans="1:25" x14ac:dyDescent="0.3">
      <c r="A2190">
        <v>58.633333331268901</v>
      </c>
      <c r="B2190">
        <v>981.64599999999996</v>
      </c>
      <c r="C2190">
        <v>1025.57</v>
      </c>
      <c r="D2190">
        <v>1033.6310000000001</v>
      </c>
      <c r="E2190">
        <v>1064.075</v>
      </c>
      <c r="F2190">
        <v>1087.239</v>
      </c>
      <c r="G2190">
        <v>1103.6030000000001</v>
      </c>
      <c r="H2190">
        <v>1113.5170000000001</v>
      </c>
      <c r="I2190">
        <v>1123.42</v>
      </c>
      <c r="J2190">
        <v>1134.24</v>
      </c>
      <c r="K2190">
        <v>1132.3420000000001</v>
      </c>
      <c r="L2190">
        <v>1146.896</v>
      </c>
      <c r="M2190">
        <v>1137.8340000000001</v>
      </c>
      <c r="N2190">
        <v>1129.3810000000001</v>
      </c>
      <c r="O2190">
        <v>993.88099999999997</v>
      </c>
      <c r="P2190">
        <v>0</v>
      </c>
      <c r="Q2190">
        <v>0</v>
      </c>
      <c r="R2190">
        <v>1082.0719999999999</v>
      </c>
      <c r="S2190">
        <v>0</v>
      </c>
      <c r="T2190">
        <v>1100.2750000000001</v>
      </c>
      <c r="U2190">
        <v>1116.521</v>
      </c>
      <c r="V2190">
        <v>1114.7829999999999</v>
      </c>
      <c r="W2190">
        <v>1136.8230000000001</v>
      </c>
      <c r="X2190">
        <v>1157.9590000000001</v>
      </c>
      <c r="Y2190">
        <v>1171.703</v>
      </c>
    </row>
    <row r="2191" spans="1:25" x14ac:dyDescent="0.3">
      <c r="A2191">
        <v>58.6666666723943</v>
      </c>
      <c r="B2191">
        <v>991.91499999999996</v>
      </c>
      <c r="C2191">
        <v>1026.3409999999999</v>
      </c>
      <c r="D2191">
        <v>1035.7670000000001</v>
      </c>
      <c r="E2191">
        <v>1064.4100000000001</v>
      </c>
      <c r="F2191">
        <v>1084.357</v>
      </c>
      <c r="G2191">
        <v>1106.6880000000001</v>
      </c>
      <c r="H2191">
        <v>1117.5609999999999</v>
      </c>
      <c r="I2191">
        <v>1128.8309999999999</v>
      </c>
      <c r="J2191">
        <v>1139.1890000000001</v>
      </c>
      <c r="K2191">
        <v>1134.7339999999999</v>
      </c>
      <c r="L2191">
        <v>1147.335</v>
      </c>
      <c r="M2191">
        <v>1140.6389999999999</v>
      </c>
      <c r="N2191">
        <v>1134.5450000000001</v>
      </c>
      <c r="O2191">
        <v>989.93100000000004</v>
      </c>
      <c r="P2191">
        <v>0</v>
      </c>
      <c r="Q2191">
        <v>0</v>
      </c>
      <c r="R2191">
        <v>1087.24</v>
      </c>
      <c r="S2191">
        <v>0</v>
      </c>
      <c r="T2191">
        <v>1103.3779999999999</v>
      </c>
      <c r="U2191">
        <v>1117.145</v>
      </c>
      <c r="V2191">
        <v>1117.75</v>
      </c>
      <c r="W2191">
        <v>1134.7529999999999</v>
      </c>
      <c r="X2191">
        <v>1157.211</v>
      </c>
      <c r="Y2191">
        <v>1173.8240000000001</v>
      </c>
    </row>
    <row r="2192" spans="1:25" x14ac:dyDescent="0.3">
      <c r="A2192">
        <v>58.68333333247962</v>
      </c>
      <c r="B2192">
        <v>996.43</v>
      </c>
      <c r="C2192">
        <v>1028.329</v>
      </c>
      <c r="D2192">
        <v>1037.7370000000001</v>
      </c>
      <c r="E2192">
        <v>1065.2080000000001</v>
      </c>
      <c r="F2192">
        <v>1085.33</v>
      </c>
      <c r="G2192">
        <v>1108.117</v>
      </c>
      <c r="H2192">
        <v>1117.0509999999999</v>
      </c>
      <c r="I2192">
        <v>1127.085</v>
      </c>
      <c r="J2192">
        <v>1136.1199999999999</v>
      </c>
      <c r="K2192">
        <v>1133.3109999999999</v>
      </c>
      <c r="L2192">
        <v>1145.847</v>
      </c>
      <c r="M2192">
        <v>1134.7719999999999</v>
      </c>
      <c r="N2192">
        <v>1145.771</v>
      </c>
      <c r="O2192">
        <v>995.22799999999995</v>
      </c>
      <c r="P2192">
        <v>0</v>
      </c>
      <c r="Q2192">
        <v>0</v>
      </c>
      <c r="R2192">
        <v>1088.3630000000001</v>
      </c>
      <c r="S2192">
        <v>0</v>
      </c>
      <c r="T2192">
        <v>1104.9770000000001</v>
      </c>
      <c r="U2192">
        <v>1117.277</v>
      </c>
      <c r="V2192">
        <v>1115.8789999999999</v>
      </c>
      <c r="W2192">
        <v>1135.019</v>
      </c>
      <c r="X2192">
        <v>1159.0139999999999</v>
      </c>
      <c r="Y2192">
        <v>1173.8820000000001</v>
      </c>
    </row>
    <row r="2193" spans="1:25" x14ac:dyDescent="0.3">
      <c r="A2193">
        <v>58.71666666312764</v>
      </c>
      <c r="B2193">
        <v>996.322</v>
      </c>
      <c r="C2193">
        <v>1028.7909999999999</v>
      </c>
      <c r="D2193">
        <v>1036.192</v>
      </c>
      <c r="E2193">
        <v>1064.114</v>
      </c>
      <c r="F2193">
        <v>1082.8979999999999</v>
      </c>
      <c r="G2193">
        <v>1106.69</v>
      </c>
      <c r="H2193">
        <v>1111.857</v>
      </c>
      <c r="I2193">
        <v>1125.53</v>
      </c>
      <c r="J2193">
        <v>1135.6279999999999</v>
      </c>
      <c r="K2193">
        <v>1132.249</v>
      </c>
      <c r="L2193">
        <v>1143.4259999999999</v>
      </c>
      <c r="M2193">
        <v>1133.92</v>
      </c>
      <c r="N2193">
        <v>1152.0360000000001</v>
      </c>
      <c r="O2193">
        <v>999.45299999999997</v>
      </c>
      <c r="P2193">
        <v>0</v>
      </c>
      <c r="Q2193">
        <v>0</v>
      </c>
      <c r="R2193">
        <v>1085.875</v>
      </c>
      <c r="S2193">
        <v>0</v>
      </c>
      <c r="T2193">
        <v>1102.0640000000001</v>
      </c>
      <c r="U2193">
        <v>1115.4839999999999</v>
      </c>
      <c r="V2193">
        <v>1115.22</v>
      </c>
      <c r="W2193">
        <v>1136.521</v>
      </c>
      <c r="X2193">
        <v>1156.3889999999999</v>
      </c>
      <c r="Y2193">
        <v>1171.3389999999999</v>
      </c>
    </row>
    <row r="2194" spans="1:25" x14ac:dyDescent="0.3">
      <c r="A2194">
        <v>58.733333333690339</v>
      </c>
      <c r="B2194">
        <v>984.11300000000006</v>
      </c>
      <c r="C2194">
        <v>1027.7760000000001</v>
      </c>
      <c r="D2194">
        <v>1033.925</v>
      </c>
      <c r="E2194">
        <v>1065.077</v>
      </c>
      <c r="F2194">
        <v>1082.54</v>
      </c>
      <c r="G2194">
        <v>1103.19</v>
      </c>
      <c r="H2194">
        <v>1111.306</v>
      </c>
      <c r="I2194">
        <v>1123.117</v>
      </c>
      <c r="J2194">
        <v>1135.4549999999999</v>
      </c>
      <c r="K2194">
        <v>1133.0820000000001</v>
      </c>
      <c r="L2194">
        <v>1148.288</v>
      </c>
      <c r="M2194">
        <v>1141.153</v>
      </c>
      <c r="N2194">
        <v>1154.3920000000001</v>
      </c>
      <c r="O2194">
        <v>996.64700000000005</v>
      </c>
      <c r="P2194">
        <v>0</v>
      </c>
      <c r="Q2194">
        <v>0</v>
      </c>
      <c r="R2194">
        <v>1083.345</v>
      </c>
      <c r="S2194">
        <v>0</v>
      </c>
      <c r="T2194">
        <v>1102.3430000000001</v>
      </c>
      <c r="U2194">
        <v>1115.3119999999999</v>
      </c>
      <c r="V2194">
        <v>1117.125</v>
      </c>
      <c r="W2194">
        <v>1142.6990000000001</v>
      </c>
      <c r="X2194">
        <v>1166.441</v>
      </c>
      <c r="Y2194">
        <v>1171.857</v>
      </c>
    </row>
    <row r="2195" spans="1:25" x14ac:dyDescent="0.3">
      <c r="A2195">
        <v>58.766666664338359</v>
      </c>
      <c r="B2195">
        <v>968.18799999999999</v>
      </c>
      <c r="C2195">
        <v>1025.5519999999999</v>
      </c>
      <c r="D2195">
        <v>1035.896</v>
      </c>
      <c r="E2195">
        <v>1066.154</v>
      </c>
      <c r="F2195">
        <v>1084.076</v>
      </c>
      <c r="G2195">
        <v>1100.595</v>
      </c>
      <c r="H2195">
        <v>1108.3620000000001</v>
      </c>
      <c r="I2195">
        <v>1128.8119999999999</v>
      </c>
      <c r="J2195">
        <v>1141.9169999999999</v>
      </c>
      <c r="K2195">
        <v>1139.1890000000001</v>
      </c>
      <c r="L2195">
        <v>1151.9770000000001</v>
      </c>
      <c r="M2195">
        <v>1140.7339999999999</v>
      </c>
      <c r="N2195">
        <v>1156.751</v>
      </c>
      <c r="O2195">
        <v>990.51400000000001</v>
      </c>
      <c r="P2195">
        <v>0</v>
      </c>
      <c r="Q2195">
        <v>0</v>
      </c>
      <c r="R2195">
        <v>1081.0060000000001</v>
      </c>
      <c r="S2195">
        <v>0</v>
      </c>
      <c r="T2195">
        <v>1100.4639999999999</v>
      </c>
      <c r="U2195">
        <v>1112.5540000000001</v>
      </c>
      <c r="V2195">
        <v>1113.6500000000001</v>
      </c>
      <c r="W2195">
        <v>1140.5630000000001</v>
      </c>
      <c r="X2195">
        <v>1163.615</v>
      </c>
      <c r="Y2195">
        <v>1166.018</v>
      </c>
    </row>
    <row r="2196" spans="1:25" x14ac:dyDescent="0.3">
      <c r="A2196">
        <v>58.800000005463758</v>
      </c>
      <c r="B2196">
        <v>972.18100000000004</v>
      </c>
      <c r="C2196">
        <v>1024.1210000000001</v>
      </c>
      <c r="D2196">
        <v>1033.3920000000001</v>
      </c>
      <c r="E2196">
        <v>1064.2049999999999</v>
      </c>
      <c r="F2196">
        <v>1081.941</v>
      </c>
      <c r="G2196">
        <v>1099.5229999999999</v>
      </c>
      <c r="H2196">
        <v>1115.482</v>
      </c>
      <c r="I2196">
        <v>1133.9179999999999</v>
      </c>
      <c r="J2196">
        <v>1144.2819999999999</v>
      </c>
      <c r="K2196">
        <v>1138.9780000000001</v>
      </c>
      <c r="L2196">
        <v>1150.3679999999999</v>
      </c>
      <c r="M2196">
        <v>1141.325</v>
      </c>
      <c r="N2196">
        <v>1157.9010000000001</v>
      </c>
      <c r="O2196">
        <v>992.26099999999997</v>
      </c>
      <c r="P2196">
        <v>0</v>
      </c>
      <c r="Q2196">
        <v>0</v>
      </c>
      <c r="R2196">
        <v>1078.9169999999999</v>
      </c>
      <c r="S2196">
        <v>0</v>
      </c>
      <c r="T2196">
        <v>1096.9459999999999</v>
      </c>
      <c r="U2196">
        <v>1110.4369999999999</v>
      </c>
      <c r="V2196">
        <v>1111.835</v>
      </c>
      <c r="W2196">
        <v>1135.9110000000001</v>
      </c>
      <c r="X2196">
        <v>1156.789</v>
      </c>
      <c r="Y2196">
        <v>1167.617</v>
      </c>
    </row>
    <row r="2197" spans="1:25" x14ac:dyDescent="0.3">
      <c r="A2197">
        <v>58.816666665549079</v>
      </c>
      <c r="B2197">
        <v>959.33299999999997</v>
      </c>
      <c r="C2197">
        <v>1017.336</v>
      </c>
      <c r="D2197">
        <v>1031.2190000000001</v>
      </c>
      <c r="E2197">
        <v>1066.989</v>
      </c>
      <c r="F2197">
        <v>1082.4839999999999</v>
      </c>
      <c r="G2197">
        <v>1099.5419999999999</v>
      </c>
      <c r="H2197">
        <v>1116.4449999999999</v>
      </c>
      <c r="I2197">
        <v>1131.7349999999999</v>
      </c>
      <c r="J2197">
        <v>1139.4169999999999</v>
      </c>
      <c r="K2197">
        <v>1133.2339999999999</v>
      </c>
      <c r="L2197">
        <v>1144.9690000000001</v>
      </c>
      <c r="M2197">
        <v>1136.6890000000001</v>
      </c>
      <c r="N2197">
        <v>1157.096</v>
      </c>
      <c r="O2197">
        <v>993.42600000000004</v>
      </c>
      <c r="P2197">
        <v>0</v>
      </c>
      <c r="Q2197">
        <v>0</v>
      </c>
      <c r="R2197">
        <v>1079.4390000000001</v>
      </c>
      <c r="S2197">
        <v>0</v>
      </c>
      <c r="T2197">
        <v>1095.95</v>
      </c>
      <c r="U2197">
        <v>1108.624</v>
      </c>
      <c r="V2197">
        <v>1110.8340000000001</v>
      </c>
      <c r="W2197">
        <v>1132.3230000000001</v>
      </c>
      <c r="X2197">
        <v>1151.2860000000001</v>
      </c>
      <c r="Y2197">
        <v>1169.6990000000001</v>
      </c>
    </row>
    <row r="2198" spans="1:25" x14ac:dyDescent="0.3">
      <c r="A2198">
        <v>58.850000006674478</v>
      </c>
      <c r="B2198">
        <v>971.09699999999998</v>
      </c>
      <c r="C2198">
        <v>1018.436</v>
      </c>
      <c r="D2198">
        <v>1029.672</v>
      </c>
      <c r="E2198">
        <v>1061.402</v>
      </c>
      <c r="F2198">
        <v>1078.8620000000001</v>
      </c>
      <c r="G2198">
        <v>1093.212</v>
      </c>
      <c r="H2198">
        <v>1109.4929999999999</v>
      </c>
      <c r="I2198">
        <v>1126.3630000000001</v>
      </c>
      <c r="J2198">
        <v>1133.9179999999999</v>
      </c>
      <c r="K2198">
        <v>1129.6469999999999</v>
      </c>
      <c r="L2198">
        <v>1145.884</v>
      </c>
      <c r="M2198">
        <v>1139.1310000000001</v>
      </c>
      <c r="N2198">
        <v>1157.9590000000001</v>
      </c>
      <c r="O2198">
        <v>992.67899999999997</v>
      </c>
      <c r="P2198">
        <v>0</v>
      </c>
      <c r="Q2198">
        <v>0</v>
      </c>
      <c r="R2198">
        <v>1074.6859999999999</v>
      </c>
      <c r="S2198">
        <v>0</v>
      </c>
      <c r="T2198">
        <v>1093.6420000000001</v>
      </c>
      <c r="U2198">
        <v>1110.0219999999999</v>
      </c>
      <c r="V2198">
        <v>1113.1579999999999</v>
      </c>
      <c r="W2198">
        <v>1129.9690000000001</v>
      </c>
      <c r="X2198">
        <v>1151.6500000000001</v>
      </c>
      <c r="Y2198">
        <v>1167.193</v>
      </c>
    </row>
    <row r="2199" spans="1:25" x14ac:dyDescent="0.3">
      <c r="A2199">
        <v>58.866666666759798</v>
      </c>
      <c r="B2199">
        <v>968.67499999999995</v>
      </c>
      <c r="C2199">
        <v>1020.6180000000001</v>
      </c>
      <c r="D2199">
        <v>1028.6959999999999</v>
      </c>
      <c r="E2199">
        <v>1061.9770000000001</v>
      </c>
      <c r="F2199">
        <v>1078.153</v>
      </c>
      <c r="G2199">
        <v>1093.454</v>
      </c>
      <c r="H2199">
        <v>1107.9649999999999</v>
      </c>
      <c r="I2199">
        <v>1126.723</v>
      </c>
      <c r="J2199">
        <v>1133.5940000000001</v>
      </c>
      <c r="K2199">
        <v>1127.4059999999999</v>
      </c>
      <c r="L2199">
        <v>1143.499</v>
      </c>
      <c r="M2199">
        <v>1134.809</v>
      </c>
      <c r="N2199">
        <v>1156.021</v>
      </c>
      <c r="O2199">
        <v>992.53300000000002</v>
      </c>
      <c r="P2199">
        <v>0</v>
      </c>
      <c r="Q2199">
        <v>0</v>
      </c>
      <c r="R2199">
        <v>1076.7729999999999</v>
      </c>
      <c r="S2199">
        <v>0</v>
      </c>
      <c r="T2199">
        <v>1097.8109999999999</v>
      </c>
      <c r="U2199">
        <v>1116.086</v>
      </c>
      <c r="V2199">
        <v>1113.5730000000001</v>
      </c>
      <c r="W2199">
        <v>1128.944</v>
      </c>
      <c r="X2199">
        <v>1148.7840000000001</v>
      </c>
      <c r="Y2199">
        <v>1166.325</v>
      </c>
    </row>
    <row r="2200" spans="1:25" x14ac:dyDescent="0.3">
      <c r="A2200">
        <v>58.899999997407818</v>
      </c>
      <c r="B2200">
        <v>966.78</v>
      </c>
      <c r="C2200">
        <v>1018.457</v>
      </c>
      <c r="D2200">
        <v>1030.135</v>
      </c>
      <c r="E2200">
        <v>1064.9870000000001</v>
      </c>
      <c r="F2200">
        <v>1078.6030000000001</v>
      </c>
      <c r="G2200">
        <v>1093.364</v>
      </c>
      <c r="H2200">
        <v>1102.778</v>
      </c>
      <c r="I2200">
        <v>1118.6579999999999</v>
      </c>
      <c r="J2200">
        <v>1126.7070000000001</v>
      </c>
      <c r="K2200">
        <v>1121.4159999999999</v>
      </c>
      <c r="L2200">
        <v>1136.1220000000001</v>
      </c>
      <c r="M2200">
        <v>1129.8389999999999</v>
      </c>
      <c r="N2200">
        <v>1146.5540000000001</v>
      </c>
      <c r="O2200">
        <v>988.96799999999996</v>
      </c>
      <c r="P2200">
        <v>0</v>
      </c>
      <c r="Q2200">
        <v>0</v>
      </c>
      <c r="R2200">
        <v>1079.423</v>
      </c>
      <c r="S2200">
        <v>0</v>
      </c>
      <c r="T2200">
        <v>1093.925</v>
      </c>
      <c r="U2200">
        <v>1113.557</v>
      </c>
      <c r="V2200">
        <v>1114.4829999999999</v>
      </c>
      <c r="W2200">
        <v>1131.452</v>
      </c>
      <c r="X2200">
        <v>1148.348</v>
      </c>
      <c r="Y2200">
        <v>1169.258</v>
      </c>
    </row>
    <row r="2201" spans="1:25" x14ac:dyDescent="0.3">
      <c r="A2201">
        <v>58.933333338533217</v>
      </c>
      <c r="B2201">
        <v>972.65099999999995</v>
      </c>
      <c r="C2201">
        <v>1019.573</v>
      </c>
      <c r="D2201">
        <v>1027.8869999999999</v>
      </c>
      <c r="E2201">
        <v>1060.7529999999999</v>
      </c>
      <c r="F2201">
        <v>1074.22</v>
      </c>
      <c r="G2201">
        <v>1090.1600000000001</v>
      </c>
      <c r="H2201">
        <v>1099.3910000000001</v>
      </c>
      <c r="I2201">
        <v>1113.895</v>
      </c>
      <c r="J2201">
        <v>1127.2739999999999</v>
      </c>
      <c r="K2201">
        <v>1124.3320000000001</v>
      </c>
      <c r="L2201">
        <v>1136.575</v>
      </c>
      <c r="M2201">
        <v>1129.5139999999999</v>
      </c>
      <c r="N2201">
        <v>1146.6479999999999</v>
      </c>
      <c r="O2201">
        <v>988.76599999999996</v>
      </c>
      <c r="P2201">
        <v>0</v>
      </c>
      <c r="Q2201">
        <v>0</v>
      </c>
      <c r="R2201">
        <v>1076.2149999999999</v>
      </c>
      <c r="S2201">
        <v>0</v>
      </c>
      <c r="T2201">
        <v>1092.088</v>
      </c>
      <c r="U2201">
        <v>1109.9079999999999</v>
      </c>
      <c r="V2201">
        <v>1109.2470000000001</v>
      </c>
      <c r="W2201">
        <v>1129.5519999999999</v>
      </c>
      <c r="X2201">
        <v>1150.979</v>
      </c>
      <c r="Y2201">
        <v>1167.7139999999999</v>
      </c>
    </row>
    <row r="2202" spans="1:25" x14ac:dyDescent="0.3">
      <c r="A2202">
        <v>58.949999998618537</v>
      </c>
      <c r="B2202">
        <v>974.82799999999997</v>
      </c>
      <c r="C2202">
        <v>1021.444</v>
      </c>
      <c r="D2202">
        <v>1027.059</v>
      </c>
      <c r="E2202">
        <v>1058.8599999999999</v>
      </c>
      <c r="F2202">
        <v>1076.5509999999999</v>
      </c>
      <c r="G2202">
        <v>1092.482</v>
      </c>
      <c r="H2202">
        <v>1103.905</v>
      </c>
      <c r="I2202">
        <v>1118.5050000000001</v>
      </c>
      <c r="J2202">
        <v>1130.8810000000001</v>
      </c>
      <c r="K2202">
        <v>1128.1859999999999</v>
      </c>
      <c r="L2202">
        <v>1140.925</v>
      </c>
      <c r="M2202">
        <v>1132.57</v>
      </c>
      <c r="N2202">
        <v>1148.499</v>
      </c>
      <c r="O2202">
        <v>988.14700000000005</v>
      </c>
      <c r="P2202">
        <v>0</v>
      </c>
      <c r="Q2202">
        <v>0</v>
      </c>
      <c r="R2202">
        <v>1072.953</v>
      </c>
      <c r="S2202">
        <v>0</v>
      </c>
      <c r="T2202">
        <v>1093.7739999999999</v>
      </c>
      <c r="U2202">
        <v>1110.0409999999999</v>
      </c>
      <c r="V2202">
        <v>1111.9680000000001</v>
      </c>
      <c r="W2202">
        <v>1133.3679999999999</v>
      </c>
      <c r="X2202">
        <v>1155.5429999999999</v>
      </c>
      <c r="Y2202">
        <v>1168.7159999999999</v>
      </c>
    </row>
    <row r="2203" spans="1:25" x14ac:dyDescent="0.3">
      <c r="A2203">
        <v>58.983333339743936</v>
      </c>
      <c r="B2203">
        <v>981.30200000000002</v>
      </c>
      <c r="C2203">
        <v>1020.123</v>
      </c>
      <c r="D2203">
        <v>1023.4059999999999</v>
      </c>
      <c r="E2203">
        <v>1057.672</v>
      </c>
      <c r="F2203">
        <v>1077.799</v>
      </c>
      <c r="G2203">
        <v>1089.7860000000001</v>
      </c>
      <c r="H2203">
        <v>1102.3430000000001</v>
      </c>
      <c r="I2203">
        <v>1118.3530000000001</v>
      </c>
      <c r="J2203">
        <v>1131.7349999999999</v>
      </c>
      <c r="K2203">
        <v>1128.8679999999999</v>
      </c>
      <c r="L2203">
        <v>1141.306</v>
      </c>
      <c r="M2203">
        <v>1134.069</v>
      </c>
      <c r="N2203">
        <v>1147.01</v>
      </c>
      <c r="O2203">
        <v>987.27300000000002</v>
      </c>
      <c r="P2203">
        <v>0</v>
      </c>
      <c r="Q2203">
        <v>0</v>
      </c>
      <c r="R2203">
        <v>1073.549</v>
      </c>
      <c r="S2203">
        <v>0</v>
      </c>
      <c r="T2203">
        <v>1091.6389999999999</v>
      </c>
      <c r="U2203">
        <v>1110.154</v>
      </c>
      <c r="V2203">
        <v>1111.835</v>
      </c>
      <c r="W2203">
        <v>1130.52</v>
      </c>
      <c r="X2203">
        <v>1154.9870000000001</v>
      </c>
      <c r="Y2203">
        <v>1168.1949999999999</v>
      </c>
    </row>
    <row r="2204" spans="1:25" x14ac:dyDescent="0.3">
      <c r="A2204">
        <v>59.016666670391956</v>
      </c>
      <c r="B2204">
        <v>992.279</v>
      </c>
      <c r="C2204">
        <v>1022.783</v>
      </c>
      <c r="D2204">
        <v>1027.6659999999999</v>
      </c>
      <c r="E2204">
        <v>1061.18</v>
      </c>
      <c r="F2204">
        <v>1078.3779999999999</v>
      </c>
      <c r="G2204">
        <v>1094.0550000000001</v>
      </c>
      <c r="H2204">
        <v>1107.1199999999999</v>
      </c>
      <c r="I2204">
        <v>1127.768</v>
      </c>
      <c r="J2204">
        <v>1136.9380000000001</v>
      </c>
      <c r="K2204">
        <v>1129.4000000000001</v>
      </c>
      <c r="L2204">
        <v>1144.3969999999999</v>
      </c>
      <c r="M2204">
        <v>1134.7529999999999</v>
      </c>
      <c r="N2204">
        <v>1147.43</v>
      </c>
      <c r="O2204">
        <v>987.00099999999998</v>
      </c>
      <c r="P2204">
        <v>0</v>
      </c>
      <c r="Q2204">
        <v>0</v>
      </c>
      <c r="R2204">
        <v>1079.5150000000001</v>
      </c>
      <c r="S2204">
        <v>0</v>
      </c>
      <c r="T2204">
        <v>1096.9849999999999</v>
      </c>
      <c r="U2204">
        <v>1112.1949999999999</v>
      </c>
      <c r="V2204">
        <v>1111.5150000000001</v>
      </c>
      <c r="W2204">
        <v>1135.646</v>
      </c>
      <c r="X2204">
        <v>1160.643</v>
      </c>
      <c r="Y2204">
        <v>1174.73</v>
      </c>
    </row>
    <row r="2205" spans="1:25" x14ac:dyDescent="0.3">
      <c r="A2205">
        <v>59.033333330477276</v>
      </c>
      <c r="B2205">
        <v>997.57600000000002</v>
      </c>
      <c r="C2205">
        <v>1025.9369999999999</v>
      </c>
      <c r="D2205">
        <v>1030.556</v>
      </c>
      <c r="E2205">
        <v>1064.7059999999999</v>
      </c>
      <c r="F2205">
        <v>1079.421</v>
      </c>
      <c r="G2205">
        <v>1095.837</v>
      </c>
      <c r="H2205">
        <v>1110.248</v>
      </c>
      <c r="I2205">
        <v>1122.3019999999999</v>
      </c>
      <c r="J2205">
        <v>1130.0830000000001</v>
      </c>
      <c r="K2205">
        <v>1124.806</v>
      </c>
      <c r="L2205">
        <v>1140.085</v>
      </c>
      <c r="M2205">
        <v>1133.8989999999999</v>
      </c>
      <c r="N2205">
        <v>1149.337</v>
      </c>
      <c r="O2205">
        <v>985.18299999999999</v>
      </c>
      <c r="P2205">
        <v>0</v>
      </c>
      <c r="Q2205">
        <v>0</v>
      </c>
      <c r="R2205">
        <v>1079.8309999999999</v>
      </c>
      <c r="S2205">
        <v>0</v>
      </c>
      <c r="T2205">
        <v>1098.018</v>
      </c>
      <c r="U2205">
        <v>1112.6479999999999</v>
      </c>
      <c r="V2205">
        <v>1113.0640000000001</v>
      </c>
      <c r="W2205">
        <v>1137.8910000000001</v>
      </c>
      <c r="X2205">
        <v>1164.037</v>
      </c>
      <c r="Y2205">
        <v>1174.498</v>
      </c>
    </row>
    <row r="2206" spans="1:25" x14ac:dyDescent="0.3">
      <c r="A2206">
        <v>59.066666671602675</v>
      </c>
      <c r="B2206">
        <v>1001.552</v>
      </c>
      <c r="C2206">
        <v>1025.3869999999999</v>
      </c>
      <c r="D2206">
        <v>1031.9749999999999</v>
      </c>
      <c r="E2206">
        <v>1063.797</v>
      </c>
      <c r="F2206">
        <v>1078.825</v>
      </c>
      <c r="G2206">
        <v>1096.9849999999999</v>
      </c>
      <c r="H2206">
        <v>1113.1769999999999</v>
      </c>
      <c r="I2206">
        <v>1119.6579999999999</v>
      </c>
      <c r="J2206">
        <v>1132.57</v>
      </c>
      <c r="K2206">
        <v>1129.799</v>
      </c>
      <c r="L2206">
        <v>1144.1489999999999</v>
      </c>
      <c r="M2206">
        <v>1136.1579999999999</v>
      </c>
      <c r="N2206">
        <v>1151.018</v>
      </c>
      <c r="O2206">
        <v>985.51</v>
      </c>
      <c r="P2206">
        <v>0</v>
      </c>
      <c r="Q2206">
        <v>0</v>
      </c>
      <c r="R2206">
        <v>1075.2460000000001</v>
      </c>
      <c r="S2206">
        <v>0</v>
      </c>
      <c r="T2206">
        <v>1095.518</v>
      </c>
      <c r="U2206">
        <v>1114.0650000000001</v>
      </c>
      <c r="V2206">
        <v>1115.3309999999999</v>
      </c>
      <c r="W2206">
        <v>1138.807</v>
      </c>
      <c r="X2206">
        <v>1167.7139999999999</v>
      </c>
      <c r="Y2206">
        <v>1175.462</v>
      </c>
    </row>
    <row r="2207" spans="1:25" x14ac:dyDescent="0.3">
      <c r="A2207">
        <v>59.083333331687996</v>
      </c>
      <c r="B2207">
        <v>988.60199999999998</v>
      </c>
      <c r="C2207">
        <v>1023.902</v>
      </c>
      <c r="D2207">
        <v>1032.5820000000001</v>
      </c>
      <c r="E2207">
        <v>1062.7760000000001</v>
      </c>
      <c r="F2207">
        <v>1076.886</v>
      </c>
      <c r="G2207">
        <v>1097.0409999999999</v>
      </c>
      <c r="H2207">
        <v>1112.1569999999999</v>
      </c>
      <c r="I2207">
        <v>1119.884</v>
      </c>
      <c r="J2207">
        <v>1136.8810000000001</v>
      </c>
      <c r="K2207">
        <v>1132.893</v>
      </c>
      <c r="L2207">
        <v>1146.6859999999999</v>
      </c>
      <c r="M2207">
        <v>1134.4880000000001</v>
      </c>
      <c r="N2207">
        <v>1156.0609999999999</v>
      </c>
      <c r="O2207">
        <v>986.05399999999997</v>
      </c>
      <c r="P2207">
        <v>0</v>
      </c>
      <c r="Q2207">
        <v>0</v>
      </c>
      <c r="R2207">
        <v>1078.489</v>
      </c>
      <c r="S2207">
        <v>0</v>
      </c>
      <c r="T2207">
        <v>1101.0650000000001</v>
      </c>
      <c r="U2207">
        <v>1121.509</v>
      </c>
      <c r="V2207">
        <v>1122.8330000000001</v>
      </c>
      <c r="W2207">
        <v>1141.5930000000001</v>
      </c>
      <c r="X2207">
        <v>1170.355</v>
      </c>
      <c r="Y2207">
        <v>1175.963</v>
      </c>
    </row>
    <row r="2208" spans="1:25" x14ac:dyDescent="0.3">
      <c r="A2208">
        <v>59.116666672813395</v>
      </c>
      <c r="B2208">
        <v>983.51400000000001</v>
      </c>
      <c r="C2208">
        <v>1023.003</v>
      </c>
      <c r="D2208">
        <v>1031.0160000000001</v>
      </c>
      <c r="E2208">
        <v>1063.1469999999999</v>
      </c>
      <c r="F2208">
        <v>1081.9970000000001</v>
      </c>
      <c r="G2208">
        <v>1102.569</v>
      </c>
      <c r="H2208">
        <v>1110.796</v>
      </c>
      <c r="I2208">
        <v>1124.502</v>
      </c>
      <c r="J2208">
        <v>1141.6679999999999</v>
      </c>
      <c r="K2208">
        <v>1134.5820000000001</v>
      </c>
      <c r="L2208">
        <v>1150.2149999999999</v>
      </c>
      <c r="M2208">
        <v>1138.654</v>
      </c>
      <c r="N2208">
        <v>1159.1279999999999</v>
      </c>
      <c r="O2208">
        <v>987.78300000000002</v>
      </c>
      <c r="P2208">
        <v>0</v>
      </c>
      <c r="Q2208">
        <v>0</v>
      </c>
      <c r="R2208">
        <v>1075.8599999999999</v>
      </c>
      <c r="S2208">
        <v>0</v>
      </c>
      <c r="T2208">
        <v>1097.2470000000001</v>
      </c>
      <c r="U2208">
        <v>1115.2360000000001</v>
      </c>
      <c r="V2208">
        <v>1115.973</v>
      </c>
      <c r="W2208">
        <v>1138.2539999999999</v>
      </c>
      <c r="X2208">
        <v>1169.2750000000001</v>
      </c>
      <c r="Y2208">
        <v>1170.258</v>
      </c>
    </row>
    <row r="2209" spans="1:25" x14ac:dyDescent="0.3">
      <c r="A2209">
        <v>59.150000003461415</v>
      </c>
      <c r="B2209">
        <v>989.16700000000003</v>
      </c>
      <c r="C2209">
        <v>1023.627</v>
      </c>
      <c r="D2209">
        <v>1034.5889999999999</v>
      </c>
      <c r="E2209">
        <v>1064.837</v>
      </c>
      <c r="F2209">
        <v>1081.586</v>
      </c>
      <c r="G2209">
        <v>1099.9369999999999</v>
      </c>
      <c r="H2209">
        <v>1108.9459999999999</v>
      </c>
      <c r="I2209">
        <v>1130.672</v>
      </c>
      <c r="J2209">
        <v>1142.356</v>
      </c>
      <c r="K2209">
        <v>1137.854</v>
      </c>
      <c r="L2209">
        <v>1152.6669999999999</v>
      </c>
      <c r="M2209">
        <v>1139.742</v>
      </c>
      <c r="N2209">
        <v>1157.058</v>
      </c>
      <c r="O2209">
        <v>989.34900000000005</v>
      </c>
      <c r="P2209">
        <v>0</v>
      </c>
      <c r="Q2209">
        <v>0</v>
      </c>
      <c r="R2209">
        <v>1077.0350000000001</v>
      </c>
      <c r="S2209">
        <v>0</v>
      </c>
      <c r="T2209">
        <v>1097.8309999999999</v>
      </c>
      <c r="U2209">
        <v>1113.1959999999999</v>
      </c>
      <c r="V2209">
        <v>1112.0440000000001</v>
      </c>
      <c r="W2209">
        <v>1136.7470000000001</v>
      </c>
      <c r="X2209">
        <v>1165.922</v>
      </c>
      <c r="Y2209">
        <v>1174.614</v>
      </c>
    </row>
    <row r="2210" spans="1:25" x14ac:dyDescent="0.3">
      <c r="A2210">
        <v>59.166666663546735</v>
      </c>
      <c r="B2210">
        <v>983.71600000000001</v>
      </c>
      <c r="C2210">
        <v>1022.876</v>
      </c>
      <c r="D2210">
        <v>1030.338</v>
      </c>
      <c r="E2210">
        <v>1063.316</v>
      </c>
      <c r="F2210">
        <v>1080.4480000000001</v>
      </c>
      <c r="G2210">
        <v>1097.0989999999999</v>
      </c>
      <c r="H2210">
        <v>1112.6120000000001</v>
      </c>
      <c r="I2210">
        <v>1131.452</v>
      </c>
      <c r="J2210">
        <v>1138.828</v>
      </c>
      <c r="K2210">
        <v>1136.653</v>
      </c>
      <c r="L2210">
        <v>1150.5029999999999</v>
      </c>
      <c r="M2210">
        <v>1136.596</v>
      </c>
      <c r="N2210">
        <v>1154.855</v>
      </c>
      <c r="O2210">
        <v>989.44100000000003</v>
      </c>
      <c r="P2210">
        <v>0</v>
      </c>
      <c r="Q2210">
        <v>0</v>
      </c>
      <c r="R2210">
        <v>1078.6400000000001</v>
      </c>
      <c r="S2210">
        <v>0</v>
      </c>
      <c r="T2210">
        <v>1096.6099999999999</v>
      </c>
      <c r="U2210">
        <v>1110.761</v>
      </c>
      <c r="V2210">
        <v>1110.44</v>
      </c>
      <c r="W2210">
        <v>1134.8879999999999</v>
      </c>
      <c r="X2210">
        <v>1163.2719999999999</v>
      </c>
      <c r="Y2210">
        <v>1171.7439999999999</v>
      </c>
    </row>
    <row r="2211" spans="1:25" x14ac:dyDescent="0.3">
      <c r="A2211">
        <v>59.200000004672134</v>
      </c>
      <c r="B2211">
        <v>977.31200000000001</v>
      </c>
      <c r="C2211">
        <v>1024.635</v>
      </c>
      <c r="D2211">
        <v>1030.925</v>
      </c>
      <c r="E2211">
        <v>1063.741</v>
      </c>
      <c r="F2211">
        <v>1082.241</v>
      </c>
      <c r="G2211">
        <v>1101.761</v>
      </c>
      <c r="H2211">
        <v>1115.558</v>
      </c>
      <c r="I2211">
        <v>1129.799</v>
      </c>
      <c r="J2211">
        <v>1135.722</v>
      </c>
      <c r="K2211">
        <v>1133.7280000000001</v>
      </c>
      <c r="L2211">
        <v>1149.662</v>
      </c>
      <c r="M2211">
        <v>1138.903</v>
      </c>
      <c r="N2211">
        <v>1149.0139999999999</v>
      </c>
      <c r="O2211">
        <v>988.78499999999997</v>
      </c>
      <c r="P2211">
        <v>0</v>
      </c>
      <c r="Q2211">
        <v>0</v>
      </c>
      <c r="R2211">
        <v>1079.8309999999999</v>
      </c>
      <c r="S2211">
        <v>0</v>
      </c>
      <c r="T2211">
        <v>1094.8789999999999</v>
      </c>
      <c r="U2211">
        <v>1108.8889999999999</v>
      </c>
      <c r="V2211">
        <v>1108.211</v>
      </c>
      <c r="W2211">
        <v>1130.729</v>
      </c>
      <c r="X2211">
        <v>1157.192</v>
      </c>
      <c r="Y2211">
        <v>1165.883</v>
      </c>
    </row>
    <row r="2212" spans="1:25" x14ac:dyDescent="0.3">
      <c r="A2212">
        <v>59.216666664757454</v>
      </c>
      <c r="B2212">
        <v>981.82799999999997</v>
      </c>
      <c r="C2212">
        <v>1024.489</v>
      </c>
      <c r="D2212">
        <v>1033.742</v>
      </c>
      <c r="E2212">
        <v>1064.1679999999999</v>
      </c>
      <c r="F2212">
        <v>1084.9749999999999</v>
      </c>
      <c r="G2212">
        <v>1104.394</v>
      </c>
      <c r="H2212">
        <v>1113.385</v>
      </c>
      <c r="I2212">
        <v>1121.037</v>
      </c>
      <c r="J2212">
        <v>1129.4570000000001</v>
      </c>
      <c r="K2212">
        <v>1126.4390000000001</v>
      </c>
      <c r="L2212">
        <v>1143.806</v>
      </c>
      <c r="M2212">
        <v>1135.4369999999999</v>
      </c>
      <c r="N2212">
        <v>1151.5550000000001</v>
      </c>
      <c r="O2212">
        <v>989.05799999999999</v>
      </c>
      <c r="P2212">
        <v>0</v>
      </c>
      <c r="Q2212">
        <v>0</v>
      </c>
      <c r="R2212">
        <v>1081.7919999999999</v>
      </c>
      <c r="S2212">
        <v>0</v>
      </c>
      <c r="T2212">
        <v>1096.0070000000001</v>
      </c>
      <c r="U2212">
        <v>1112.0060000000001</v>
      </c>
      <c r="V2212">
        <v>1114.2729999999999</v>
      </c>
      <c r="W2212">
        <v>1134.241</v>
      </c>
      <c r="X2212">
        <v>1154.086</v>
      </c>
      <c r="Y2212">
        <v>1166.905</v>
      </c>
    </row>
    <row r="2213" spans="1:25" x14ac:dyDescent="0.3">
      <c r="A2213">
        <v>59.250000005882853</v>
      </c>
      <c r="B2213">
        <v>983.08</v>
      </c>
      <c r="C2213">
        <v>1029.213</v>
      </c>
      <c r="D2213">
        <v>1037.259</v>
      </c>
      <c r="E2213">
        <v>1065.319</v>
      </c>
      <c r="F2213">
        <v>1083.7950000000001</v>
      </c>
      <c r="G2213">
        <v>1103.059</v>
      </c>
      <c r="H2213">
        <v>1110.9290000000001</v>
      </c>
      <c r="I2213">
        <v>1117.5419999999999</v>
      </c>
      <c r="J2213">
        <v>1124.636</v>
      </c>
      <c r="K2213">
        <v>1123.7819999999999</v>
      </c>
      <c r="L2213">
        <v>1142.566</v>
      </c>
      <c r="M2213">
        <v>1133.444</v>
      </c>
      <c r="N2213">
        <v>1157.058</v>
      </c>
      <c r="O2213">
        <v>985.673</v>
      </c>
      <c r="P2213">
        <v>0</v>
      </c>
      <c r="Q2213">
        <v>0</v>
      </c>
      <c r="R2213">
        <v>1081.3050000000001</v>
      </c>
      <c r="S2213">
        <v>0</v>
      </c>
      <c r="T2213">
        <v>1102.288</v>
      </c>
      <c r="U2213">
        <v>1118.146</v>
      </c>
      <c r="V2213">
        <v>1120.0920000000001</v>
      </c>
      <c r="W2213">
        <v>1141.383</v>
      </c>
      <c r="X2213">
        <v>1160.087</v>
      </c>
      <c r="Y2213">
        <v>1167.4639999999999</v>
      </c>
    </row>
    <row r="2214" spans="1:25" x14ac:dyDescent="0.3">
      <c r="A2214">
        <v>59.283333336530873</v>
      </c>
      <c r="B2214">
        <v>981.46600000000001</v>
      </c>
      <c r="C2214">
        <v>1026.066</v>
      </c>
      <c r="D2214">
        <v>1036.32</v>
      </c>
      <c r="E2214">
        <v>1064.2049999999999</v>
      </c>
      <c r="F2214">
        <v>1081.586</v>
      </c>
      <c r="G2214">
        <v>1100.8209999999999</v>
      </c>
      <c r="H2214">
        <v>1107.873</v>
      </c>
      <c r="I2214">
        <v>1117.164</v>
      </c>
      <c r="J2214">
        <v>1128.508</v>
      </c>
      <c r="K2214">
        <v>1129.002</v>
      </c>
      <c r="L2214">
        <v>1146.5530000000001</v>
      </c>
      <c r="M2214">
        <v>1136.7470000000001</v>
      </c>
      <c r="N2214">
        <v>1159.1479999999999</v>
      </c>
      <c r="O2214">
        <v>988.67499999999995</v>
      </c>
      <c r="P2214">
        <v>0</v>
      </c>
      <c r="Q2214">
        <v>0</v>
      </c>
      <c r="R2214">
        <v>1080.614</v>
      </c>
      <c r="S2214">
        <v>0</v>
      </c>
      <c r="T2214">
        <v>1102.645</v>
      </c>
      <c r="U2214">
        <v>1119.6769999999999</v>
      </c>
      <c r="V2214">
        <v>1124.1990000000001</v>
      </c>
      <c r="W2214">
        <v>1145.732</v>
      </c>
      <c r="X2214">
        <v>1164.229</v>
      </c>
      <c r="Y2214">
        <v>1167.29</v>
      </c>
    </row>
    <row r="2215" spans="1:25" x14ac:dyDescent="0.3">
      <c r="A2215">
        <v>59.299999996616194</v>
      </c>
      <c r="B2215">
        <v>970.10599999999999</v>
      </c>
      <c r="C2215">
        <v>1024.674</v>
      </c>
      <c r="D2215">
        <v>1036.616</v>
      </c>
      <c r="E2215">
        <v>1063.6320000000001</v>
      </c>
      <c r="F2215">
        <v>1079.424</v>
      </c>
      <c r="G2215">
        <v>1099.7139999999999</v>
      </c>
      <c r="H2215">
        <v>1113.425</v>
      </c>
      <c r="I2215">
        <v>1122.664</v>
      </c>
      <c r="J2215">
        <v>1133.845</v>
      </c>
      <c r="K2215">
        <v>1131.9649999999999</v>
      </c>
      <c r="L2215">
        <v>1147.1849999999999</v>
      </c>
      <c r="M2215">
        <v>1139.077</v>
      </c>
      <c r="N2215">
        <v>1156.83</v>
      </c>
      <c r="O2215">
        <v>981.43200000000002</v>
      </c>
      <c r="P2215">
        <v>0</v>
      </c>
      <c r="Q2215">
        <v>0</v>
      </c>
      <c r="R2215">
        <v>1075.7329999999999</v>
      </c>
      <c r="S2215">
        <v>0</v>
      </c>
      <c r="T2215">
        <v>1095.7840000000001</v>
      </c>
      <c r="U2215">
        <v>1115.296</v>
      </c>
      <c r="V2215">
        <v>1118.98</v>
      </c>
      <c r="W2215">
        <v>1141.328</v>
      </c>
      <c r="X2215">
        <v>1161.585</v>
      </c>
      <c r="Y2215">
        <v>1167.3499999999999</v>
      </c>
    </row>
    <row r="2216" spans="1:25" x14ac:dyDescent="0.3">
      <c r="A2216">
        <v>59.333333337741593</v>
      </c>
      <c r="B2216">
        <v>968.66</v>
      </c>
      <c r="C2216">
        <v>1024.8579999999999</v>
      </c>
      <c r="D2216">
        <v>1040.3920000000001</v>
      </c>
      <c r="E2216">
        <v>1065.8230000000001</v>
      </c>
      <c r="F2216">
        <v>1080.393</v>
      </c>
      <c r="G2216">
        <v>1100.8040000000001</v>
      </c>
      <c r="H2216">
        <v>1114.2380000000001</v>
      </c>
      <c r="I2216">
        <v>1127.694</v>
      </c>
      <c r="J2216">
        <v>1137.3219999999999</v>
      </c>
      <c r="K2216">
        <v>1134.1099999999999</v>
      </c>
      <c r="L2216">
        <v>1152.056</v>
      </c>
      <c r="M2216">
        <v>1141.8050000000001</v>
      </c>
      <c r="N2216">
        <v>1156.8109999999999</v>
      </c>
      <c r="O2216">
        <v>984.82299999999998</v>
      </c>
      <c r="P2216">
        <v>0</v>
      </c>
      <c r="Q2216">
        <v>0</v>
      </c>
      <c r="R2216">
        <v>1079.181</v>
      </c>
      <c r="S2216">
        <v>0</v>
      </c>
      <c r="T2216">
        <v>1095.558</v>
      </c>
      <c r="U2216">
        <v>1113.558</v>
      </c>
      <c r="V2216">
        <v>1116.5989999999999</v>
      </c>
      <c r="W2216">
        <v>1135.7049999999999</v>
      </c>
      <c r="X2216">
        <v>1156.9449999999999</v>
      </c>
      <c r="Y2216">
        <v>1174.732</v>
      </c>
    </row>
    <row r="2217" spans="1:25" x14ac:dyDescent="0.3">
      <c r="A2217">
        <v>59.349999997826913</v>
      </c>
      <c r="B2217">
        <v>982.13699999999994</v>
      </c>
      <c r="C2217">
        <v>1025.057</v>
      </c>
      <c r="D2217">
        <v>1040.279</v>
      </c>
      <c r="E2217">
        <v>1064.9110000000001</v>
      </c>
      <c r="F2217">
        <v>1079.8869999999999</v>
      </c>
      <c r="G2217">
        <v>1100.4069999999999</v>
      </c>
      <c r="H2217">
        <v>1114.3679999999999</v>
      </c>
      <c r="I2217">
        <v>1125.2239999999999</v>
      </c>
      <c r="J2217">
        <v>1135.797</v>
      </c>
      <c r="K2217">
        <v>1133.8040000000001</v>
      </c>
      <c r="L2217">
        <v>1150.578</v>
      </c>
      <c r="M2217">
        <v>1140.124</v>
      </c>
      <c r="N2217">
        <v>1154.163</v>
      </c>
      <c r="O2217">
        <v>989.64</v>
      </c>
      <c r="P2217">
        <v>0</v>
      </c>
      <c r="Q2217">
        <v>0</v>
      </c>
      <c r="R2217">
        <v>1080.4649999999999</v>
      </c>
      <c r="S2217">
        <v>0</v>
      </c>
      <c r="T2217">
        <v>1094.654</v>
      </c>
      <c r="U2217">
        <v>1115.8979999999999</v>
      </c>
      <c r="V2217">
        <v>1118.751</v>
      </c>
      <c r="W2217">
        <v>1134.829</v>
      </c>
      <c r="X2217">
        <v>1157.192</v>
      </c>
      <c r="Y2217">
        <v>1167.9649999999999</v>
      </c>
    </row>
    <row r="2218" spans="1:25" x14ac:dyDescent="0.3">
      <c r="A2218">
        <v>59.383333338952312</v>
      </c>
      <c r="B2218">
        <v>978.90800000000002</v>
      </c>
      <c r="C2218">
        <v>1025.681</v>
      </c>
      <c r="D2218">
        <v>1038.345</v>
      </c>
      <c r="E2218">
        <v>1063.6859999999999</v>
      </c>
      <c r="F2218">
        <v>1078.0609999999999</v>
      </c>
      <c r="G2218">
        <v>1096.4960000000001</v>
      </c>
      <c r="H2218">
        <v>1110.5509999999999</v>
      </c>
      <c r="I2218">
        <v>1125.2429999999999</v>
      </c>
      <c r="J2218">
        <v>1136.9000000000001</v>
      </c>
      <c r="K2218">
        <v>1134.184</v>
      </c>
      <c r="L2218">
        <v>1153.703</v>
      </c>
      <c r="M2218">
        <v>1142.413</v>
      </c>
      <c r="N2218">
        <v>1151.6510000000001</v>
      </c>
      <c r="O2218">
        <v>987.54700000000003</v>
      </c>
      <c r="P2218">
        <v>0</v>
      </c>
      <c r="Q2218">
        <v>0</v>
      </c>
      <c r="R2218">
        <v>1079.011</v>
      </c>
      <c r="S2218">
        <v>0</v>
      </c>
      <c r="T2218">
        <v>1094.298</v>
      </c>
      <c r="U2218">
        <v>1113.348</v>
      </c>
      <c r="V2218">
        <v>1113.0450000000001</v>
      </c>
      <c r="W2218">
        <v>1133.0070000000001</v>
      </c>
      <c r="X2218">
        <v>1162.1969999999999</v>
      </c>
      <c r="Y2218">
        <v>1171.8969999999999</v>
      </c>
    </row>
    <row r="2219" spans="1:25" x14ac:dyDescent="0.3">
      <c r="A2219">
        <v>59.416666669600332</v>
      </c>
      <c r="B2219">
        <v>983.49800000000005</v>
      </c>
      <c r="C2219">
        <v>1027.373</v>
      </c>
      <c r="D2219">
        <v>1037.702</v>
      </c>
      <c r="E2219">
        <v>1063.6869999999999</v>
      </c>
      <c r="F2219">
        <v>1075.6199999999999</v>
      </c>
      <c r="G2219">
        <v>1094.674</v>
      </c>
      <c r="H2219">
        <v>1107.6110000000001</v>
      </c>
      <c r="I2219">
        <v>1124.011</v>
      </c>
      <c r="J2219">
        <v>1136.3309999999999</v>
      </c>
      <c r="K2219">
        <v>1133.749</v>
      </c>
      <c r="L2219">
        <v>1152.2860000000001</v>
      </c>
      <c r="M2219">
        <v>1140.335</v>
      </c>
      <c r="N2219">
        <v>1154.126</v>
      </c>
      <c r="O2219">
        <v>983.39</v>
      </c>
      <c r="P2219">
        <v>0</v>
      </c>
      <c r="Q2219">
        <v>0</v>
      </c>
      <c r="R2219">
        <v>1078.174</v>
      </c>
      <c r="S2219">
        <v>0</v>
      </c>
      <c r="T2219">
        <v>1096.5920000000001</v>
      </c>
      <c r="U2219">
        <v>1115.144</v>
      </c>
      <c r="V2219">
        <v>1111.1010000000001</v>
      </c>
      <c r="W2219">
        <v>1131.3</v>
      </c>
      <c r="X2219">
        <v>1157.443</v>
      </c>
      <c r="Y2219">
        <v>1167.8889999999999</v>
      </c>
    </row>
    <row r="2220" spans="1:25" x14ac:dyDescent="0.3">
      <c r="A2220">
        <v>59.433333329685652</v>
      </c>
      <c r="B2220">
        <v>982.827</v>
      </c>
      <c r="C2220">
        <v>1026.7660000000001</v>
      </c>
      <c r="D2220">
        <v>1038.567</v>
      </c>
      <c r="E2220">
        <v>1063.52</v>
      </c>
      <c r="F2220">
        <v>1074.0360000000001</v>
      </c>
      <c r="G2220">
        <v>1093.8689999999999</v>
      </c>
      <c r="H2220">
        <v>1106.577</v>
      </c>
      <c r="I2220">
        <v>1120.3209999999999</v>
      </c>
      <c r="J2220">
        <v>1135.856</v>
      </c>
      <c r="K2220">
        <v>1130.4079999999999</v>
      </c>
      <c r="L2220">
        <v>1149.874</v>
      </c>
      <c r="M2220">
        <v>1141.385</v>
      </c>
      <c r="N2220">
        <v>1157.616</v>
      </c>
      <c r="O2220">
        <v>985.67499999999995</v>
      </c>
      <c r="P2220">
        <v>0</v>
      </c>
      <c r="Q2220">
        <v>0</v>
      </c>
      <c r="R2220">
        <v>1077.1489999999999</v>
      </c>
      <c r="S2220">
        <v>0</v>
      </c>
      <c r="T2220">
        <v>1100.5029999999999</v>
      </c>
      <c r="U2220">
        <v>1116.712</v>
      </c>
      <c r="V2220">
        <v>1112.8579999999999</v>
      </c>
      <c r="W2220">
        <v>1132.098</v>
      </c>
      <c r="X2220">
        <v>1154.471</v>
      </c>
      <c r="Y2220">
        <v>1170.299</v>
      </c>
    </row>
    <row r="2221" spans="1:25" x14ac:dyDescent="0.3">
      <c r="A2221">
        <v>59.466666670811051</v>
      </c>
      <c r="B2221">
        <v>990.64300000000003</v>
      </c>
      <c r="C2221">
        <v>1026.7660000000001</v>
      </c>
      <c r="D2221">
        <v>1035.4739999999999</v>
      </c>
      <c r="E2221">
        <v>1062.5</v>
      </c>
      <c r="F2221">
        <v>1077.7080000000001</v>
      </c>
      <c r="G2221">
        <v>1095.3879999999999</v>
      </c>
      <c r="H2221">
        <v>1106.3510000000001</v>
      </c>
      <c r="I2221">
        <v>1118.6010000000001</v>
      </c>
      <c r="J2221">
        <v>1132.0029999999999</v>
      </c>
      <c r="K2221">
        <v>1130.4079999999999</v>
      </c>
      <c r="L2221">
        <v>1148.367</v>
      </c>
      <c r="M2221">
        <v>1141.518</v>
      </c>
      <c r="N2221">
        <v>1144.1890000000001</v>
      </c>
      <c r="O2221">
        <v>996.995</v>
      </c>
      <c r="P2221">
        <v>0</v>
      </c>
      <c r="Q2221">
        <v>0</v>
      </c>
      <c r="R2221">
        <v>1074.4269999999999</v>
      </c>
      <c r="S2221">
        <v>0</v>
      </c>
      <c r="T2221">
        <v>1098.171</v>
      </c>
      <c r="U2221">
        <v>1114.691</v>
      </c>
      <c r="V2221">
        <v>1113.8779999999999</v>
      </c>
      <c r="W2221">
        <v>1135.6469999999999</v>
      </c>
      <c r="X2221">
        <v>1157.482</v>
      </c>
      <c r="Y2221">
        <v>1168.1980000000001</v>
      </c>
    </row>
    <row r="2222" spans="1:25" x14ac:dyDescent="0.3">
      <c r="A2222">
        <v>59.483333330896372</v>
      </c>
      <c r="B2222">
        <v>986.03599999999994</v>
      </c>
      <c r="C2222">
        <v>1025.626</v>
      </c>
      <c r="D2222">
        <v>1034.644</v>
      </c>
      <c r="E2222">
        <v>1062.3869999999999</v>
      </c>
      <c r="F2222">
        <v>1076.01</v>
      </c>
      <c r="G2222">
        <v>1096.0450000000001</v>
      </c>
      <c r="H2222">
        <v>1104.431</v>
      </c>
      <c r="I2222">
        <v>1123.7819999999999</v>
      </c>
      <c r="J2222">
        <v>1136.348</v>
      </c>
      <c r="K2222">
        <v>1134.81</v>
      </c>
      <c r="L2222">
        <v>1151.8240000000001</v>
      </c>
      <c r="M2222">
        <v>1143.405</v>
      </c>
      <c r="N2222">
        <v>1130.558</v>
      </c>
      <c r="O2222">
        <v>1003.032</v>
      </c>
      <c r="P2222">
        <v>0</v>
      </c>
      <c r="Q2222">
        <v>0</v>
      </c>
      <c r="R2222">
        <v>1075.4880000000001</v>
      </c>
      <c r="S2222">
        <v>0</v>
      </c>
      <c r="T2222">
        <v>1098.752</v>
      </c>
      <c r="U2222">
        <v>1113.48</v>
      </c>
      <c r="V2222">
        <v>1113.2529999999999</v>
      </c>
      <c r="W2222">
        <v>1136.0630000000001</v>
      </c>
      <c r="X2222">
        <v>1161.104</v>
      </c>
      <c r="Y2222">
        <v>1167.8489999999999</v>
      </c>
    </row>
    <row r="2223" spans="1:25" x14ac:dyDescent="0.3">
      <c r="A2223">
        <v>59.516666672021771</v>
      </c>
      <c r="B2223">
        <v>975.24699999999996</v>
      </c>
      <c r="C2223">
        <v>1024.6189999999999</v>
      </c>
      <c r="D2223">
        <v>1036.653</v>
      </c>
      <c r="E2223">
        <v>1065.934</v>
      </c>
      <c r="F2223">
        <v>1077.7270000000001</v>
      </c>
      <c r="G2223">
        <v>1095.596</v>
      </c>
      <c r="H2223">
        <v>1111.6310000000001</v>
      </c>
      <c r="I2223">
        <v>1126.1189999999999</v>
      </c>
      <c r="J2223">
        <v>1136.3879999999999</v>
      </c>
      <c r="K2223">
        <v>1132.877</v>
      </c>
      <c r="L2223">
        <v>1152.2670000000001</v>
      </c>
      <c r="M2223">
        <v>1144.876</v>
      </c>
      <c r="N2223">
        <v>1129.0039999999999</v>
      </c>
      <c r="O2223">
        <v>1004.259</v>
      </c>
      <c r="P2223">
        <v>0</v>
      </c>
      <c r="Q2223">
        <v>0</v>
      </c>
      <c r="R2223">
        <v>1072.5450000000001</v>
      </c>
      <c r="S2223">
        <v>0</v>
      </c>
      <c r="T2223">
        <v>1095.2190000000001</v>
      </c>
      <c r="U2223">
        <v>1109.345</v>
      </c>
      <c r="V2223">
        <v>1109.6659999999999</v>
      </c>
      <c r="W2223">
        <v>1133.902</v>
      </c>
      <c r="X2223">
        <v>1163.944</v>
      </c>
      <c r="Y2223">
        <v>1169.644</v>
      </c>
    </row>
    <row r="2224" spans="1:25" x14ac:dyDescent="0.3">
      <c r="A2224">
        <v>59.55000000266979</v>
      </c>
      <c r="B2224">
        <v>979.125</v>
      </c>
      <c r="C2224">
        <v>1025.9739999999999</v>
      </c>
      <c r="D2224">
        <v>1036.2449999999999</v>
      </c>
      <c r="E2224">
        <v>1063.778</v>
      </c>
      <c r="F2224">
        <v>1079.7750000000001</v>
      </c>
      <c r="G2224">
        <v>1095.085</v>
      </c>
      <c r="H2224">
        <v>1112.0809999999999</v>
      </c>
      <c r="I2224">
        <v>1128.8679999999999</v>
      </c>
      <c r="J2224">
        <v>1137.796</v>
      </c>
      <c r="K2224">
        <v>1134.164</v>
      </c>
      <c r="L2224">
        <v>1153.146</v>
      </c>
      <c r="M2224">
        <v>1146.4380000000001</v>
      </c>
      <c r="N2224">
        <v>1124.749</v>
      </c>
      <c r="O2224">
        <v>1006.795</v>
      </c>
      <c r="P2224">
        <v>0</v>
      </c>
      <c r="Q2224">
        <v>0</v>
      </c>
      <c r="R2224">
        <v>1073.53</v>
      </c>
      <c r="S2224">
        <v>0</v>
      </c>
      <c r="T2224">
        <v>1096.8710000000001</v>
      </c>
      <c r="U2224">
        <v>1109.606</v>
      </c>
      <c r="V2224">
        <v>1112.5909999999999</v>
      </c>
      <c r="W2224">
        <v>1136.7460000000001</v>
      </c>
      <c r="X2224">
        <v>1163.212</v>
      </c>
      <c r="Y2224">
        <v>1166.307</v>
      </c>
    </row>
    <row r="2225" spans="1:25" x14ac:dyDescent="0.3">
      <c r="A2225">
        <v>59.56666667323249</v>
      </c>
      <c r="B2225">
        <v>982.048</v>
      </c>
      <c r="C2225">
        <v>1025.059</v>
      </c>
      <c r="D2225">
        <v>1034.48</v>
      </c>
      <c r="E2225">
        <v>1062.6289999999999</v>
      </c>
      <c r="F2225">
        <v>1078.51</v>
      </c>
      <c r="G2225">
        <v>1097.0619999999999</v>
      </c>
      <c r="H2225">
        <v>1114.4829999999999</v>
      </c>
      <c r="I2225">
        <v>1131.9269999999999</v>
      </c>
      <c r="J2225">
        <v>1139.3430000000001</v>
      </c>
      <c r="K2225">
        <v>1136.046</v>
      </c>
      <c r="L2225">
        <v>1154.107</v>
      </c>
      <c r="M2225">
        <v>1145.7339999999999</v>
      </c>
      <c r="N2225">
        <v>1127.2190000000001</v>
      </c>
      <c r="O2225">
        <v>1012.279</v>
      </c>
      <c r="P2225">
        <v>0</v>
      </c>
      <c r="Q2225">
        <v>0</v>
      </c>
      <c r="R2225">
        <v>1077.0740000000001</v>
      </c>
      <c r="S2225">
        <v>0</v>
      </c>
      <c r="T2225">
        <v>1098.905</v>
      </c>
      <c r="U2225">
        <v>1111.5170000000001</v>
      </c>
      <c r="V2225">
        <v>1115.8430000000001</v>
      </c>
      <c r="W2225">
        <v>1138.5419999999999</v>
      </c>
      <c r="X2225">
        <v>1162.0260000000001</v>
      </c>
      <c r="Y2225">
        <v>1168.2170000000001</v>
      </c>
    </row>
    <row r="2226" spans="1:25" x14ac:dyDescent="0.3">
      <c r="A2226">
        <v>59.60000000388051</v>
      </c>
      <c r="B2226">
        <v>982.06700000000001</v>
      </c>
      <c r="C2226">
        <v>1018.825</v>
      </c>
      <c r="D2226">
        <v>1034.1869999999999</v>
      </c>
      <c r="E2226">
        <v>1065.0060000000001</v>
      </c>
      <c r="F2226">
        <v>1080.2439999999999</v>
      </c>
      <c r="G2226">
        <v>1098.7550000000001</v>
      </c>
      <c r="H2226">
        <v>1113.2560000000001</v>
      </c>
      <c r="I2226">
        <v>1126.8219999999999</v>
      </c>
      <c r="J2226">
        <v>1136.2180000000001</v>
      </c>
      <c r="K2226">
        <v>1134.0540000000001</v>
      </c>
      <c r="L2226">
        <v>1153.8779999999999</v>
      </c>
      <c r="M2226">
        <v>1144.133</v>
      </c>
      <c r="N2226">
        <v>1124.43</v>
      </c>
      <c r="O2226">
        <v>1014.515</v>
      </c>
      <c r="P2226">
        <v>0</v>
      </c>
      <c r="Q2226">
        <v>0</v>
      </c>
      <c r="R2226">
        <v>1074.634</v>
      </c>
      <c r="S2226">
        <v>0</v>
      </c>
      <c r="T2226">
        <v>1096.2919999999999</v>
      </c>
      <c r="U2226">
        <v>1109.0050000000001</v>
      </c>
      <c r="V2226">
        <v>1111.367</v>
      </c>
      <c r="W2226">
        <v>1134.605</v>
      </c>
      <c r="X2226">
        <v>1161.241</v>
      </c>
      <c r="Y2226">
        <v>1167.6210000000001</v>
      </c>
    </row>
    <row r="2227" spans="1:25" x14ac:dyDescent="0.3">
      <c r="A2227">
        <v>59.61666666396583</v>
      </c>
      <c r="B2227">
        <v>990.58799999999997</v>
      </c>
      <c r="C2227">
        <v>1019.869</v>
      </c>
      <c r="D2227">
        <v>1039.1010000000001</v>
      </c>
      <c r="E2227">
        <v>1066.694</v>
      </c>
      <c r="F2227">
        <v>1082.43</v>
      </c>
      <c r="G2227">
        <v>1099.393</v>
      </c>
      <c r="H2227">
        <v>1114.3320000000001</v>
      </c>
      <c r="I2227">
        <v>1132.306</v>
      </c>
      <c r="J2227">
        <v>1140.6980000000001</v>
      </c>
      <c r="K2227">
        <v>1138.6369999999999</v>
      </c>
      <c r="L2227">
        <v>1157.002</v>
      </c>
      <c r="M2227">
        <v>1145.105</v>
      </c>
      <c r="N2227">
        <v>1118.809</v>
      </c>
      <c r="O2227">
        <v>1016.769</v>
      </c>
      <c r="P2227">
        <v>0</v>
      </c>
      <c r="Q2227">
        <v>0</v>
      </c>
      <c r="R2227">
        <v>1078.0619999999999</v>
      </c>
      <c r="S2227">
        <v>0</v>
      </c>
      <c r="T2227">
        <v>1098.867</v>
      </c>
      <c r="U2227">
        <v>1111.29</v>
      </c>
      <c r="V2227">
        <v>1113.444</v>
      </c>
      <c r="W2227">
        <v>1139.076</v>
      </c>
      <c r="X2227">
        <v>1165.557</v>
      </c>
      <c r="Y2227">
        <v>1170.742</v>
      </c>
    </row>
    <row r="2228" spans="1:25" x14ac:dyDescent="0.3">
      <c r="A2228">
        <v>59.650000005091229</v>
      </c>
      <c r="B2228">
        <v>987.04</v>
      </c>
      <c r="C2228">
        <v>1023.923</v>
      </c>
      <c r="D2228">
        <v>1039.1389999999999</v>
      </c>
      <c r="E2228">
        <v>1067.1600000000001</v>
      </c>
      <c r="F2228">
        <v>1086.663</v>
      </c>
      <c r="G2228">
        <v>1107.123</v>
      </c>
      <c r="H2228">
        <v>1122.741</v>
      </c>
      <c r="I2228">
        <v>1136.066</v>
      </c>
      <c r="J2228">
        <v>1145.3920000000001</v>
      </c>
      <c r="K2228">
        <v>1139.154</v>
      </c>
      <c r="L2228">
        <v>1158.499</v>
      </c>
      <c r="M2228">
        <v>1145.4110000000001</v>
      </c>
      <c r="N2228">
        <v>1116.5239999999999</v>
      </c>
      <c r="O2228">
        <v>1019.1</v>
      </c>
      <c r="P2228">
        <v>0</v>
      </c>
      <c r="Q2228">
        <v>0</v>
      </c>
      <c r="R2228">
        <v>1079.3309999999999</v>
      </c>
      <c r="S2228">
        <v>0</v>
      </c>
      <c r="T2228">
        <v>1097.9839999999999</v>
      </c>
      <c r="U2228">
        <v>1112.104</v>
      </c>
      <c r="V2228">
        <v>1114.4269999999999</v>
      </c>
      <c r="W2228">
        <v>1139.9549999999999</v>
      </c>
      <c r="X2228">
        <v>1164.98</v>
      </c>
      <c r="Y2228">
        <v>1168.3530000000001</v>
      </c>
    </row>
    <row r="2229" spans="1:25" x14ac:dyDescent="0.3">
      <c r="A2229">
        <v>59.683333335739249</v>
      </c>
      <c r="B2229">
        <v>983.26300000000003</v>
      </c>
      <c r="C2229">
        <v>1025.5170000000001</v>
      </c>
      <c r="D2229">
        <v>1036.671</v>
      </c>
      <c r="E2229">
        <v>1065.3389999999999</v>
      </c>
      <c r="F2229">
        <v>1083.5350000000001</v>
      </c>
      <c r="G2229">
        <v>1103.0039999999999</v>
      </c>
      <c r="H2229">
        <v>1117.5999999999999</v>
      </c>
      <c r="I2229">
        <v>1132.325</v>
      </c>
      <c r="J2229">
        <v>1146.4590000000001</v>
      </c>
      <c r="K2229">
        <v>1138.0650000000001</v>
      </c>
      <c r="L2229">
        <v>1156.9829999999999</v>
      </c>
      <c r="M2229">
        <v>1143.4069999999999</v>
      </c>
      <c r="N2229">
        <v>1125.1690000000001</v>
      </c>
      <c r="O2229">
        <v>1021.244</v>
      </c>
      <c r="P2229">
        <v>0</v>
      </c>
      <c r="Q2229">
        <v>0</v>
      </c>
      <c r="R2229">
        <v>1079.8330000000001</v>
      </c>
      <c r="S2229">
        <v>0</v>
      </c>
      <c r="T2229">
        <v>1096.46</v>
      </c>
      <c r="U2229">
        <v>1110.289</v>
      </c>
      <c r="V2229">
        <v>1111.2139999999999</v>
      </c>
      <c r="W2229">
        <v>1138.7139999999999</v>
      </c>
      <c r="X2229">
        <v>1160.53</v>
      </c>
      <c r="Y2229">
        <v>1168.6410000000001</v>
      </c>
    </row>
    <row r="2230" spans="1:25" x14ac:dyDescent="0.3">
      <c r="A2230">
        <v>59.700000006301948</v>
      </c>
      <c r="B2230">
        <v>982.61</v>
      </c>
      <c r="C2230">
        <v>1026.0309999999999</v>
      </c>
      <c r="D2230">
        <v>1034.9780000000001</v>
      </c>
      <c r="E2230">
        <v>1068.3140000000001</v>
      </c>
      <c r="F2230">
        <v>1084.5840000000001</v>
      </c>
      <c r="G2230">
        <v>1101.1990000000001</v>
      </c>
      <c r="H2230">
        <v>1115.598</v>
      </c>
      <c r="I2230">
        <v>1134.6610000000001</v>
      </c>
      <c r="J2230">
        <v>1145.105</v>
      </c>
      <c r="K2230">
        <v>1135.3630000000001</v>
      </c>
      <c r="L2230">
        <v>1154.913</v>
      </c>
      <c r="M2230">
        <v>1142.835</v>
      </c>
      <c r="N2230">
        <v>1132.5920000000001</v>
      </c>
      <c r="O2230">
        <v>1015.266</v>
      </c>
      <c r="P2230">
        <v>0</v>
      </c>
      <c r="Q2230">
        <v>0</v>
      </c>
      <c r="R2230">
        <v>1073.421</v>
      </c>
      <c r="S2230">
        <v>0</v>
      </c>
      <c r="T2230">
        <v>1094.9369999999999</v>
      </c>
      <c r="U2230">
        <v>1110.837</v>
      </c>
      <c r="V2230">
        <v>1112.1410000000001</v>
      </c>
      <c r="W2230">
        <v>1136.2739999999999</v>
      </c>
      <c r="X2230">
        <v>1155.354</v>
      </c>
      <c r="Y2230">
        <v>1163.1379999999999</v>
      </c>
    </row>
    <row r="2231" spans="1:25" x14ac:dyDescent="0.3">
      <c r="A2231">
        <v>59.733333336949968</v>
      </c>
      <c r="B2231">
        <v>984.62300000000005</v>
      </c>
      <c r="C2231">
        <v>1024.528</v>
      </c>
      <c r="D2231">
        <v>1034.5540000000001</v>
      </c>
      <c r="E2231">
        <v>1064.635</v>
      </c>
      <c r="F2231">
        <v>1084.6959999999999</v>
      </c>
      <c r="G2231">
        <v>1097.9079999999999</v>
      </c>
      <c r="H2231">
        <v>1108.345</v>
      </c>
      <c r="I2231">
        <v>1127.6369999999999</v>
      </c>
      <c r="J2231">
        <v>1141.8430000000001</v>
      </c>
      <c r="K2231">
        <v>1136.047</v>
      </c>
      <c r="L2231">
        <v>1151.251</v>
      </c>
      <c r="M2231">
        <v>1141.442</v>
      </c>
      <c r="N2231">
        <v>1128.0170000000001</v>
      </c>
      <c r="O2231">
        <v>1013.414</v>
      </c>
      <c r="P2231">
        <v>0</v>
      </c>
      <c r="Q2231">
        <v>0</v>
      </c>
      <c r="R2231">
        <v>1069.5809999999999</v>
      </c>
      <c r="S2231">
        <v>0</v>
      </c>
      <c r="T2231">
        <v>1093.8889999999999</v>
      </c>
      <c r="U2231">
        <v>1111.309</v>
      </c>
      <c r="V2231">
        <v>1116.278</v>
      </c>
      <c r="W2231">
        <v>1138.981</v>
      </c>
      <c r="X2231">
        <v>1159.0740000000001</v>
      </c>
      <c r="Y2231">
        <v>1159.7829999999999</v>
      </c>
    </row>
    <row r="2232" spans="1:25" x14ac:dyDescent="0.3">
      <c r="A2232">
        <v>59.766666667597988</v>
      </c>
      <c r="B2232">
        <v>983.53499999999997</v>
      </c>
      <c r="C2232">
        <v>1024.894</v>
      </c>
      <c r="D2232">
        <v>1035.107</v>
      </c>
      <c r="E2232">
        <v>1064.7090000000001</v>
      </c>
      <c r="F2232">
        <v>1081.644</v>
      </c>
      <c r="G2232">
        <v>1094.1130000000001</v>
      </c>
      <c r="H2232">
        <v>1104.2639999999999</v>
      </c>
      <c r="I2232">
        <v>1132.5350000000001</v>
      </c>
      <c r="J2232">
        <v>1139.306</v>
      </c>
      <c r="K2232">
        <v>1133.75</v>
      </c>
      <c r="L2232">
        <v>1151.788</v>
      </c>
      <c r="M2232">
        <v>1141.2329999999999</v>
      </c>
      <c r="N2232">
        <v>1123.499</v>
      </c>
      <c r="O2232">
        <v>1013.451</v>
      </c>
      <c r="P2232">
        <v>0</v>
      </c>
      <c r="Q2232">
        <v>0</v>
      </c>
      <c r="R2232">
        <v>1067.587</v>
      </c>
      <c r="S2232">
        <v>0</v>
      </c>
      <c r="T2232">
        <v>1093.8140000000001</v>
      </c>
      <c r="U2232">
        <v>1111.82</v>
      </c>
      <c r="V2232">
        <v>1117.28</v>
      </c>
      <c r="W2232">
        <v>1140.05</v>
      </c>
      <c r="X2232">
        <v>1163.1769999999999</v>
      </c>
      <c r="Y2232">
        <v>1164.461</v>
      </c>
    </row>
    <row r="2233" spans="1:25" x14ac:dyDescent="0.3">
      <c r="A2233">
        <v>59.783333338160688</v>
      </c>
      <c r="B2233">
        <v>976.91499999999996</v>
      </c>
      <c r="C2233">
        <v>1025.481</v>
      </c>
      <c r="D2233">
        <v>1033.357</v>
      </c>
      <c r="E2233">
        <v>1066.6569999999999</v>
      </c>
      <c r="F2233">
        <v>1084.6389999999999</v>
      </c>
      <c r="G2233">
        <v>1095.181</v>
      </c>
      <c r="H2233">
        <v>1104.922</v>
      </c>
      <c r="I2233">
        <v>1128.377</v>
      </c>
      <c r="J2233">
        <v>1138.2940000000001</v>
      </c>
      <c r="K2233">
        <v>1134.489</v>
      </c>
      <c r="L2233">
        <v>1153.5319999999999</v>
      </c>
      <c r="M2233">
        <v>1141.194</v>
      </c>
      <c r="N2233">
        <v>1118.6199999999999</v>
      </c>
      <c r="O2233">
        <v>1017.521</v>
      </c>
      <c r="P2233">
        <v>0</v>
      </c>
      <c r="Q2233">
        <v>0</v>
      </c>
      <c r="R2233">
        <v>1073.123</v>
      </c>
      <c r="S2233">
        <v>0</v>
      </c>
      <c r="T2233">
        <v>1097.5129999999999</v>
      </c>
      <c r="U2233">
        <v>1112.367</v>
      </c>
      <c r="V2233">
        <v>1113.1600000000001</v>
      </c>
      <c r="W2233">
        <v>1137.76</v>
      </c>
      <c r="X2233">
        <v>1165.23</v>
      </c>
      <c r="Y2233">
        <v>1168.8340000000001</v>
      </c>
    </row>
    <row r="2234" spans="1:25" x14ac:dyDescent="0.3">
      <c r="A2234">
        <v>59.816666668808708</v>
      </c>
      <c r="B2234">
        <v>983.66200000000003</v>
      </c>
      <c r="C2234">
        <v>1025.72</v>
      </c>
      <c r="D2234">
        <v>1033.9649999999999</v>
      </c>
      <c r="E2234">
        <v>1064.356</v>
      </c>
      <c r="F2234">
        <v>1081.588</v>
      </c>
      <c r="G2234">
        <v>1092.934</v>
      </c>
      <c r="H2234">
        <v>1103.9259999999999</v>
      </c>
      <c r="I2234">
        <v>1126.271</v>
      </c>
      <c r="J2234">
        <v>1139.7449999999999</v>
      </c>
      <c r="K2234">
        <v>1134.9459999999999</v>
      </c>
      <c r="L2234">
        <v>1154.0119999999999</v>
      </c>
      <c r="M2234">
        <v>1140.9849999999999</v>
      </c>
      <c r="N2234">
        <v>1130.5229999999999</v>
      </c>
      <c r="O2234">
        <v>1020.603</v>
      </c>
      <c r="P2234">
        <v>0</v>
      </c>
      <c r="Q2234">
        <v>0</v>
      </c>
      <c r="R2234">
        <v>1072.694</v>
      </c>
      <c r="S2234">
        <v>0</v>
      </c>
      <c r="T2234">
        <v>1100.221</v>
      </c>
      <c r="U2234">
        <v>1116.845</v>
      </c>
      <c r="V2234">
        <v>1119.528</v>
      </c>
      <c r="W2234">
        <v>1143.789</v>
      </c>
      <c r="X2234">
        <v>1167.5820000000001</v>
      </c>
      <c r="Y2234">
        <v>1169.278</v>
      </c>
    </row>
    <row r="2235" spans="1:25" x14ac:dyDescent="0.3">
      <c r="A2235">
        <v>59.833333339371407</v>
      </c>
      <c r="B2235">
        <v>987.36699999999996</v>
      </c>
      <c r="C2235">
        <v>1026.7850000000001</v>
      </c>
      <c r="D2235">
        <v>1036.432</v>
      </c>
      <c r="E2235">
        <v>1070.308</v>
      </c>
      <c r="F2235">
        <v>1087.8040000000001</v>
      </c>
      <c r="G2235">
        <v>1097.307</v>
      </c>
      <c r="H2235">
        <v>1113.2739999999999</v>
      </c>
      <c r="I2235">
        <v>1130.5039999999999</v>
      </c>
      <c r="J2235">
        <v>1138.4090000000001</v>
      </c>
      <c r="K2235">
        <v>1134.9079999999999</v>
      </c>
      <c r="L2235">
        <v>1156.3320000000001</v>
      </c>
      <c r="M2235">
        <v>1143.3309999999999</v>
      </c>
      <c r="N2235">
        <v>1133.617</v>
      </c>
      <c r="O2235">
        <v>1018.0170000000001</v>
      </c>
      <c r="P2235">
        <v>0</v>
      </c>
      <c r="Q2235">
        <v>0</v>
      </c>
      <c r="R2235">
        <v>1072.75</v>
      </c>
      <c r="S2235">
        <v>0</v>
      </c>
      <c r="T2235">
        <v>1098.8679999999999</v>
      </c>
      <c r="U2235">
        <v>1116.259</v>
      </c>
      <c r="V2235">
        <v>1121.7</v>
      </c>
      <c r="W2235">
        <v>1144.1130000000001</v>
      </c>
      <c r="X2235">
        <v>1169.278</v>
      </c>
      <c r="Y2235">
        <v>1168.6420000000001</v>
      </c>
    </row>
    <row r="2236" spans="1:25" x14ac:dyDescent="0.3">
      <c r="A2236">
        <v>59.866666670019427</v>
      </c>
      <c r="B2236">
        <v>988.05899999999997</v>
      </c>
      <c r="C2236">
        <v>1027.9259999999999</v>
      </c>
      <c r="D2236">
        <v>1036.175</v>
      </c>
      <c r="E2236">
        <v>1071.6880000000001</v>
      </c>
      <c r="F2236">
        <v>1090.3130000000001</v>
      </c>
      <c r="G2236">
        <v>1102.6099999999999</v>
      </c>
      <c r="H2236">
        <v>1116.4110000000001</v>
      </c>
      <c r="I2236">
        <v>1130.902</v>
      </c>
      <c r="J2236">
        <v>1138.867</v>
      </c>
      <c r="K2236">
        <v>1136.883</v>
      </c>
      <c r="L2236">
        <v>1156.4659999999999</v>
      </c>
      <c r="M2236">
        <v>1144.17</v>
      </c>
      <c r="N2236">
        <v>1132.7249999999999</v>
      </c>
      <c r="O2236">
        <v>1014.056</v>
      </c>
      <c r="P2236">
        <v>0</v>
      </c>
      <c r="Q2236">
        <v>0</v>
      </c>
      <c r="R2236">
        <v>1071.222</v>
      </c>
      <c r="S2236">
        <v>0</v>
      </c>
      <c r="T2236">
        <v>1097.683</v>
      </c>
      <c r="U2236">
        <v>1115.3900000000001</v>
      </c>
      <c r="V2236">
        <v>1116.6369999999999</v>
      </c>
      <c r="W2236">
        <v>1142.473</v>
      </c>
      <c r="X2236">
        <v>1172.7090000000001</v>
      </c>
      <c r="Y2236">
        <v>1172.8630000000001</v>
      </c>
    </row>
    <row r="2237" spans="1:25" x14ac:dyDescent="0.3">
      <c r="A2237">
        <v>59.900000000667447</v>
      </c>
      <c r="B2237">
        <v>984.95100000000002</v>
      </c>
      <c r="C2237">
        <v>1027.761</v>
      </c>
      <c r="D2237">
        <v>1036.654</v>
      </c>
      <c r="E2237">
        <v>1067.4570000000001</v>
      </c>
      <c r="F2237">
        <v>1084.2850000000001</v>
      </c>
      <c r="G2237">
        <v>1102.723</v>
      </c>
      <c r="H2237">
        <v>1115.9010000000001</v>
      </c>
      <c r="I2237">
        <v>1130.5229999999999</v>
      </c>
      <c r="J2237">
        <v>1138.944</v>
      </c>
      <c r="K2237">
        <v>1136.2180000000001</v>
      </c>
      <c r="L2237">
        <v>1154.971</v>
      </c>
      <c r="M2237">
        <v>1143.675</v>
      </c>
      <c r="N2237">
        <v>1130.3710000000001</v>
      </c>
      <c r="O2237">
        <v>1011.604</v>
      </c>
      <c r="P2237">
        <v>0</v>
      </c>
      <c r="Q2237">
        <v>0</v>
      </c>
      <c r="R2237">
        <v>1075.1559999999999</v>
      </c>
      <c r="S2237">
        <v>0</v>
      </c>
      <c r="T2237">
        <v>1098.53</v>
      </c>
      <c r="U2237">
        <v>1115.145</v>
      </c>
      <c r="V2237">
        <v>1119.434</v>
      </c>
      <c r="W2237">
        <v>1147.0519999999999</v>
      </c>
      <c r="X2237">
        <v>1175.8889999999999</v>
      </c>
      <c r="Y2237">
        <v>1168.604</v>
      </c>
    </row>
    <row r="2238" spans="1:25" x14ac:dyDescent="0.3">
      <c r="A2238">
        <v>59.916666671230146</v>
      </c>
      <c r="B2238">
        <v>976.678</v>
      </c>
      <c r="C2238">
        <v>1026.231</v>
      </c>
      <c r="D2238">
        <v>1036.0619999999999</v>
      </c>
      <c r="E2238">
        <v>1070.511</v>
      </c>
      <c r="F2238">
        <v>1083.645</v>
      </c>
      <c r="G2238">
        <v>1099.1279999999999</v>
      </c>
      <c r="H2238">
        <v>1110.5329999999999</v>
      </c>
      <c r="I2238">
        <v>1124.028</v>
      </c>
      <c r="J2238">
        <v>1133.7280000000001</v>
      </c>
      <c r="K2238">
        <v>1131.925</v>
      </c>
      <c r="L2238">
        <v>1152.7629999999999</v>
      </c>
      <c r="M2238">
        <v>1144.569</v>
      </c>
      <c r="N2238">
        <v>1133.3109999999999</v>
      </c>
      <c r="O2238">
        <v>1003.836</v>
      </c>
      <c r="P2238">
        <v>0</v>
      </c>
      <c r="Q2238">
        <v>0</v>
      </c>
      <c r="R2238">
        <v>1073.5309999999999</v>
      </c>
      <c r="S2238">
        <v>0</v>
      </c>
      <c r="T2238">
        <v>1097.0409999999999</v>
      </c>
      <c r="U2238">
        <v>1114.3489999999999</v>
      </c>
      <c r="V2238">
        <v>1118.5239999999999</v>
      </c>
      <c r="W2238">
        <v>1142.7370000000001</v>
      </c>
      <c r="X2238">
        <v>1165.3050000000001</v>
      </c>
      <c r="Y2238">
        <v>1163.289</v>
      </c>
    </row>
    <row r="2239" spans="1:25" x14ac:dyDescent="0.3">
      <c r="A2239">
        <v>59.950000001878166</v>
      </c>
      <c r="B2239">
        <v>980.70699999999999</v>
      </c>
      <c r="C2239">
        <v>1026.2529999999999</v>
      </c>
      <c r="D2239">
        <v>1037.5930000000001</v>
      </c>
      <c r="E2239">
        <v>1069.3030000000001</v>
      </c>
      <c r="F2239">
        <v>1086.925</v>
      </c>
      <c r="G2239">
        <v>1097.27</v>
      </c>
      <c r="H2239">
        <v>1111.7070000000001</v>
      </c>
      <c r="I2239">
        <v>1128.3409999999999</v>
      </c>
      <c r="J2239">
        <v>1136.3140000000001</v>
      </c>
      <c r="K2239">
        <v>1132.6310000000001</v>
      </c>
      <c r="L2239">
        <v>1154.55</v>
      </c>
      <c r="M2239">
        <v>1144.4390000000001</v>
      </c>
      <c r="N2239">
        <v>1135.213</v>
      </c>
      <c r="O2239">
        <v>1004.735</v>
      </c>
      <c r="P2239">
        <v>0</v>
      </c>
      <c r="Q2239">
        <v>0</v>
      </c>
      <c r="R2239">
        <v>1073.5350000000001</v>
      </c>
      <c r="S2239">
        <v>0</v>
      </c>
      <c r="T2239">
        <v>1096.1990000000001</v>
      </c>
      <c r="U2239">
        <v>1113.3320000000001</v>
      </c>
      <c r="V2239">
        <v>1116.223</v>
      </c>
      <c r="W2239">
        <v>1140.9670000000001</v>
      </c>
      <c r="X2239">
        <v>1165.9639999999999</v>
      </c>
      <c r="Y2239">
        <v>1164.1179999999999</v>
      </c>
    </row>
    <row r="2240" spans="1:25" x14ac:dyDescent="0.3">
      <c r="A2240">
        <v>59.966666672440866</v>
      </c>
      <c r="B2240">
        <v>979.14700000000005</v>
      </c>
      <c r="C2240">
        <v>1026.693</v>
      </c>
      <c r="D2240">
        <v>1035.402</v>
      </c>
      <c r="E2240">
        <v>1066.25</v>
      </c>
      <c r="F2240">
        <v>1087.056</v>
      </c>
      <c r="G2240">
        <v>1098.8489999999999</v>
      </c>
      <c r="H2240">
        <v>1114.2570000000001</v>
      </c>
      <c r="I2240">
        <v>1126.404</v>
      </c>
      <c r="J2240">
        <v>1135.402</v>
      </c>
      <c r="K2240">
        <v>1132.403</v>
      </c>
      <c r="L2240">
        <v>1151.827</v>
      </c>
      <c r="M2240">
        <v>1143.3699999999999</v>
      </c>
      <c r="N2240">
        <v>1130.941</v>
      </c>
      <c r="O2240">
        <v>1005.41</v>
      </c>
      <c r="P2240">
        <v>0</v>
      </c>
      <c r="Q2240">
        <v>0</v>
      </c>
      <c r="R2240">
        <v>1072.0429999999999</v>
      </c>
      <c r="S2240">
        <v>0</v>
      </c>
      <c r="T2240">
        <v>1092.373</v>
      </c>
      <c r="U2240">
        <v>1109.4590000000001</v>
      </c>
      <c r="V2240">
        <v>1109.289</v>
      </c>
      <c r="W2240">
        <v>1135.269</v>
      </c>
      <c r="X2240">
        <v>1164.366</v>
      </c>
      <c r="Y2240">
        <v>1166.8499999999999</v>
      </c>
    </row>
    <row r="2241" spans="1:25" x14ac:dyDescent="0.3">
      <c r="A2241">
        <v>60.000000003088886</v>
      </c>
      <c r="B2241">
        <v>984.96900000000005</v>
      </c>
      <c r="C2241">
        <v>1026.8219999999999</v>
      </c>
      <c r="D2241">
        <v>1033.598</v>
      </c>
      <c r="E2241">
        <v>1063.1500000000001</v>
      </c>
      <c r="F2241">
        <v>1086.7750000000001</v>
      </c>
      <c r="G2241">
        <v>1101.576</v>
      </c>
      <c r="H2241">
        <v>1112.954</v>
      </c>
      <c r="I2241">
        <v>1125.4929999999999</v>
      </c>
      <c r="J2241">
        <v>1134.3579999999999</v>
      </c>
      <c r="K2241">
        <v>1134.3579999999999</v>
      </c>
      <c r="L2241">
        <v>1154.3579999999999</v>
      </c>
      <c r="M2241">
        <v>1143.828</v>
      </c>
      <c r="N2241">
        <v>1127.5619999999999</v>
      </c>
      <c r="O2241">
        <v>1003.912</v>
      </c>
      <c r="P2241">
        <v>0</v>
      </c>
      <c r="Q2241">
        <v>0</v>
      </c>
      <c r="R2241">
        <v>1070.7940000000001</v>
      </c>
      <c r="S2241">
        <v>0</v>
      </c>
      <c r="T2241">
        <v>1090.4259999999999</v>
      </c>
      <c r="U2241">
        <v>1106.8599999999999</v>
      </c>
      <c r="V2241">
        <v>1109.6849999999999</v>
      </c>
      <c r="W2241">
        <v>1133.58</v>
      </c>
      <c r="X2241">
        <v>1162.3720000000001</v>
      </c>
      <c r="Y2241">
        <v>1168.2380000000001</v>
      </c>
    </row>
    <row r="2242" spans="1:25" x14ac:dyDescent="0.3">
      <c r="A2242">
        <v>60.033333333736906</v>
      </c>
      <c r="B2242">
        <v>981.577</v>
      </c>
      <c r="C2242">
        <v>1026.9690000000001</v>
      </c>
      <c r="D2242">
        <v>1035.2170000000001</v>
      </c>
      <c r="E2242">
        <v>1062.4449999999999</v>
      </c>
      <c r="F2242">
        <v>1082.6369999999999</v>
      </c>
      <c r="G2242">
        <v>1097.9649999999999</v>
      </c>
      <c r="H2242">
        <v>1110.1949999999999</v>
      </c>
      <c r="I2242">
        <v>1121.587</v>
      </c>
      <c r="J2242">
        <v>1129.403</v>
      </c>
      <c r="K2242">
        <v>1129.6500000000001</v>
      </c>
      <c r="L2242">
        <v>1153.0719999999999</v>
      </c>
      <c r="M2242">
        <v>1142.492</v>
      </c>
      <c r="N2242">
        <v>1130.181</v>
      </c>
      <c r="O2242">
        <v>1006.926</v>
      </c>
      <c r="P2242">
        <v>0</v>
      </c>
      <c r="Q2242">
        <v>0</v>
      </c>
      <c r="R2242">
        <v>1072.154</v>
      </c>
      <c r="S2242">
        <v>0</v>
      </c>
      <c r="T2242">
        <v>1091.6610000000001</v>
      </c>
      <c r="U2242">
        <v>1105.9949999999999</v>
      </c>
      <c r="V2242">
        <v>1108.0820000000001</v>
      </c>
      <c r="W2242">
        <v>1133.3320000000001</v>
      </c>
      <c r="X2242">
        <v>1161.777</v>
      </c>
      <c r="Y2242">
        <v>1164.864</v>
      </c>
    </row>
    <row r="2243" spans="1:25" x14ac:dyDescent="0.3">
      <c r="A2243">
        <v>60.050000004299605</v>
      </c>
      <c r="B2243">
        <v>964.59500000000003</v>
      </c>
      <c r="C2243">
        <v>1022.731</v>
      </c>
      <c r="D2243">
        <v>1032.6590000000001</v>
      </c>
      <c r="E2243">
        <v>1058.7139999999999</v>
      </c>
      <c r="F2243">
        <v>1080.021</v>
      </c>
      <c r="G2243">
        <v>1096.461</v>
      </c>
      <c r="H2243">
        <v>1106.7850000000001</v>
      </c>
      <c r="I2243">
        <v>1119.0940000000001</v>
      </c>
      <c r="J2243">
        <v>1129.498</v>
      </c>
      <c r="K2243">
        <v>1128.511</v>
      </c>
      <c r="L2243">
        <v>1148.521</v>
      </c>
      <c r="M2243">
        <v>1140.432</v>
      </c>
      <c r="N2243">
        <v>1125.037</v>
      </c>
      <c r="O2243">
        <v>1006.653</v>
      </c>
      <c r="P2243">
        <v>0</v>
      </c>
      <c r="Q2243">
        <v>0</v>
      </c>
      <c r="R2243">
        <v>1071.4829999999999</v>
      </c>
      <c r="S2243">
        <v>0</v>
      </c>
      <c r="T2243">
        <v>1091.998</v>
      </c>
      <c r="U2243">
        <v>1106.8230000000001</v>
      </c>
      <c r="V2243">
        <v>1107.18</v>
      </c>
      <c r="W2243">
        <v>1135.857</v>
      </c>
      <c r="X2243">
        <v>1161.03</v>
      </c>
      <c r="Y2243">
        <v>1163.1199999999999</v>
      </c>
    </row>
    <row r="2244" spans="1:25" x14ac:dyDescent="0.3">
      <c r="A2244">
        <v>60.083333334947625</v>
      </c>
      <c r="B2244">
        <v>963.72699999999998</v>
      </c>
      <c r="C2244">
        <v>1024.1610000000001</v>
      </c>
      <c r="D2244">
        <v>1031.682</v>
      </c>
      <c r="E2244">
        <v>1060.4590000000001</v>
      </c>
      <c r="F2244">
        <v>1081.8499999999999</v>
      </c>
      <c r="G2244">
        <v>1093.4580000000001</v>
      </c>
      <c r="H2244">
        <v>1102.9670000000001</v>
      </c>
      <c r="I2244">
        <v>1119.8869999999999</v>
      </c>
      <c r="J2244">
        <v>1133.2560000000001</v>
      </c>
      <c r="K2244">
        <v>1129.896</v>
      </c>
      <c r="L2244">
        <v>1148.2149999999999</v>
      </c>
      <c r="M2244">
        <v>1137.1880000000001</v>
      </c>
      <c r="N2244">
        <v>1125.549</v>
      </c>
      <c r="O2244">
        <v>1005.7380000000001</v>
      </c>
      <c r="P2244">
        <v>0</v>
      </c>
      <c r="Q2244">
        <v>0</v>
      </c>
      <c r="R2244">
        <v>1073.1420000000001</v>
      </c>
      <c r="S2244">
        <v>0</v>
      </c>
      <c r="T2244">
        <v>1093.5519999999999</v>
      </c>
      <c r="U2244">
        <v>1110.0250000000001</v>
      </c>
      <c r="V2244">
        <v>1109.5899999999999</v>
      </c>
      <c r="W2244">
        <v>1134.1289999999999</v>
      </c>
      <c r="X2244">
        <v>1157.271</v>
      </c>
      <c r="Y2244">
        <v>1161.106</v>
      </c>
    </row>
    <row r="2245" spans="1:25" x14ac:dyDescent="0.3">
      <c r="A2245">
        <v>60.100000005510324</v>
      </c>
      <c r="B2245">
        <v>942.42</v>
      </c>
      <c r="C2245">
        <v>1019.668</v>
      </c>
      <c r="D2245">
        <v>1034.481</v>
      </c>
      <c r="E2245">
        <v>1062.4079999999999</v>
      </c>
      <c r="F2245">
        <v>1083.105</v>
      </c>
      <c r="G2245">
        <v>1098.962</v>
      </c>
      <c r="H2245">
        <v>1112.2360000000001</v>
      </c>
      <c r="I2245">
        <v>1129.479</v>
      </c>
      <c r="J2245">
        <v>1137.761</v>
      </c>
      <c r="K2245">
        <v>1134.472</v>
      </c>
      <c r="L2245">
        <v>1157.3489999999999</v>
      </c>
      <c r="M2245">
        <v>1142.702</v>
      </c>
      <c r="N2245">
        <v>1131.491</v>
      </c>
      <c r="O2245">
        <v>1007.018</v>
      </c>
      <c r="P2245">
        <v>0</v>
      </c>
      <c r="Q2245">
        <v>0</v>
      </c>
      <c r="R2245">
        <v>1072.154</v>
      </c>
      <c r="S2245">
        <v>0</v>
      </c>
      <c r="T2245">
        <v>1094.058</v>
      </c>
      <c r="U2245">
        <v>1112.1790000000001</v>
      </c>
      <c r="V2245">
        <v>1111.7629999999999</v>
      </c>
      <c r="W2245">
        <v>1133.75</v>
      </c>
      <c r="X2245">
        <v>1158.077</v>
      </c>
      <c r="Y2245">
        <v>1163.7329999999999</v>
      </c>
    </row>
    <row r="2246" spans="1:25" x14ac:dyDescent="0.3">
      <c r="A2246">
        <v>60.133333336158344</v>
      </c>
      <c r="B2246">
        <v>943.15700000000004</v>
      </c>
      <c r="C2246">
        <v>1017.872</v>
      </c>
      <c r="D2246">
        <v>1035.0340000000001</v>
      </c>
      <c r="E2246">
        <v>1064.914</v>
      </c>
      <c r="F2246">
        <v>1084.154</v>
      </c>
      <c r="G2246">
        <v>1100.749</v>
      </c>
      <c r="H2246">
        <v>1115.1079999999999</v>
      </c>
      <c r="I2246">
        <v>1128.9290000000001</v>
      </c>
      <c r="J2246">
        <v>1139.7270000000001</v>
      </c>
      <c r="K2246">
        <v>1134.377</v>
      </c>
      <c r="L2246">
        <v>1155.8920000000001</v>
      </c>
      <c r="M2246">
        <v>1143.0650000000001</v>
      </c>
      <c r="N2246">
        <v>1125.646</v>
      </c>
      <c r="O2246">
        <v>1009.375</v>
      </c>
      <c r="P2246">
        <v>0</v>
      </c>
      <c r="Q2246">
        <v>0</v>
      </c>
      <c r="R2246">
        <v>1079.5930000000001</v>
      </c>
      <c r="S2246">
        <v>0</v>
      </c>
      <c r="T2246">
        <v>1100.0719999999999</v>
      </c>
      <c r="U2246">
        <v>1112.577</v>
      </c>
      <c r="V2246">
        <v>1110.385</v>
      </c>
      <c r="W2246">
        <v>1133.106</v>
      </c>
      <c r="X2246">
        <v>1159.0940000000001</v>
      </c>
      <c r="Y2246">
        <v>1167.6990000000001</v>
      </c>
    </row>
    <row r="2247" spans="1:25" x14ac:dyDescent="0.3">
      <c r="A2247">
        <v>60.166666666806364</v>
      </c>
      <c r="B2247">
        <v>957.35400000000004</v>
      </c>
      <c r="C2247">
        <v>1018.035</v>
      </c>
      <c r="D2247">
        <v>1034.1310000000001</v>
      </c>
      <c r="E2247">
        <v>1065.5070000000001</v>
      </c>
      <c r="F2247">
        <v>1086.7560000000001</v>
      </c>
      <c r="G2247">
        <v>1101.5</v>
      </c>
      <c r="H2247">
        <v>1113.4069999999999</v>
      </c>
      <c r="I2247">
        <v>1125.682</v>
      </c>
      <c r="J2247">
        <v>1137.0550000000001</v>
      </c>
      <c r="K2247">
        <v>1132.82</v>
      </c>
      <c r="L2247">
        <v>1154.223</v>
      </c>
      <c r="M2247">
        <v>1143.3119999999999</v>
      </c>
      <c r="N2247">
        <v>1127.4860000000001</v>
      </c>
      <c r="O2247">
        <v>1003.784</v>
      </c>
      <c r="P2247">
        <v>0</v>
      </c>
      <c r="Q2247">
        <v>0</v>
      </c>
      <c r="R2247">
        <v>1076.385</v>
      </c>
      <c r="S2247">
        <v>0</v>
      </c>
      <c r="T2247">
        <v>1095.4639999999999</v>
      </c>
      <c r="U2247">
        <v>1110.2329999999999</v>
      </c>
      <c r="V2247">
        <v>1107.104</v>
      </c>
      <c r="W2247">
        <v>1129.5360000000001</v>
      </c>
      <c r="X2247">
        <v>1152.325</v>
      </c>
      <c r="Y2247">
        <v>1162.9079999999999</v>
      </c>
    </row>
    <row r="2248" spans="1:25" x14ac:dyDescent="0.3">
      <c r="A2248">
        <v>60.183333337369064</v>
      </c>
      <c r="B2248">
        <v>965.73299999999995</v>
      </c>
      <c r="C2248">
        <v>1019.833</v>
      </c>
      <c r="D2248">
        <v>1029.6020000000001</v>
      </c>
      <c r="E2248">
        <v>1064.2829999999999</v>
      </c>
      <c r="F2248">
        <v>1083.761</v>
      </c>
      <c r="G2248">
        <v>1097.9090000000001</v>
      </c>
      <c r="H2248">
        <v>1107.951</v>
      </c>
      <c r="I2248">
        <v>1122.8920000000001</v>
      </c>
      <c r="J2248">
        <v>1138.2950000000001</v>
      </c>
      <c r="K2248">
        <v>1134.8510000000001</v>
      </c>
      <c r="L2248">
        <v>1154.453</v>
      </c>
      <c r="M2248">
        <v>1142.645</v>
      </c>
      <c r="N2248">
        <v>1125.075</v>
      </c>
      <c r="O2248">
        <v>1003.62</v>
      </c>
      <c r="P2248">
        <v>0</v>
      </c>
      <c r="Q2248">
        <v>0</v>
      </c>
      <c r="R2248">
        <v>1074.559</v>
      </c>
      <c r="S2248">
        <v>0</v>
      </c>
      <c r="T2248">
        <v>1093.5899999999999</v>
      </c>
      <c r="U2248">
        <v>1109.912</v>
      </c>
      <c r="V2248">
        <v>1107.951</v>
      </c>
      <c r="W2248">
        <v>1130.011</v>
      </c>
      <c r="X2248">
        <v>1154.2619999999999</v>
      </c>
      <c r="Y2248">
        <v>1165.385</v>
      </c>
    </row>
    <row r="2249" spans="1:25" x14ac:dyDescent="0.3">
      <c r="A2249">
        <v>60.216666668017083</v>
      </c>
      <c r="B2249">
        <v>967.59400000000005</v>
      </c>
      <c r="C2249">
        <v>1023.702</v>
      </c>
      <c r="D2249">
        <v>1032.6949999999999</v>
      </c>
      <c r="E2249">
        <v>1066.3979999999999</v>
      </c>
      <c r="F2249">
        <v>1085.482</v>
      </c>
      <c r="G2249">
        <v>1099.1679999999999</v>
      </c>
      <c r="H2249">
        <v>1106.9349999999999</v>
      </c>
      <c r="I2249">
        <v>1120.9069999999999</v>
      </c>
      <c r="J2249">
        <v>1135.971</v>
      </c>
      <c r="K2249">
        <v>1129.441</v>
      </c>
      <c r="L2249">
        <v>1145.5060000000001</v>
      </c>
      <c r="M2249">
        <v>1136.559</v>
      </c>
      <c r="N2249">
        <v>1125.492</v>
      </c>
      <c r="O2249">
        <v>1009.758</v>
      </c>
      <c r="P2249">
        <v>0</v>
      </c>
      <c r="Q2249">
        <v>0</v>
      </c>
      <c r="R2249">
        <v>1079.125</v>
      </c>
      <c r="S2249">
        <v>0</v>
      </c>
      <c r="T2249">
        <v>1098.51</v>
      </c>
      <c r="U2249">
        <v>1112.972</v>
      </c>
      <c r="V2249">
        <v>1111.1020000000001</v>
      </c>
      <c r="W2249">
        <v>1131.377</v>
      </c>
      <c r="X2249">
        <v>1152.2090000000001</v>
      </c>
      <c r="Y2249">
        <v>1164.231</v>
      </c>
    </row>
    <row r="2250" spans="1:25" x14ac:dyDescent="0.3">
      <c r="A2250">
        <v>60.249999998665103</v>
      </c>
      <c r="B2250">
        <v>975.10299999999995</v>
      </c>
      <c r="C2250">
        <v>1023.758</v>
      </c>
      <c r="D2250">
        <v>1033.855</v>
      </c>
      <c r="E2250">
        <v>1065.248</v>
      </c>
      <c r="F2250">
        <v>1084.5840000000001</v>
      </c>
      <c r="G2250">
        <v>1099.7139999999999</v>
      </c>
      <c r="H2250">
        <v>1110.5920000000001</v>
      </c>
      <c r="I2250">
        <v>1120.7560000000001</v>
      </c>
      <c r="J2250">
        <v>1132.8009999999999</v>
      </c>
      <c r="K2250">
        <v>1126.1569999999999</v>
      </c>
      <c r="L2250">
        <v>1144.19</v>
      </c>
      <c r="M2250">
        <v>1136.674</v>
      </c>
      <c r="N2250">
        <v>1119.8309999999999</v>
      </c>
      <c r="O2250">
        <v>1011.732</v>
      </c>
      <c r="P2250">
        <v>0</v>
      </c>
      <c r="Q2250">
        <v>0</v>
      </c>
      <c r="R2250">
        <v>1076.74</v>
      </c>
      <c r="S2250">
        <v>0</v>
      </c>
      <c r="T2250">
        <v>1094.8820000000001</v>
      </c>
      <c r="U2250">
        <v>1111.2529999999999</v>
      </c>
      <c r="V2250">
        <v>1110.857</v>
      </c>
      <c r="W2250">
        <v>1131.567</v>
      </c>
      <c r="X2250">
        <v>1156.1410000000001</v>
      </c>
      <c r="Y2250">
        <v>1164.615</v>
      </c>
    </row>
    <row r="2251" spans="1:25" x14ac:dyDescent="0.3">
      <c r="A2251">
        <v>60.266666669227803</v>
      </c>
      <c r="B2251">
        <v>974.57600000000002</v>
      </c>
      <c r="C2251">
        <v>1024.674</v>
      </c>
      <c r="D2251">
        <v>1032.4369999999999</v>
      </c>
      <c r="E2251">
        <v>1064.932</v>
      </c>
      <c r="F2251">
        <v>1083.723</v>
      </c>
      <c r="G2251">
        <v>1098.999</v>
      </c>
      <c r="H2251">
        <v>1109.4770000000001</v>
      </c>
      <c r="I2251">
        <v>1122.835</v>
      </c>
      <c r="J2251">
        <v>1132.8579999999999</v>
      </c>
      <c r="K2251">
        <v>1129.1179999999999</v>
      </c>
      <c r="L2251">
        <v>1147.623</v>
      </c>
      <c r="M2251">
        <v>1139.21</v>
      </c>
      <c r="N2251">
        <v>1118.1679999999999</v>
      </c>
      <c r="O2251">
        <v>1008.15</v>
      </c>
      <c r="P2251">
        <v>0</v>
      </c>
      <c r="Q2251">
        <v>0</v>
      </c>
      <c r="R2251">
        <v>1074.5029999999999</v>
      </c>
      <c r="S2251">
        <v>0</v>
      </c>
      <c r="T2251">
        <v>1095.0309999999999</v>
      </c>
      <c r="U2251">
        <v>1112.1790000000001</v>
      </c>
      <c r="V2251">
        <v>1110.837</v>
      </c>
      <c r="W2251">
        <v>1132.5160000000001</v>
      </c>
      <c r="X2251">
        <v>1158.556</v>
      </c>
      <c r="Y2251">
        <v>1161.9110000000001</v>
      </c>
    </row>
    <row r="2252" spans="1:25" x14ac:dyDescent="0.3">
      <c r="A2252">
        <v>60.299999999875823</v>
      </c>
      <c r="B2252">
        <v>979.98099999999999</v>
      </c>
      <c r="C2252">
        <v>1026.288</v>
      </c>
      <c r="D2252">
        <v>1033.5229999999999</v>
      </c>
      <c r="E2252">
        <v>1065.2660000000001</v>
      </c>
      <c r="F2252">
        <v>1083.741</v>
      </c>
      <c r="G2252">
        <v>1102.722</v>
      </c>
      <c r="H2252">
        <v>1114.03</v>
      </c>
      <c r="I2252">
        <v>1122.5509999999999</v>
      </c>
      <c r="J2252">
        <v>1131.7760000000001</v>
      </c>
      <c r="K2252">
        <v>1128.0930000000001</v>
      </c>
      <c r="L2252">
        <v>1149.76</v>
      </c>
      <c r="M2252">
        <v>1142.2249999999999</v>
      </c>
      <c r="N2252">
        <v>1130.2190000000001</v>
      </c>
      <c r="O2252">
        <v>1012.389</v>
      </c>
      <c r="P2252">
        <v>0</v>
      </c>
      <c r="Q2252">
        <v>0</v>
      </c>
      <c r="R2252">
        <v>1079.9269999999999</v>
      </c>
      <c r="S2252">
        <v>0</v>
      </c>
      <c r="T2252">
        <v>1096.329</v>
      </c>
      <c r="U2252">
        <v>1111.5550000000001</v>
      </c>
      <c r="V2252">
        <v>1108.9290000000001</v>
      </c>
      <c r="W2252">
        <v>1128.681</v>
      </c>
      <c r="X2252">
        <v>1155.7760000000001</v>
      </c>
      <c r="Y2252">
        <v>1167.8900000000001</v>
      </c>
    </row>
    <row r="2253" spans="1:25" x14ac:dyDescent="0.3">
      <c r="A2253">
        <v>60.316666670438522</v>
      </c>
      <c r="B2253">
        <v>986.07500000000005</v>
      </c>
      <c r="C2253">
        <v>1026.712</v>
      </c>
      <c r="D2253">
        <v>1034.039</v>
      </c>
      <c r="E2253">
        <v>1067.7739999999999</v>
      </c>
      <c r="F2253">
        <v>1084.9780000000001</v>
      </c>
      <c r="G2253">
        <v>1102.2339999999999</v>
      </c>
      <c r="H2253">
        <v>1113.105</v>
      </c>
      <c r="I2253">
        <v>1123.424</v>
      </c>
      <c r="J2253">
        <v>1129.1189999999999</v>
      </c>
      <c r="K2253">
        <v>1127.22</v>
      </c>
      <c r="L2253">
        <v>1146.0409999999999</v>
      </c>
      <c r="M2253">
        <v>1140.0309999999999</v>
      </c>
      <c r="N2253">
        <v>1126.499</v>
      </c>
      <c r="O2253">
        <v>1015.45</v>
      </c>
      <c r="P2253">
        <v>0</v>
      </c>
      <c r="Q2253">
        <v>0</v>
      </c>
      <c r="R2253">
        <v>1078.567</v>
      </c>
      <c r="S2253">
        <v>0</v>
      </c>
      <c r="T2253">
        <v>1094.8440000000001</v>
      </c>
      <c r="U2253">
        <v>1109.0619999999999</v>
      </c>
      <c r="V2253">
        <v>1106.578</v>
      </c>
      <c r="W2253">
        <v>1132.6110000000001</v>
      </c>
      <c r="X2253">
        <v>1163.1010000000001</v>
      </c>
      <c r="Y2253">
        <v>1169.953</v>
      </c>
    </row>
    <row r="2254" spans="1:25" x14ac:dyDescent="0.3">
      <c r="A2254">
        <v>60.350000001086542</v>
      </c>
      <c r="B2254">
        <v>978.42200000000003</v>
      </c>
      <c r="C2254">
        <v>1027.117</v>
      </c>
      <c r="D2254">
        <v>1032.6400000000001</v>
      </c>
      <c r="E2254">
        <v>1063.1130000000001</v>
      </c>
      <c r="F2254">
        <v>1080.2439999999999</v>
      </c>
      <c r="G2254">
        <v>1100.7670000000001</v>
      </c>
      <c r="H2254">
        <v>1111.6690000000001</v>
      </c>
      <c r="I2254">
        <v>1122.9110000000001</v>
      </c>
      <c r="J2254">
        <v>1134.8510000000001</v>
      </c>
      <c r="K2254">
        <v>1130.808</v>
      </c>
      <c r="L2254">
        <v>1148.845</v>
      </c>
      <c r="M2254">
        <v>1138.3330000000001</v>
      </c>
      <c r="N2254">
        <v>1124.6579999999999</v>
      </c>
      <c r="O2254">
        <v>1011.933</v>
      </c>
      <c r="P2254">
        <v>0</v>
      </c>
      <c r="Q2254">
        <v>0</v>
      </c>
      <c r="R2254">
        <v>1076.2180000000001</v>
      </c>
      <c r="S2254">
        <v>0</v>
      </c>
      <c r="T2254">
        <v>1094.32</v>
      </c>
      <c r="U2254">
        <v>1109.251</v>
      </c>
      <c r="V2254">
        <v>1106.4839999999999</v>
      </c>
      <c r="W2254">
        <v>1130.789</v>
      </c>
      <c r="X2254">
        <v>1158.595</v>
      </c>
      <c r="Y2254">
        <v>1170.473</v>
      </c>
    </row>
    <row r="2255" spans="1:25" x14ac:dyDescent="0.3">
      <c r="A2255">
        <v>60.383333331734562</v>
      </c>
      <c r="B2255">
        <v>968.89499999999998</v>
      </c>
      <c r="C2255">
        <v>1025.683</v>
      </c>
      <c r="D2255">
        <v>1033.7260000000001</v>
      </c>
      <c r="E2255">
        <v>1067.345</v>
      </c>
      <c r="F2255">
        <v>1086.0070000000001</v>
      </c>
      <c r="G2255">
        <v>1099.902</v>
      </c>
      <c r="H2255">
        <v>1106.615</v>
      </c>
      <c r="I2255">
        <v>1121.8330000000001</v>
      </c>
      <c r="J2255">
        <v>1133.047</v>
      </c>
      <c r="K2255">
        <v>1128.681</v>
      </c>
      <c r="L2255">
        <v>1147.7950000000001</v>
      </c>
      <c r="M2255">
        <v>1139.306</v>
      </c>
      <c r="N2255">
        <v>1121.568</v>
      </c>
      <c r="O2255">
        <v>1008.5890000000001</v>
      </c>
      <c r="P2255">
        <v>0</v>
      </c>
      <c r="Q2255">
        <v>0</v>
      </c>
      <c r="R2255">
        <v>1072.117</v>
      </c>
      <c r="S2255">
        <v>0</v>
      </c>
      <c r="T2255">
        <v>1096.066</v>
      </c>
      <c r="U2255">
        <v>1112.6890000000001</v>
      </c>
      <c r="V2255">
        <v>1109.3630000000001</v>
      </c>
      <c r="W2255">
        <v>1136.578</v>
      </c>
      <c r="X2255">
        <v>1167.3119999999999</v>
      </c>
      <c r="Y2255">
        <v>1171.3019999999999</v>
      </c>
    </row>
    <row r="2256" spans="1:25" x14ac:dyDescent="0.3">
      <c r="A2256">
        <v>60.400000002297261</v>
      </c>
      <c r="B2256">
        <v>972.74599999999998</v>
      </c>
      <c r="C2256">
        <v>1023.282</v>
      </c>
      <c r="D2256">
        <v>1034.2239999999999</v>
      </c>
      <c r="E2256">
        <v>1063.077</v>
      </c>
      <c r="F2256">
        <v>1081.0650000000001</v>
      </c>
      <c r="G2256">
        <v>1094.9760000000001</v>
      </c>
      <c r="H2256">
        <v>1104.4159999999999</v>
      </c>
      <c r="I2256">
        <v>1123.538</v>
      </c>
      <c r="J2256">
        <v>1133.903</v>
      </c>
      <c r="K2256">
        <v>1131.8150000000001</v>
      </c>
      <c r="L2256">
        <v>1151.0029999999999</v>
      </c>
      <c r="M2256">
        <v>1139.021</v>
      </c>
      <c r="N2256">
        <v>1121.248</v>
      </c>
      <c r="O2256">
        <v>1009.6130000000001</v>
      </c>
      <c r="P2256">
        <v>0</v>
      </c>
      <c r="Q2256">
        <v>0</v>
      </c>
      <c r="R2256">
        <v>1072.192</v>
      </c>
      <c r="S2256">
        <v>0</v>
      </c>
      <c r="T2256">
        <v>1096.9690000000001</v>
      </c>
      <c r="U2256">
        <v>1114.617</v>
      </c>
      <c r="V2256">
        <v>1114.9190000000001</v>
      </c>
      <c r="W2256">
        <v>1139.421</v>
      </c>
      <c r="X2256">
        <v>1168.816</v>
      </c>
      <c r="Y2256">
        <v>1170.7819999999999</v>
      </c>
    </row>
    <row r="2257" spans="1:25" x14ac:dyDescent="0.3">
      <c r="A2257">
        <v>60.433333332945281</v>
      </c>
      <c r="B2257">
        <v>979.03899999999999</v>
      </c>
      <c r="C2257">
        <v>1023.942</v>
      </c>
      <c r="D2257">
        <v>1033.838</v>
      </c>
      <c r="E2257">
        <v>1066.269</v>
      </c>
      <c r="F2257">
        <v>1086.42</v>
      </c>
      <c r="G2257">
        <v>1105.3</v>
      </c>
      <c r="H2257">
        <v>1114.4280000000001</v>
      </c>
      <c r="I2257">
        <v>1129.29</v>
      </c>
      <c r="J2257">
        <v>1136.3140000000001</v>
      </c>
      <c r="K2257">
        <v>1133.77</v>
      </c>
      <c r="L2257">
        <v>1155.777</v>
      </c>
      <c r="M2257">
        <v>1139.9559999999999</v>
      </c>
      <c r="N2257">
        <v>1124.222</v>
      </c>
      <c r="O2257">
        <v>1010.033</v>
      </c>
      <c r="P2257">
        <v>0</v>
      </c>
      <c r="Q2257">
        <v>0</v>
      </c>
      <c r="R2257">
        <v>1074.355</v>
      </c>
      <c r="S2257">
        <v>0</v>
      </c>
      <c r="T2257">
        <v>1098.0229999999999</v>
      </c>
      <c r="U2257">
        <v>1114.182</v>
      </c>
      <c r="V2257">
        <v>1116.317</v>
      </c>
      <c r="W2257">
        <v>1141.596</v>
      </c>
      <c r="X2257">
        <v>1168.547</v>
      </c>
      <c r="Y2257">
        <v>1169.453</v>
      </c>
    </row>
    <row r="2258" spans="1:25" x14ac:dyDescent="0.3">
      <c r="A2258">
        <v>60.450000003507981</v>
      </c>
      <c r="B2258">
        <v>977.49699999999996</v>
      </c>
      <c r="C2258">
        <v>1025.4639999999999</v>
      </c>
      <c r="D2258">
        <v>1034.6289999999999</v>
      </c>
      <c r="E2258">
        <v>1069.806</v>
      </c>
      <c r="F2258">
        <v>1088.385</v>
      </c>
      <c r="G2258">
        <v>1105.1859999999999</v>
      </c>
      <c r="H2258">
        <v>1116.1089999999999</v>
      </c>
      <c r="I2258">
        <v>1125.3030000000001</v>
      </c>
      <c r="J2258">
        <v>1132.896</v>
      </c>
      <c r="K2258">
        <v>1131.2260000000001</v>
      </c>
      <c r="L2258">
        <v>1154.434</v>
      </c>
      <c r="M2258">
        <v>1142.53</v>
      </c>
      <c r="N2258">
        <v>1134.8889999999999</v>
      </c>
      <c r="O2258">
        <v>1014.1660000000001</v>
      </c>
      <c r="P2258">
        <v>0</v>
      </c>
      <c r="Q2258">
        <v>0</v>
      </c>
      <c r="R2258">
        <v>1074.913</v>
      </c>
      <c r="S2258">
        <v>0</v>
      </c>
      <c r="T2258">
        <v>1094.9190000000001</v>
      </c>
      <c r="U2258">
        <v>1108.383</v>
      </c>
      <c r="V2258">
        <v>1109.307</v>
      </c>
      <c r="W2258">
        <v>1132.6300000000001</v>
      </c>
      <c r="X2258">
        <v>1160.2629999999999</v>
      </c>
      <c r="Y2258">
        <v>1168.951</v>
      </c>
    </row>
    <row r="2259" spans="1:25" x14ac:dyDescent="0.3">
      <c r="A2259">
        <v>60.483333334156001</v>
      </c>
      <c r="B2259">
        <v>974.08699999999999</v>
      </c>
      <c r="C2259">
        <v>1025.739</v>
      </c>
      <c r="D2259">
        <v>1035.77</v>
      </c>
      <c r="E2259">
        <v>1064.19</v>
      </c>
      <c r="F2259">
        <v>1081.7760000000001</v>
      </c>
      <c r="G2259">
        <v>1104.886</v>
      </c>
      <c r="H2259">
        <v>1111.537</v>
      </c>
      <c r="I2259">
        <v>1119.8119999999999</v>
      </c>
      <c r="J2259">
        <v>1128.644</v>
      </c>
      <c r="K2259">
        <v>1127.3530000000001</v>
      </c>
      <c r="L2259">
        <v>1148.2729999999999</v>
      </c>
      <c r="M2259">
        <v>1137.0360000000001</v>
      </c>
      <c r="N2259">
        <v>1136.864</v>
      </c>
      <c r="O2259">
        <v>1014.02</v>
      </c>
      <c r="P2259">
        <v>0</v>
      </c>
      <c r="Q2259">
        <v>0</v>
      </c>
      <c r="R2259">
        <v>1074.54</v>
      </c>
      <c r="S2259">
        <v>0</v>
      </c>
      <c r="T2259">
        <v>1094.2070000000001</v>
      </c>
      <c r="U2259">
        <v>1105.9390000000001</v>
      </c>
      <c r="V2259">
        <v>1104.604</v>
      </c>
      <c r="W2259">
        <v>1127.6949999999999</v>
      </c>
      <c r="X2259">
        <v>1155.086</v>
      </c>
      <c r="Y2259">
        <v>1165.231</v>
      </c>
    </row>
    <row r="2260" spans="1:25" x14ac:dyDescent="0.3">
      <c r="A2260">
        <v>60.516666664804021</v>
      </c>
      <c r="B2260">
        <v>966.83600000000001</v>
      </c>
      <c r="C2260">
        <v>1025.4090000000001</v>
      </c>
      <c r="D2260">
        <v>1034.8869999999999</v>
      </c>
      <c r="E2260">
        <v>1063.058</v>
      </c>
      <c r="F2260">
        <v>1078.4369999999999</v>
      </c>
      <c r="G2260">
        <v>1098.4169999999999</v>
      </c>
      <c r="H2260">
        <v>1107.3679999999999</v>
      </c>
      <c r="I2260">
        <v>1115.24</v>
      </c>
      <c r="J2260">
        <v>1124.317</v>
      </c>
      <c r="K2260">
        <v>1127.7339999999999</v>
      </c>
      <c r="L2260">
        <v>1148.2159999999999</v>
      </c>
      <c r="M2260">
        <v>1139.25</v>
      </c>
      <c r="N2260">
        <v>1131.511</v>
      </c>
      <c r="O2260">
        <v>1012.573</v>
      </c>
      <c r="P2260">
        <v>0</v>
      </c>
      <c r="Q2260">
        <v>0</v>
      </c>
      <c r="R2260">
        <v>1072.7329999999999</v>
      </c>
      <c r="S2260">
        <v>0</v>
      </c>
      <c r="T2260">
        <v>1093.029</v>
      </c>
      <c r="U2260">
        <v>1107.519</v>
      </c>
      <c r="V2260">
        <v>1105.5820000000001</v>
      </c>
      <c r="W2260">
        <v>1129.271</v>
      </c>
      <c r="X2260">
        <v>1162.9860000000001</v>
      </c>
      <c r="Y2260">
        <v>1167.9880000000001</v>
      </c>
    </row>
    <row r="2261" spans="1:25" x14ac:dyDescent="0.3">
      <c r="A2261">
        <v>60.53333333536672</v>
      </c>
      <c r="B2261">
        <v>964.68600000000004</v>
      </c>
      <c r="C2261">
        <v>1027.578</v>
      </c>
      <c r="D2261">
        <v>1034.0219999999999</v>
      </c>
      <c r="E2261">
        <v>1066.473</v>
      </c>
      <c r="F2261">
        <v>1081.627</v>
      </c>
      <c r="G2261">
        <v>1100.674</v>
      </c>
      <c r="H2261">
        <v>1110.2529999999999</v>
      </c>
      <c r="I2261">
        <v>1115.4670000000001</v>
      </c>
      <c r="J2261">
        <v>1128.037</v>
      </c>
      <c r="K2261">
        <v>1131.549</v>
      </c>
      <c r="L2261">
        <v>1153.5340000000001</v>
      </c>
      <c r="M2261">
        <v>1144.4960000000001</v>
      </c>
      <c r="N2261">
        <v>1136.2950000000001</v>
      </c>
      <c r="O2261">
        <v>1013.782</v>
      </c>
      <c r="P2261">
        <v>0</v>
      </c>
      <c r="Q2261">
        <v>0</v>
      </c>
      <c r="R2261">
        <v>1070.422</v>
      </c>
      <c r="S2261">
        <v>0</v>
      </c>
      <c r="T2261">
        <v>1093.441</v>
      </c>
      <c r="U2261">
        <v>1108.741</v>
      </c>
      <c r="V2261">
        <v>1110.309</v>
      </c>
      <c r="W2261">
        <v>1132.8399999999999</v>
      </c>
      <c r="X2261">
        <v>1158.711</v>
      </c>
      <c r="Y2261">
        <v>1163.8679999999999</v>
      </c>
    </row>
    <row r="2262" spans="1:25" x14ac:dyDescent="0.3">
      <c r="A2262">
        <v>60.56666666601474</v>
      </c>
      <c r="B2262">
        <v>964.08900000000006</v>
      </c>
      <c r="C2262">
        <v>1026.693</v>
      </c>
      <c r="D2262">
        <v>1034.518</v>
      </c>
      <c r="E2262">
        <v>1068.7619999999999</v>
      </c>
      <c r="F2262">
        <v>1085.577</v>
      </c>
      <c r="G2262">
        <v>1102.6479999999999</v>
      </c>
      <c r="H2262">
        <v>1110.2329999999999</v>
      </c>
      <c r="I2262">
        <v>1122.4949999999999</v>
      </c>
      <c r="J2262">
        <v>1133.9780000000001</v>
      </c>
      <c r="K2262">
        <v>1134.434</v>
      </c>
      <c r="L2262">
        <v>1157.2909999999999</v>
      </c>
      <c r="M2262">
        <v>1144.6669999999999</v>
      </c>
      <c r="N2262">
        <v>1138.4860000000001</v>
      </c>
      <c r="O2262">
        <v>1016.165</v>
      </c>
      <c r="P2262">
        <v>0</v>
      </c>
      <c r="Q2262">
        <v>0</v>
      </c>
      <c r="R2262">
        <v>1072.3409999999999</v>
      </c>
      <c r="S2262">
        <v>0</v>
      </c>
      <c r="T2262">
        <v>1095.7280000000001</v>
      </c>
      <c r="U2262">
        <v>1111.1020000000001</v>
      </c>
      <c r="V2262">
        <v>1114.5409999999999</v>
      </c>
      <c r="W2262">
        <v>1137.799</v>
      </c>
      <c r="X2262">
        <v>1168.4110000000001</v>
      </c>
      <c r="Y2262">
        <v>1170.8399999999999</v>
      </c>
    </row>
    <row r="2263" spans="1:25" x14ac:dyDescent="0.3">
      <c r="A2263">
        <v>60.583333336577439</v>
      </c>
      <c r="B2263">
        <v>971.87800000000004</v>
      </c>
      <c r="C2263">
        <v>1027.7249999999999</v>
      </c>
      <c r="D2263">
        <v>1034.942</v>
      </c>
      <c r="E2263">
        <v>1066.1389999999999</v>
      </c>
      <c r="F2263">
        <v>1082.6189999999999</v>
      </c>
      <c r="G2263">
        <v>1099.6590000000001</v>
      </c>
      <c r="H2263">
        <v>1109.251</v>
      </c>
      <c r="I2263">
        <v>1126.386</v>
      </c>
      <c r="J2263">
        <v>1136.2570000000001</v>
      </c>
      <c r="K2263">
        <v>1133.03</v>
      </c>
      <c r="L2263">
        <v>1154.0709999999999</v>
      </c>
      <c r="M2263">
        <v>1142.2829999999999</v>
      </c>
      <c r="N2263">
        <v>1138.83</v>
      </c>
      <c r="O2263">
        <v>1013.8920000000001</v>
      </c>
      <c r="P2263">
        <v>0</v>
      </c>
      <c r="Q2263">
        <v>0</v>
      </c>
      <c r="R2263">
        <v>1075.249</v>
      </c>
      <c r="S2263">
        <v>0</v>
      </c>
      <c r="T2263">
        <v>1093.5719999999999</v>
      </c>
      <c r="U2263">
        <v>1109.6669999999999</v>
      </c>
      <c r="V2263">
        <v>1111.7070000000001</v>
      </c>
      <c r="W2263">
        <v>1138.5060000000001</v>
      </c>
      <c r="X2263">
        <v>1170.223</v>
      </c>
      <c r="Y2263">
        <v>1170.5319999999999</v>
      </c>
    </row>
    <row r="2264" spans="1:25" x14ac:dyDescent="0.3">
      <c r="A2264">
        <v>60.616666667225459</v>
      </c>
      <c r="B2264">
        <v>971.91600000000005</v>
      </c>
      <c r="C2264">
        <v>1025.0619999999999</v>
      </c>
      <c r="D2264">
        <v>1038.6079999999999</v>
      </c>
      <c r="E2264">
        <v>1068</v>
      </c>
      <c r="F2264">
        <v>1082.752</v>
      </c>
      <c r="G2264">
        <v>1099.905</v>
      </c>
      <c r="H2264">
        <v>1109.6690000000001</v>
      </c>
      <c r="I2264">
        <v>1127.1659999999999</v>
      </c>
      <c r="J2264">
        <v>1136.905</v>
      </c>
      <c r="K2264">
        <v>1132.538</v>
      </c>
      <c r="L2264">
        <v>1153.9000000000001</v>
      </c>
      <c r="M2264">
        <v>1144.8979999999999</v>
      </c>
      <c r="N2264">
        <v>1140.377</v>
      </c>
      <c r="O2264">
        <v>1010.126</v>
      </c>
      <c r="P2264">
        <v>0</v>
      </c>
      <c r="Q2264">
        <v>0</v>
      </c>
      <c r="R2264">
        <v>1074.021</v>
      </c>
      <c r="S2264">
        <v>0</v>
      </c>
      <c r="T2264">
        <v>1091.2329999999999</v>
      </c>
      <c r="U2264">
        <v>1108.6489999999999</v>
      </c>
      <c r="V2264">
        <v>1109.1769999999999</v>
      </c>
      <c r="W2264">
        <v>1137.8399999999999</v>
      </c>
      <c r="X2264">
        <v>1164.3109999999999</v>
      </c>
      <c r="Y2264">
        <v>1166.0229999999999</v>
      </c>
    </row>
    <row r="2265" spans="1:25" x14ac:dyDescent="0.3">
      <c r="A2265">
        <v>60.649999997873479</v>
      </c>
      <c r="B2265">
        <v>973.56200000000001</v>
      </c>
      <c r="C2265">
        <v>1024.731</v>
      </c>
      <c r="D2265">
        <v>1038.2750000000001</v>
      </c>
      <c r="E2265">
        <v>1066.7329999999999</v>
      </c>
      <c r="F2265">
        <v>1083.5740000000001</v>
      </c>
      <c r="G2265">
        <v>1100.336</v>
      </c>
      <c r="H2265">
        <v>1112.52</v>
      </c>
      <c r="I2265">
        <v>1132.954</v>
      </c>
      <c r="J2265">
        <v>1137.3989999999999</v>
      </c>
      <c r="K2265">
        <v>1133.827</v>
      </c>
      <c r="L2265">
        <v>1155.7190000000001</v>
      </c>
      <c r="M2265">
        <v>1146.461</v>
      </c>
      <c r="N2265">
        <v>1137.5519999999999</v>
      </c>
      <c r="O2265">
        <v>1011.385</v>
      </c>
      <c r="P2265">
        <v>0</v>
      </c>
      <c r="Q2265">
        <v>0</v>
      </c>
      <c r="R2265">
        <v>1074.5409999999999</v>
      </c>
      <c r="S2265">
        <v>0</v>
      </c>
      <c r="T2265">
        <v>1094.04</v>
      </c>
      <c r="U2265">
        <v>1109.5730000000001</v>
      </c>
      <c r="V2265">
        <v>1109.0619999999999</v>
      </c>
      <c r="W2265">
        <v>1135.7819999999999</v>
      </c>
      <c r="X2265">
        <v>1164.981</v>
      </c>
      <c r="Y2265">
        <v>1170.3779999999999</v>
      </c>
    </row>
    <row r="2266" spans="1:25" x14ac:dyDescent="0.3">
      <c r="A2266">
        <v>60.666666668436179</v>
      </c>
      <c r="B2266">
        <v>981.50699999999995</v>
      </c>
      <c r="C2266">
        <v>1023.559</v>
      </c>
      <c r="D2266">
        <v>1032.8630000000001</v>
      </c>
      <c r="E2266">
        <v>1064.8599999999999</v>
      </c>
      <c r="F2266">
        <v>1083.557</v>
      </c>
      <c r="G2266">
        <v>1100.732</v>
      </c>
      <c r="H2266">
        <v>1110.1220000000001</v>
      </c>
      <c r="I2266">
        <v>1126.9000000000001</v>
      </c>
      <c r="J2266">
        <v>1136.6189999999999</v>
      </c>
      <c r="K2266">
        <v>1136.182</v>
      </c>
      <c r="L2266">
        <v>1158.252</v>
      </c>
      <c r="M2266">
        <v>1146.2719999999999</v>
      </c>
      <c r="N2266">
        <v>1137.134</v>
      </c>
      <c r="O2266">
        <v>1014.957</v>
      </c>
      <c r="P2266">
        <v>0</v>
      </c>
      <c r="Q2266">
        <v>0</v>
      </c>
      <c r="R2266">
        <v>1075.7539999999999</v>
      </c>
      <c r="S2266">
        <v>0</v>
      </c>
      <c r="T2266">
        <v>1093.9480000000001</v>
      </c>
      <c r="U2266">
        <v>1110.6510000000001</v>
      </c>
      <c r="V2266">
        <v>1110.443</v>
      </c>
      <c r="W2266">
        <v>1136.0119999999999</v>
      </c>
      <c r="X2266">
        <v>1162.93</v>
      </c>
      <c r="Y2266">
        <v>1171.3240000000001</v>
      </c>
    </row>
    <row r="2267" spans="1:25" x14ac:dyDescent="0.3">
      <c r="A2267">
        <v>60.699999999084199</v>
      </c>
      <c r="B2267">
        <v>972.69100000000003</v>
      </c>
      <c r="C2267">
        <v>1023.813</v>
      </c>
      <c r="D2267">
        <v>1032.8979999999999</v>
      </c>
      <c r="E2267">
        <v>1067.383</v>
      </c>
      <c r="F2267">
        <v>1086.0450000000001</v>
      </c>
      <c r="G2267">
        <v>1101.67</v>
      </c>
      <c r="H2267">
        <v>1108.816</v>
      </c>
      <c r="I2267">
        <v>1124.848</v>
      </c>
      <c r="J2267">
        <v>1138.4670000000001</v>
      </c>
      <c r="K2267">
        <v>1136.655</v>
      </c>
      <c r="L2267">
        <v>1157.502</v>
      </c>
      <c r="M2267">
        <v>1147.204</v>
      </c>
      <c r="N2267">
        <v>1144.5340000000001</v>
      </c>
      <c r="O2267">
        <v>1012.097</v>
      </c>
      <c r="P2267">
        <v>0</v>
      </c>
      <c r="Q2267">
        <v>0</v>
      </c>
      <c r="R2267">
        <v>1071.4829999999999</v>
      </c>
      <c r="S2267">
        <v>0</v>
      </c>
      <c r="T2267">
        <v>1093.9449999999999</v>
      </c>
      <c r="U2267">
        <v>1110.838</v>
      </c>
      <c r="V2267">
        <v>1112.3489999999999</v>
      </c>
      <c r="W2267">
        <v>1136.845</v>
      </c>
      <c r="X2267">
        <v>1167.4090000000001</v>
      </c>
      <c r="Y2267">
        <v>1169.799</v>
      </c>
    </row>
    <row r="2268" spans="1:25" x14ac:dyDescent="0.3">
      <c r="A2268">
        <v>60.716666669646898</v>
      </c>
      <c r="B2268">
        <v>972.83799999999997</v>
      </c>
      <c r="C2268">
        <v>1025.2819999999999</v>
      </c>
      <c r="D2268">
        <v>1032.2560000000001</v>
      </c>
      <c r="E2268">
        <v>1064.7670000000001</v>
      </c>
      <c r="F2268">
        <v>1087.2829999999999</v>
      </c>
      <c r="G2268">
        <v>1101.3530000000001</v>
      </c>
      <c r="H2268">
        <v>1105.828</v>
      </c>
      <c r="I2268">
        <v>1120.9100000000001</v>
      </c>
      <c r="J2268">
        <v>1137.3630000000001</v>
      </c>
      <c r="K2268">
        <v>1134.664</v>
      </c>
      <c r="L2268">
        <v>1156.239</v>
      </c>
      <c r="M2268">
        <v>1145.204</v>
      </c>
      <c r="N2268">
        <v>1137.4390000000001</v>
      </c>
      <c r="O2268">
        <v>1009.304</v>
      </c>
      <c r="P2268">
        <v>0</v>
      </c>
      <c r="Q2268">
        <v>0</v>
      </c>
      <c r="R2268">
        <v>1072.008</v>
      </c>
      <c r="S2268">
        <v>0</v>
      </c>
      <c r="T2268">
        <v>1094.3779999999999</v>
      </c>
      <c r="U2268">
        <v>1111.3309999999999</v>
      </c>
      <c r="V2268">
        <v>1109.952</v>
      </c>
      <c r="W2268">
        <v>1133.999</v>
      </c>
      <c r="X2268">
        <v>1164.1189999999999</v>
      </c>
      <c r="Y2268">
        <v>1172.326</v>
      </c>
    </row>
    <row r="2269" spans="1:25" x14ac:dyDescent="0.3">
      <c r="A2269">
        <v>60.750000000294918</v>
      </c>
      <c r="B2269">
        <v>962.64499999999998</v>
      </c>
      <c r="C2269">
        <v>1024.6220000000001</v>
      </c>
      <c r="D2269">
        <v>1032.1089999999999</v>
      </c>
      <c r="E2269">
        <v>1062.1690000000001</v>
      </c>
      <c r="F2269">
        <v>1084.7550000000001</v>
      </c>
      <c r="G2269">
        <v>1099.547</v>
      </c>
      <c r="H2269">
        <v>1110.67</v>
      </c>
      <c r="I2269">
        <v>1122.1189999999999</v>
      </c>
      <c r="J2269">
        <v>1133.886</v>
      </c>
      <c r="K2269">
        <v>1131.816</v>
      </c>
      <c r="L2269">
        <v>1153.9190000000001</v>
      </c>
      <c r="M2269">
        <v>1143.5820000000001</v>
      </c>
      <c r="N2269">
        <v>1139.576</v>
      </c>
      <c r="O2269">
        <v>1006.71</v>
      </c>
      <c r="P2269">
        <v>0</v>
      </c>
      <c r="Q2269">
        <v>0</v>
      </c>
      <c r="R2269">
        <v>1070.703</v>
      </c>
      <c r="S2269">
        <v>0</v>
      </c>
      <c r="T2269">
        <v>1091.4760000000001</v>
      </c>
      <c r="U2269">
        <v>1108.1410000000001</v>
      </c>
      <c r="V2269">
        <v>1107.4269999999999</v>
      </c>
      <c r="W2269">
        <v>1132.0060000000001</v>
      </c>
      <c r="X2269">
        <v>1160.7260000000001</v>
      </c>
      <c r="Y2269">
        <v>1167.2180000000001</v>
      </c>
    </row>
    <row r="2270" spans="1:25" x14ac:dyDescent="0.3">
      <c r="A2270">
        <v>60.783333330942938</v>
      </c>
      <c r="B2270">
        <v>963.53099999999995</v>
      </c>
      <c r="C2270">
        <v>1023.228</v>
      </c>
      <c r="D2270">
        <v>1030.1389999999999</v>
      </c>
      <c r="E2270">
        <v>1064.7860000000001</v>
      </c>
      <c r="F2270">
        <v>1083.145</v>
      </c>
      <c r="G2270">
        <v>1102.5</v>
      </c>
      <c r="H2270">
        <v>1114.0899999999999</v>
      </c>
      <c r="I2270">
        <v>1124.0719999999999</v>
      </c>
      <c r="J2270">
        <v>1132.7660000000001</v>
      </c>
      <c r="K2270">
        <v>1130.924</v>
      </c>
      <c r="L2270">
        <v>1150.183</v>
      </c>
      <c r="M2270">
        <v>1140.9110000000001</v>
      </c>
      <c r="N2270">
        <v>1138.317</v>
      </c>
      <c r="O2270">
        <v>1008.427</v>
      </c>
      <c r="P2270">
        <v>0</v>
      </c>
      <c r="Q2270">
        <v>0</v>
      </c>
      <c r="R2270">
        <v>1071.8399999999999</v>
      </c>
      <c r="S2270">
        <v>0</v>
      </c>
      <c r="T2270">
        <v>1089.7729999999999</v>
      </c>
      <c r="U2270">
        <v>1106.5050000000001</v>
      </c>
      <c r="V2270">
        <v>1106.355</v>
      </c>
      <c r="W2270">
        <v>1132.633</v>
      </c>
      <c r="X2270">
        <v>1162.183</v>
      </c>
      <c r="Y2270">
        <v>1168.124</v>
      </c>
    </row>
    <row r="2271" spans="1:25" x14ac:dyDescent="0.3">
      <c r="A2271">
        <v>60.800000001505637</v>
      </c>
      <c r="B2271">
        <v>948.46100000000001</v>
      </c>
      <c r="C2271">
        <v>1016.626</v>
      </c>
      <c r="D2271">
        <v>1028.6469999999999</v>
      </c>
      <c r="E2271">
        <v>1059.645</v>
      </c>
      <c r="F2271">
        <v>1079.184</v>
      </c>
      <c r="G2271">
        <v>1098.758</v>
      </c>
      <c r="H2271">
        <v>1112.4269999999999</v>
      </c>
      <c r="I2271">
        <v>1124.451</v>
      </c>
      <c r="J2271">
        <v>1134.3789999999999</v>
      </c>
      <c r="K2271">
        <v>1134.3409999999999</v>
      </c>
      <c r="L2271">
        <v>1154.8969999999999</v>
      </c>
      <c r="M2271">
        <v>1143.9059999999999</v>
      </c>
      <c r="N2271">
        <v>1127.337</v>
      </c>
      <c r="O2271">
        <v>1008.0069999999999</v>
      </c>
      <c r="P2271">
        <v>0</v>
      </c>
      <c r="Q2271">
        <v>0</v>
      </c>
      <c r="R2271">
        <v>1073.2380000000001</v>
      </c>
      <c r="S2271">
        <v>0</v>
      </c>
      <c r="T2271">
        <v>1091.8510000000001</v>
      </c>
      <c r="U2271">
        <v>1107.107</v>
      </c>
      <c r="V2271">
        <v>1107.69</v>
      </c>
      <c r="W2271">
        <v>1133.962</v>
      </c>
      <c r="X2271">
        <v>1166.2929999999999</v>
      </c>
      <c r="Y2271">
        <v>1173.81</v>
      </c>
    </row>
    <row r="2272" spans="1:25" x14ac:dyDescent="0.3">
      <c r="A2272">
        <v>60.833333332153657</v>
      </c>
      <c r="B2272">
        <v>949.072</v>
      </c>
      <c r="C2272">
        <v>1017.505</v>
      </c>
      <c r="D2272">
        <v>1027.9459999999999</v>
      </c>
      <c r="E2272">
        <v>1059.68</v>
      </c>
      <c r="F2272">
        <v>1079.2940000000001</v>
      </c>
      <c r="G2272">
        <v>1097.5150000000001</v>
      </c>
      <c r="H2272">
        <v>1108.384</v>
      </c>
      <c r="I2272">
        <v>1125.2280000000001</v>
      </c>
      <c r="J2272">
        <v>1135.5160000000001</v>
      </c>
      <c r="K2272">
        <v>1135.6869999999999</v>
      </c>
      <c r="L2272">
        <v>1155.93</v>
      </c>
      <c r="M2272">
        <v>1145.8119999999999</v>
      </c>
      <c r="N2272">
        <v>1128.9860000000001</v>
      </c>
      <c r="O2272">
        <v>1005.904</v>
      </c>
      <c r="P2272">
        <v>0</v>
      </c>
      <c r="Q2272">
        <v>0</v>
      </c>
      <c r="R2272">
        <v>1075.1379999999999</v>
      </c>
      <c r="S2272">
        <v>0</v>
      </c>
      <c r="T2272">
        <v>1091.287</v>
      </c>
      <c r="U2272">
        <v>1106.654</v>
      </c>
      <c r="V2272">
        <v>1107.124</v>
      </c>
      <c r="W2272">
        <v>1133.5229999999999</v>
      </c>
      <c r="X2272">
        <v>1164.348</v>
      </c>
      <c r="Y2272">
        <v>1172.5170000000001</v>
      </c>
    </row>
    <row r="2273" spans="1:25" x14ac:dyDescent="0.3">
      <c r="A2273">
        <v>60.850000002716357</v>
      </c>
      <c r="B2273">
        <v>953.17899999999997</v>
      </c>
      <c r="C2273">
        <v>1019.616</v>
      </c>
      <c r="D2273">
        <v>1029.826</v>
      </c>
      <c r="E2273">
        <v>1060.3869999999999</v>
      </c>
      <c r="F2273">
        <v>1081.086</v>
      </c>
      <c r="G2273">
        <v>1096.7829999999999</v>
      </c>
      <c r="H2273">
        <v>1103.402</v>
      </c>
      <c r="I2273">
        <v>1117.509</v>
      </c>
      <c r="J2273">
        <v>1130.6400000000001</v>
      </c>
      <c r="K2273">
        <v>1135.6130000000001</v>
      </c>
      <c r="L2273">
        <v>1154.6089999999999</v>
      </c>
      <c r="M2273">
        <v>1143.143</v>
      </c>
      <c r="N2273">
        <v>1136.962</v>
      </c>
      <c r="O2273">
        <v>1002.325</v>
      </c>
      <c r="P2273">
        <v>0</v>
      </c>
      <c r="Q2273">
        <v>0</v>
      </c>
      <c r="R2273">
        <v>1074.8219999999999</v>
      </c>
      <c r="S2273">
        <v>0</v>
      </c>
      <c r="T2273">
        <v>1092.731</v>
      </c>
      <c r="U2273">
        <v>1107.3699999999999</v>
      </c>
      <c r="V2273">
        <v>1106.1669999999999</v>
      </c>
      <c r="W2273">
        <v>1132.1199999999999</v>
      </c>
      <c r="X2273">
        <v>1161.2239999999999</v>
      </c>
      <c r="Y2273">
        <v>1171.5360000000001</v>
      </c>
    </row>
    <row r="2274" spans="1:25" x14ac:dyDescent="0.3">
      <c r="A2274">
        <v>60.883333333364376</v>
      </c>
      <c r="B2274">
        <v>964.21699999999998</v>
      </c>
      <c r="C2274">
        <v>1021.083</v>
      </c>
      <c r="D2274">
        <v>1032.3109999999999</v>
      </c>
      <c r="E2274">
        <v>1059.5519999999999</v>
      </c>
      <c r="F2274">
        <v>1078.047</v>
      </c>
      <c r="G2274">
        <v>1097.1590000000001</v>
      </c>
      <c r="H2274">
        <v>1106.355</v>
      </c>
      <c r="I2274">
        <v>1125.761</v>
      </c>
      <c r="J2274">
        <v>1134.2270000000001</v>
      </c>
      <c r="K2274">
        <v>1134.664</v>
      </c>
      <c r="L2274">
        <v>1154.3019999999999</v>
      </c>
      <c r="M2274">
        <v>1143.6389999999999</v>
      </c>
      <c r="N2274">
        <v>1142.972</v>
      </c>
      <c r="O2274">
        <v>1008.299</v>
      </c>
      <c r="P2274">
        <v>0</v>
      </c>
      <c r="Q2274">
        <v>0</v>
      </c>
      <c r="R2274">
        <v>1072.548</v>
      </c>
      <c r="S2274">
        <v>0</v>
      </c>
      <c r="T2274">
        <v>1091.7760000000001</v>
      </c>
      <c r="U2274">
        <v>1107.239</v>
      </c>
      <c r="V2274">
        <v>1105.7339999999999</v>
      </c>
      <c r="W2274">
        <v>1129.8800000000001</v>
      </c>
      <c r="X2274">
        <v>1159.518</v>
      </c>
      <c r="Y2274">
        <v>1168.356</v>
      </c>
    </row>
    <row r="2275" spans="1:25" x14ac:dyDescent="0.3">
      <c r="A2275">
        <v>60.916666664012396</v>
      </c>
      <c r="B2275">
        <v>968.69899999999996</v>
      </c>
      <c r="C2275">
        <v>1023.448</v>
      </c>
      <c r="D2275">
        <v>1031.6849999999999</v>
      </c>
      <c r="E2275">
        <v>1061.0550000000001</v>
      </c>
      <c r="F2275">
        <v>1081.6289999999999</v>
      </c>
      <c r="G2275">
        <v>1102.519</v>
      </c>
      <c r="H2275">
        <v>1111.577</v>
      </c>
      <c r="I2275">
        <v>1125.211</v>
      </c>
      <c r="J2275">
        <v>1133.999</v>
      </c>
      <c r="K2275">
        <v>1131.5509999999999</v>
      </c>
      <c r="L2275">
        <v>1149.8389999999999</v>
      </c>
      <c r="M2275">
        <v>1141.56</v>
      </c>
      <c r="N2275">
        <v>1141.2929999999999</v>
      </c>
      <c r="O2275">
        <v>1007.97</v>
      </c>
      <c r="P2275">
        <v>0</v>
      </c>
      <c r="Q2275">
        <v>0</v>
      </c>
      <c r="R2275">
        <v>1070.461</v>
      </c>
      <c r="S2275">
        <v>0</v>
      </c>
      <c r="T2275">
        <v>1088.556</v>
      </c>
      <c r="U2275">
        <v>1102.124</v>
      </c>
      <c r="V2275">
        <v>1102.086</v>
      </c>
      <c r="W2275">
        <v>1128.4000000000001</v>
      </c>
      <c r="X2275">
        <v>1154.8009999999999</v>
      </c>
      <c r="Y2275">
        <v>1166.3900000000001</v>
      </c>
    </row>
    <row r="2276" spans="1:25" x14ac:dyDescent="0.3">
      <c r="A2276">
        <v>60.933333334575096</v>
      </c>
      <c r="B2276">
        <v>979.38499999999999</v>
      </c>
      <c r="C2276">
        <v>1023.98</v>
      </c>
      <c r="D2276">
        <v>1029.5309999999999</v>
      </c>
      <c r="E2276">
        <v>1065.0640000000001</v>
      </c>
      <c r="F2276">
        <v>1086.047</v>
      </c>
      <c r="G2276">
        <v>1105.433</v>
      </c>
      <c r="H2276">
        <v>1115.6199999999999</v>
      </c>
      <c r="I2276">
        <v>1126.558</v>
      </c>
      <c r="J2276">
        <v>1131.873</v>
      </c>
      <c r="K2276">
        <v>1129.558</v>
      </c>
      <c r="L2276">
        <v>1148.2180000000001</v>
      </c>
      <c r="M2276">
        <v>1140.434</v>
      </c>
      <c r="N2276">
        <v>1142.8</v>
      </c>
      <c r="O2276">
        <v>1008.116</v>
      </c>
      <c r="P2276">
        <v>0</v>
      </c>
      <c r="Q2276">
        <v>0</v>
      </c>
      <c r="R2276">
        <v>1070.088</v>
      </c>
      <c r="S2276">
        <v>0</v>
      </c>
      <c r="T2276">
        <v>1086.01</v>
      </c>
      <c r="U2276">
        <v>1100.713</v>
      </c>
      <c r="V2276">
        <v>1098.682</v>
      </c>
      <c r="W2276">
        <v>1122.6859999999999</v>
      </c>
      <c r="X2276">
        <v>1150.7739999999999</v>
      </c>
      <c r="Y2276">
        <v>1164.9059999999999</v>
      </c>
    </row>
    <row r="2277" spans="1:25" x14ac:dyDescent="0.3">
      <c r="A2277">
        <v>60.966666665223116</v>
      </c>
      <c r="B2277">
        <v>969.89200000000005</v>
      </c>
      <c r="C2277">
        <v>1023.448</v>
      </c>
      <c r="D2277">
        <v>1031.538</v>
      </c>
      <c r="E2277">
        <v>1065.6769999999999</v>
      </c>
      <c r="F2277">
        <v>1082.771</v>
      </c>
      <c r="G2277">
        <v>1102.5</v>
      </c>
      <c r="H2277">
        <v>1114.4110000000001</v>
      </c>
      <c r="I2277">
        <v>1123.1420000000001</v>
      </c>
      <c r="J2277">
        <v>1131.2470000000001</v>
      </c>
      <c r="K2277">
        <v>1128.5329999999999</v>
      </c>
      <c r="L2277">
        <v>1148.847</v>
      </c>
      <c r="M2277">
        <v>1140.835</v>
      </c>
      <c r="N2277">
        <v>1135.442</v>
      </c>
      <c r="O2277">
        <v>1008.573</v>
      </c>
      <c r="P2277">
        <v>0</v>
      </c>
      <c r="Q2277">
        <v>0</v>
      </c>
      <c r="R2277">
        <v>1068.1300000000001</v>
      </c>
      <c r="S2277">
        <v>0</v>
      </c>
      <c r="T2277">
        <v>1085.0170000000001</v>
      </c>
      <c r="U2277">
        <v>1100.5999999999999</v>
      </c>
      <c r="V2277">
        <v>1098.3630000000001</v>
      </c>
      <c r="W2277">
        <v>1123.9580000000001</v>
      </c>
      <c r="X2277">
        <v>1149.7819999999999</v>
      </c>
      <c r="Y2277">
        <v>1163.9659999999999</v>
      </c>
    </row>
    <row r="2278" spans="1:25" x14ac:dyDescent="0.3">
      <c r="A2278">
        <v>61.000000006348515</v>
      </c>
      <c r="B2278">
        <v>967.61300000000006</v>
      </c>
      <c r="C2278">
        <v>1024.2719999999999</v>
      </c>
      <c r="D2278">
        <v>1033.193</v>
      </c>
      <c r="E2278">
        <v>1066.6030000000001</v>
      </c>
      <c r="F2278">
        <v>1079.2760000000001</v>
      </c>
      <c r="G2278">
        <v>1102.1030000000001</v>
      </c>
      <c r="H2278">
        <v>1109.0619999999999</v>
      </c>
      <c r="I2278">
        <v>1119.2650000000001</v>
      </c>
      <c r="J2278">
        <v>1127.6199999999999</v>
      </c>
      <c r="K2278">
        <v>1127.069</v>
      </c>
      <c r="L2278">
        <v>1145.4880000000001</v>
      </c>
      <c r="M2278">
        <v>1139.173</v>
      </c>
      <c r="N2278">
        <v>1128.1890000000001</v>
      </c>
      <c r="O2278">
        <v>1004.698</v>
      </c>
      <c r="P2278">
        <v>0</v>
      </c>
      <c r="Q2278">
        <v>0</v>
      </c>
      <c r="R2278">
        <v>1070.999</v>
      </c>
      <c r="S2278">
        <v>0</v>
      </c>
      <c r="T2278">
        <v>1085.97</v>
      </c>
      <c r="U2278">
        <v>1102.5540000000001</v>
      </c>
      <c r="V2278">
        <v>1099.1320000000001</v>
      </c>
      <c r="W2278">
        <v>1123.8230000000001</v>
      </c>
      <c r="X2278">
        <v>1151.52</v>
      </c>
      <c r="Y2278">
        <v>1164.1179999999999</v>
      </c>
    </row>
    <row r="2279" spans="1:25" x14ac:dyDescent="0.3">
      <c r="A2279">
        <v>61.016666666433835</v>
      </c>
      <c r="B2279">
        <v>963.58299999999997</v>
      </c>
      <c r="C2279">
        <v>1025.3720000000001</v>
      </c>
      <c r="D2279">
        <v>1035.126</v>
      </c>
      <c r="E2279">
        <v>1065.2670000000001</v>
      </c>
      <c r="F2279">
        <v>1078.6790000000001</v>
      </c>
      <c r="G2279">
        <v>1100.1289999999999</v>
      </c>
      <c r="H2279">
        <v>1106.146</v>
      </c>
      <c r="I2279">
        <v>1119.3399999999999</v>
      </c>
      <c r="J2279">
        <v>1129.8219999999999</v>
      </c>
      <c r="K2279">
        <v>1129.9549999999999</v>
      </c>
      <c r="L2279">
        <v>1150.6579999999999</v>
      </c>
      <c r="M2279">
        <v>1137.5329999999999</v>
      </c>
      <c r="N2279">
        <v>1135.213</v>
      </c>
      <c r="O2279">
        <v>1005.466</v>
      </c>
      <c r="P2279">
        <v>0</v>
      </c>
      <c r="Q2279">
        <v>0</v>
      </c>
      <c r="R2279">
        <v>1072.4349999999999</v>
      </c>
      <c r="S2279">
        <v>0</v>
      </c>
      <c r="T2279">
        <v>1088.2170000000001</v>
      </c>
      <c r="U2279">
        <v>1102.931</v>
      </c>
      <c r="V2279">
        <v>1100.1469999999999</v>
      </c>
      <c r="W2279">
        <v>1122.155</v>
      </c>
      <c r="X2279">
        <v>1150.8689999999999</v>
      </c>
      <c r="Y2279">
        <v>1166.5999999999999</v>
      </c>
    </row>
    <row r="2280" spans="1:25" x14ac:dyDescent="0.3">
      <c r="A2280">
        <v>61.049999997081855</v>
      </c>
      <c r="B2280">
        <v>962.88</v>
      </c>
      <c r="C2280">
        <v>1028.6659999999999</v>
      </c>
      <c r="D2280">
        <v>1036.6559999999999</v>
      </c>
      <c r="E2280">
        <v>1064.8599999999999</v>
      </c>
      <c r="F2280">
        <v>1079.874</v>
      </c>
      <c r="G2280">
        <v>1097.9870000000001</v>
      </c>
      <c r="H2280">
        <v>1104.662</v>
      </c>
      <c r="I2280">
        <v>1119.191</v>
      </c>
      <c r="J2280">
        <v>1131.8920000000001</v>
      </c>
      <c r="K2280">
        <v>1130.848</v>
      </c>
      <c r="L2280">
        <v>1150.6410000000001</v>
      </c>
      <c r="M2280">
        <v>1139.252</v>
      </c>
      <c r="N2280">
        <v>1138.9839999999999</v>
      </c>
      <c r="O2280">
        <v>1009.085</v>
      </c>
      <c r="P2280">
        <v>0</v>
      </c>
      <c r="Q2280">
        <v>0</v>
      </c>
      <c r="R2280">
        <v>1072.306</v>
      </c>
      <c r="S2280">
        <v>0</v>
      </c>
      <c r="T2280">
        <v>1093.1990000000001</v>
      </c>
      <c r="U2280">
        <v>1105.508</v>
      </c>
      <c r="V2280">
        <v>1103.421</v>
      </c>
      <c r="W2280">
        <v>1124.8119999999999</v>
      </c>
      <c r="X2280">
        <v>1149.8389999999999</v>
      </c>
      <c r="Y2280">
        <v>1161.742</v>
      </c>
    </row>
    <row r="2281" spans="1:25" x14ac:dyDescent="0.3">
      <c r="A2281">
        <v>61.066666667644554</v>
      </c>
      <c r="B2281">
        <v>968.03</v>
      </c>
      <c r="C2281">
        <v>1027.3399999999999</v>
      </c>
      <c r="D2281">
        <v>1031.8510000000001</v>
      </c>
      <c r="E2281">
        <v>1060.9069999999999</v>
      </c>
      <c r="F2281">
        <v>1081.741</v>
      </c>
      <c r="G2281">
        <v>1096.144</v>
      </c>
      <c r="H2281">
        <v>1104.192</v>
      </c>
      <c r="I2281">
        <v>1124.1859999999999</v>
      </c>
      <c r="J2281">
        <v>1133.6769999999999</v>
      </c>
      <c r="K2281">
        <v>1132.0630000000001</v>
      </c>
      <c r="L2281">
        <v>1150.4690000000001</v>
      </c>
      <c r="M2281">
        <v>1141.4839999999999</v>
      </c>
      <c r="N2281">
        <v>1130.905</v>
      </c>
      <c r="O2281">
        <v>1009.249</v>
      </c>
      <c r="P2281">
        <v>0</v>
      </c>
      <c r="Q2281">
        <v>0</v>
      </c>
      <c r="R2281">
        <v>1068.2239999999999</v>
      </c>
      <c r="S2281">
        <v>0</v>
      </c>
      <c r="T2281">
        <v>1088.2</v>
      </c>
      <c r="U2281">
        <v>1103.6469999999999</v>
      </c>
      <c r="V2281">
        <v>1104.8499999999999</v>
      </c>
      <c r="W2281">
        <v>1125.3630000000001</v>
      </c>
      <c r="X2281">
        <v>1148.1610000000001</v>
      </c>
      <c r="Y2281">
        <v>1161.646</v>
      </c>
    </row>
    <row r="2282" spans="1:25" x14ac:dyDescent="0.3">
      <c r="A2282">
        <v>61.099999998292574</v>
      </c>
      <c r="B2282">
        <v>959.73599999999999</v>
      </c>
      <c r="C2282">
        <v>1028.998</v>
      </c>
      <c r="D2282">
        <v>1033.6189999999999</v>
      </c>
      <c r="E2282">
        <v>1062.893</v>
      </c>
      <c r="F2282">
        <v>1084.962</v>
      </c>
      <c r="G2282">
        <v>1099.4349999999999</v>
      </c>
      <c r="H2282">
        <v>1114.5630000000001</v>
      </c>
      <c r="I2282">
        <v>1130.6210000000001</v>
      </c>
      <c r="J2282">
        <v>1137.096</v>
      </c>
      <c r="K2282">
        <v>1134.683</v>
      </c>
      <c r="L2282">
        <v>1151.83</v>
      </c>
      <c r="M2282">
        <v>1141.713</v>
      </c>
      <c r="N2282">
        <v>1127.9069999999999</v>
      </c>
      <c r="O2282">
        <v>1011.369</v>
      </c>
      <c r="P2282">
        <v>0</v>
      </c>
      <c r="Q2282">
        <v>0</v>
      </c>
      <c r="R2282">
        <v>1069.4549999999999</v>
      </c>
      <c r="S2282">
        <v>0</v>
      </c>
      <c r="T2282">
        <v>1088.837</v>
      </c>
      <c r="U2282">
        <v>1105.434</v>
      </c>
      <c r="V2282">
        <v>1103.93</v>
      </c>
      <c r="W2282">
        <v>1126.2550000000001</v>
      </c>
      <c r="X2282">
        <v>1152.1559999999999</v>
      </c>
      <c r="Y2282">
        <v>1167.431</v>
      </c>
    </row>
    <row r="2283" spans="1:25" x14ac:dyDescent="0.3">
      <c r="A2283">
        <v>61.133333339417973</v>
      </c>
      <c r="B2283">
        <v>953.846</v>
      </c>
      <c r="C2283">
        <v>1027.0820000000001</v>
      </c>
      <c r="D2283">
        <v>1032.7529999999999</v>
      </c>
      <c r="E2283">
        <v>1060.0530000000001</v>
      </c>
      <c r="F2283">
        <v>1080.8620000000001</v>
      </c>
      <c r="G2283">
        <v>1101.1079999999999</v>
      </c>
      <c r="H2283">
        <v>1113.183</v>
      </c>
      <c r="I2283">
        <v>1130.6400000000001</v>
      </c>
      <c r="J2283">
        <v>1137.7249999999999</v>
      </c>
      <c r="K2283">
        <v>1132.1199999999999</v>
      </c>
      <c r="L2283">
        <v>1151.1769999999999</v>
      </c>
      <c r="M2283">
        <v>1142.17</v>
      </c>
      <c r="N2283">
        <v>1129.3679999999999</v>
      </c>
      <c r="O2283">
        <v>1009.56</v>
      </c>
      <c r="P2283">
        <v>0</v>
      </c>
      <c r="Q2283">
        <v>0</v>
      </c>
      <c r="R2283">
        <v>1071.0940000000001</v>
      </c>
      <c r="S2283">
        <v>0</v>
      </c>
      <c r="T2283">
        <v>1089.6980000000001</v>
      </c>
      <c r="U2283">
        <v>1107.2950000000001</v>
      </c>
      <c r="V2283">
        <v>1104.9259999999999</v>
      </c>
      <c r="W2283">
        <v>1127.28</v>
      </c>
      <c r="X2283">
        <v>1155.395</v>
      </c>
      <c r="Y2283">
        <v>1168.24</v>
      </c>
    </row>
    <row r="2284" spans="1:25" x14ac:dyDescent="0.3">
      <c r="A2284">
        <v>61.149999999503294</v>
      </c>
      <c r="B2284">
        <v>956.89</v>
      </c>
      <c r="C2284">
        <v>1027.635</v>
      </c>
      <c r="D2284">
        <v>1032.9010000000001</v>
      </c>
      <c r="E2284">
        <v>1060.2760000000001</v>
      </c>
      <c r="F2284">
        <v>1080.3779999999999</v>
      </c>
      <c r="G2284">
        <v>1098.5329999999999</v>
      </c>
      <c r="H2284">
        <v>1106.2239999999999</v>
      </c>
      <c r="I2284">
        <v>1125.23</v>
      </c>
      <c r="J2284">
        <v>1133.6769999999999</v>
      </c>
      <c r="K2284">
        <v>1129.3679999999999</v>
      </c>
      <c r="L2284">
        <v>1148.1420000000001</v>
      </c>
      <c r="M2284">
        <v>1141.3119999999999</v>
      </c>
      <c r="N2284">
        <v>1127.7739999999999</v>
      </c>
      <c r="O2284">
        <v>1010.638</v>
      </c>
      <c r="P2284">
        <v>0</v>
      </c>
      <c r="Q2284">
        <v>0</v>
      </c>
      <c r="R2284">
        <v>1070.5540000000001</v>
      </c>
      <c r="S2284">
        <v>0</v>
      </c>
      <c r="T2284">
        <v>1089.923</v>
      </c>
      <c r="U2284">
        <v>1106.5060000000001</v>
      </c>
      <c r="V2284">
        <v>1106.1859999999999</v>
      </c>
      <c r="W2284">
        <v>1127.8879999999999</v>
      </c>
      <c r="X2284">
        <v>1158.598</v>
      </c>
      <c r="Y2284">
        <v>1167.894</v>
      </c>
    </row>
    <row r="2285" spans="1:25" x14ac:dyDescent="0.3">
      <c r="A2285">
        <v>61.183333330151314</v>
      </c>
      <c r="B2285">
        <v>948.73199999999997</v>
      </c>
      <c r="C2285">
        <v>1028.059</v>
      </c>
      <c r="D2285">
        <v>1032.5139999999999</v>
      </c>
      <c r="E2285">
        <v>1061.056</v>
      </c>
      <c r="F2285">
        <v>1079.1849999999999</v>
      </c>
      <c r="G2285">
        <v>1093.3489999999999</v>
      </c>
      <c r="H2285">
        <v>1102.444</v>
      </c>
      <c r="I2285">
        <v>1123.579</v>
      </c>
      <c r="J2285">
        <v>1133.0509999999999</v>
      </c>
      <c r="K2285">
        <v>1127.9639999999999</v>
      </c>
      <c r="L2285">
        <v>1148.2760000000001</v>
      </c>
      <c r="M2285">
        <v>1141.0640000000001</v>
      </c>
      <c r="N2285">
        <v>1119.569</v>
      </c>
      <c r="O2285">
        <v>1007.039</v>
      </c>
      <c r="P2285">
        <v>0</v>
      </c>
      <c r="Q2285">
        <v>0</v>
      </c>
      <c r="R2285">
        <v>1071.5239999999999</v>
      </c>
      <c r="S2285">
        <v>0</v>
      </c>
      <c r="T2285">
        <v>1088.837</v>
      </c>
      <c r="U2285">
        <v>1103.8920000000001</v>
      </c>
      <c r="V2285">
        <v>1104.625</v>
      </c>
      <c r="W2285">
        <v>1128.913</v>
      </c>
      <c r="X2285">
        <v>1155.626</v>
      </c>
      <c r="Y2285">
        <v>1165.1569999999999</v>
      </c>
    </row>
    <row r="2286" spans="1:25" x14ac:dyDescent="0.3">
      <c r="A2286">
        <v>61.200000000714013</v>
      </c>
      <c r="B2286">
        <v>949.12800000000004</v>
      </c>
      <c r="C2286">
        <v>1028.096</v>
      </c>
      <c r="D2286">
        <v>1033.914</v>
      </c>
      <c r="E2286">
        <v>1061.1120000000001</v>
      </c>
      <c r="F2286">
        <v>1081.0309999999999</v>
      </c>
      <c r="G2286">
        <v>1096.672</v>
      </c>
      <c r="H2286">
        <v>1110.501</v>
      </c>
      <c r="I2286">
        <v>1128.287</v>
      </c>
      <c r="J2286">
        <v>1134.058</v>
      </c>
      <c r="K2286">
        <v>1128.856</v>
      </c>
      <c r="L2286">
        <v>1148.5820000000001</v>
      </c>
      <c r="M2286">
        <v>1139.9780000000001</v>
      </c>
      <c r="N2286">
        <v>1122.1389999999999</v>
      </c>
      <c r="O2286">
        <v>1009.634</v>
      </c>
      <c r="P2286">
        <v>0</v>
      </c>
      <c r="Q2286">
        <v>0</v>
      </c>
      <c r="R2286">
        <v>1072.046</v>
      </c>
      <c r="S2286">
        <v>0</v>
      </c>
      <c r="T2286">
        <v>1089.268</v>
      </c>
      <c r="U2286">
        <v>1104.287</v>
      </c>
      <c r="V2286">
        <v>1102.087</v>
      </c>
      <c r="W2286">
        <v>1126.18</v>
      </c>
      <c r="X2286">
        <v>1157.2560000000001</v>
      </c>
      <c r="Y2286">
        <v>1164.6769999999999</v>
      </c>
    </row>
    <row r="2287" spans="1:25" x14ac:dyDescent="0.3">
      <c r="A2287">
        <v>61.233333331362033</v>
      </c>
      <c r="B2287">
        <v>947.61300000000006</v>
      </c>
      <c r="C2287">
        <v>1025.317</v>
      </c>
      <c r="D2287">
        <v>1030.2840000000001</v>
      </c>
      <c r="E2287">
        <v>1058.9559999999999</v>
      </c>
      <c r="F2287">
        <v>1078.4739999999999</v>
      </c>
      <c r="G2287">
        <v>1096.01</v>
      </c>
      <c r="H2287">
        <v>1109.913</v>
      </c>
      <c r="I2287">
        <v>1128.9670000000001</v>
      </c>
      <c r="J2287">
        <v>1137.056</v>
      </c>
      <c r="K2287">
        <v>1131.0740000000001</v>
      </c>
      <c r="L2287">
        <v>1151.31</v>
      </c>
      <c r="M2287">
        <v>1139.8409999999999</v>
      </c>
      <c r="N2287">
        <v>1131.4349999999999</v>
      </c>
      <c r="O2287">
        <v>1010.271</v>
      </c>
      <c r="P2287">
        <v>0</v>
      </c>
      <c r="Q2287">
        <v>0</v>
      </c>
      <c r="R2287">
        <v>1072.472</v>
      </c>
      <c r="S2287">
        <v>0</v>
      </c>
      <c r="T2287">
        <v>1090.576</v>
      </c>
      <c r="U2287">
        <v>1104.115</v>
      </c>
      <c r="V2287">
        <v>1101.652</v>
      </c>
      <c r="W2287">
        <v>1125.171</v>
      </c>
      <c r="X2287">
        <v>1153.5530000000001</v>
      </c>
      <c r="Y2287">
        <v>1167.0630000000001</v>
      </c>
    </row>
    <row r="2288" spans="1:25" x14ac:dyDescent="0.3">
      <c r="A2288">
        <v>61.266666672487432</v>
      </c>
      <c r="B2288">
        <v>958.61800000000005</v>
      </c>
      <c r="C2288">
        <v>1024.403</v>
      </c>
      <c r="D2288">
        <v>1035.1289999999999</v>
      </c>
      <c r="E2288">
        <v>1064.712</v>
      </c>
      <c r="F2288">
        <v>1081.0119999999999</v>
      </c>
      <c r="G2288">
        <v>1096.4639999999999</v>
      </c>
      <c r="H2288">
        <v>1111.8989999999999</v>
      </c>
      <c r="I2288">
        <v>1126.4829999999999</v>
      </c>
      <c r="J2288">
        <v>1134.4939999999999</v>
      </c>
      <c r="K2288">
        <v>1129.8620000000001</v>
      </c>
      <c r="L2288">
        <v>1149.8589999999999</v>
      </c>
      <c r="M2288">
        <v>1139.309</v>
      </c>
      <c r="N2288">
        <v>1130.6780000000001</v>
      </c>
      <c r="O2288">
        <v>1006.82</v>
      </c>
      <c r="P2288">
        <v>0</v>
      </c>
      <c r="Q2288">
        <v>0</v>
      </c>
      <c r="R2288">
        <v>1070.8900000000001</v>
      </c>
      <c r="S2288">
        <v>0</v>
      </c>
      <c r="T2288">
        <v>1089.249</v>
      </c>
      <c r="U2288">
        <v>1103.9480000000001</v>
      </c>
      <c r="V2288">
        <v>1100.7329999999999</v>
      </c>
      <c r="W2288">
        <v>1123.009</v>
      </c>
      <c r="X2288">
        <v>1148.3330000000001</v>
      </c>
      <c r="Y2288">
        <v>1165.3689999999999</v>
      </c>
    </row>
    <row r="2289" spans="1:25" x14ac:dyDescent="0.3">
      <c r="A2289">
        <v>61.283333332572752</v>
      </c>
      <c r="B2289">
        <v>950.83900000000006</v>
      </c>
      <c r="C2289">
        <v>1024.421</v>
      </c>
      <c r="D2289">
        <v>1034.0239999999999</v>
      </c>
      <c r="E2289">
        <v>1062.3</v>
      </c>
      <c r="F2289">
        <v>1077.19</v>
      </c>
      <c r="G2289">
        <v>1095.9749999999999</v>
      </c>
      <c r="H2289">
        <v>1108.7619999999999</v>
      </c>
      <c r="I2289">
        <v>1120.797</v>
      </c>
      <c r="J2289">
        <v>1133.07</v>
      </c>
      <c r="K2289">
        <v>1129.9760000000001</v>
      </c>
      <c r="L2289">
        <v>1149.4010000000001</v>
      </c>
      <c r="M2289">
        <v>1140.0920000000001</v>
      </c>
      <c r="N2289">
        <v>1125.021</v>
      </c>
      <c r="O2289">
        <v>1008.19</v>
      </c>
      <c r="P2289">
        <v>0</v>
      </c>
      <c r="Q2289">
        <v>0</v>
      </c>
      <c r="R2289">
        <v>1069.4169999999999</v>
      </c>
      <c r="S2289">
        <v>0</v>
      </c>
      <c r="T2289">
        <v>1088.163</v>
      </c>
      <c r="U2289">
        <v>1100.4690000000001</v>
      </c>
      <c r="V2289">
        <v>1098.8710000000001</v>
      </c>
      <c r="W2289">
        <v>1123.75</v>
      </c>
      <c r="X2289">
        <v>1148.2950000000001</v>
      </c>
      <c r="Y2289">
        <v>1161.2249999999999</v>
      </c>
    </row>
    <row r="2290" spans="1:25" x14ac:dyDescent="0.3">
      <c r="A2290">
        <v>61.316666663220772</v>
      </c>
      <c r="B2290">
        <v>946.71500000000003</v>
      </c>
      <c r="C2290">
        <v>1019.5069999999999</v>
      </c>
      <c r="D2290">
        <v>1032.5519999999999</v>
      </c>
      <c r="E2290">
        <v>1062.8009999999999</v>
      </c>
      <c r="F2290">
        <v>1078.403</v>
      </c>
      <c r="G2290">
        <v>1094.3050000000001</v>
      </c>
      <c r="H2290">
        <v>1104.3440000000001</v>
      </c>
      <c r="I2290">
        <v>1117.038</v>
      </c>
      <c r="J2290">
        <v>1132.653</v>
      </c>
      <c r="K2290">
        <v>1128.5340000000001</v>
      </c>
      <c r="L2290">
        <v>1150.241</v>
      </c>
      <c r="M2290">
        <v>1139.0809999999999</v>
      </c>
      <c r="N2290">
        <v>1129.9010000000001</v>
      </c>
      <c r="O2290">
        <v>1005.8339999999999</v>
      </c>
      <c r="P2290">
        <v>0</v>
      </c>
      <c r="Q2290">
        <v>0</v>
      </c>
      <c r="R2290">
        <v>1066.9590000000001</v>
      </c>
      <c r="S2290">
        <v>0</v>
      </c>
      <c r="T2290">
        <v>1084.4380000000001</v>
      </c>
      <c r="U2290">
        <v>1098.759</v>
      </c>
      <c r="V2290">
        <v>1099.4359999999999</v>
      </c>
      <c r="W2290">
        <v>1121.1189999999999</v>
      </c>
      <c r="X2290">
        <v>1142.5530000000001</v>
      </c>
      <c r="Y2290">
        <v>1158.5989999999999</v>
      </c>
    </row>
    <row r="2291" spans="1:25" x14ac:dyDescent="0.3">
      <c r="A2291">
        <v>61.333333333783472</v>
      </c>
      <c r="B2291">
        <v>939.15499999999997</v>
      </c>
      <c r="C2291">
        <v>1017.5410000000001</v>
      </c>
      <c r="D2291">
        <v>1031.223</v>
      </c>
      <c r="E2291">
        <v>1061.6289999999999</v>
      </c>
      <c r="F2291">
        <v>1079.2570000000001</v>
      </c>
      <c r="G2291">
        <v>1094.2460000000001</v>
      </c>
      <c r="H2291">
        <v>1104.059</v>
      </c>
      <c r="I2291">
        <v>1120.7</v>
      </c>
      <c r="J2291">
        <v>1132.365</v>
      </c>
      <c r="K2291">
        <v>1128.17</v>
      </c>
      <c r="L2291">
        <v>1151.06</v>
      </c>
      <c r="M2291">
        <v>1141.386</v>
      </c>
      <c r="N2291">
        <v>1129.7270000000001</v>
      </c>
      <c r="O2291">
        <v>1007.932</v>
      </c>
      <c r="P2291">
        <v>0</v>
      </c>
      <c r="Q2291">
        <v>0</v>
      </c>
      <c r="R2291">
        <v>1068.4829999999999</v>
      </c>
      <c r="S2291">
        <v>0</v>
      </c>
      <c r="T2291">
        <v>1087.0940000000001</v>
      </c>
      <c r="U2291">
        <v>1104.4159999999999</v>
      </c>
      <c r="V2291">
        <v>1101.2760000000001</v>
      </c>
      <c r="W2291">
        <v>1123.614</v>
      </c>
      <c r="X2291">
        <v>1146.079</v>
      </c>
      <c r="Y2291">
        <v>1157.2729999999999</v>
      </c>
    </row>
    <row r="2292" spans="1:25" x14ac:dyDescent="0.3">
      <c r="A2292">
        <v>61.366666664431492</v>
      </c>
      <c r="B2292">
        <v>949.97400000000005</v>
      </c>
      <c r="C2292">
        <v>1021.706</v>
      </c>
      <c r="D2292">
        <v>1033.931</v>
      </c>
      <c r="E2292">
        <v>1063.8019999999999</v>
      </c>
      <c r="F2292">
        <v>1079.3330000000001</v>
      </c>
      <c r="G2292">
        <v>1098.3440000000001</v>
      </c>
      <c r="H2292">
        <v>1109.1400000000001</v>
      </c>
      <c r="I2292">
        <v>1125.002</v>
      </c>
      <c r="J2292">
        <v>1135.518</v>
      </c>
      <c r="K2292">
        <v>1132.2529999999999</v>
      </c>
      <c r="L2292">
        <v>1151.1199999999999</v>
      </c>
      <c r="M2292">
        <v>1142.5139999999999</v>
      </c>
      <c r="N2292">
        <v>1125.894</v>
      </c>
      <c r="O2292">
        <v>1006.8920000000001</v>
      </c>
      <c r="P2292">
        <v>0</v>
      </c>
      <c r="Q2292">
        <v>0</v>
      </c>
      <c r="R2292">
        <v>1070.106</v>
      </c>
      <c r="S2292">
        <v>0</v>
      </c>
      <c r="T2292">
        <v>1088.7239999999999</v>
      </c>
      <c r="U2292">
        <v>1104.3800000000001</v>
      </c>
      <c r="V2292">
        <v>1100.431</v>
      </c>
      <c r="W2292">
        <v>1122.1189999999999</v>
      </c>
      <c r="X2292">
        <v>1149.114</v>
      </c>
      <c r="Y2292">
        <v>1158.693</v>
      </c>
    </row>
    <row r="2293" spans="1:25" x14ac:dyDescent="0.3">
      <c r="A2293">
        <v>61.40000000555689</v>
      </c>
      <c r="B2293">
        <v>947.52499999999998</v>
      </c>
      <c r="C2293">
        <v>1024.348</v>
      </c>
      <c r="D2293">
        <v>1034.963</v>
      </c>
      <c r="E2293">
        <v>1065.6590000000001</v>
      </c>
      <c r="F2293">
        <v>1081.9480000000001</v>
      </c>
      <c r="G2293">
        <v>1100.2809999999999</v>
      </c>
      <c r="H2293">
        <v>1113.0319999999999</v>
      </c>
      <c r="I2293">
        <v>1126.768</v>
      </c>
      <c r="J2293">
        <v>1134.2280000000001</v>
      </c>
      <c r="K2293">
        <v>1131.172</v>
      </c>
      <c r="L2293">
        <v>1149.001</v>
      </c>
      <c r="M2293">
        <v>1139.405</v>
      </c>
      <c r="N2293">
        <v>1130.374</v>
      </c>
      <c r="O2293">
        <v>1004.2619999999999</v>
      </c>
      <c r="P2293">
        <v>0</v>
      </c>
      <c r="Q2293">
        <v>0</v>
      </c>
      <c r="R2293">
        <v>1068.7650000000001</v>
      </c>
      <c r="S2293">
        <v>0</v>
      </c>
      <c r="T2293">
        <v>1086.8530000000001</v>
      </c>
      <c r="U2293">
        <v>1103.9860000000001</v>
      </c>
      <c r="V2293">
        <v>1101.8230000000001</v>
      </c>
      <c r="W2293">
        <v>1123.712</v>
      </c>
      <c r="X2293">
        <v>1153.6320000000001</v>
      </c>
      <c r="Y2293">
        <v>1167.3150000000001</v>
      </c>
    </row>
    <row r="2294" spans="1:25" x14ac:dyDescent="0.3">
      <c r="A2294">
        <v>61.416666665642211</v>
      </c>
      <c r="B2294">
        <v>950.78499999999997</v>
      </c>
      <c r="C2294">
        <v>1021.285</v>
      </c>
      <c r="D2294">
        <v>1031.759</v>
      </c>
      <c r="E2294">
        <v>1059.998</v>
      </c>
      <c r="F2294">
        <v>1073.3879999999999</v>
      </c>
      <c r="G2294">
        <v>1097.367</v>
      </c>
      <c r="H2294">
        <v>1105.2650000000001</v>
      </c>
      <c r="I2294">
        <v>1122.1569999999999</v>
      </c>
      <c r="J2294">
        <v>1131.931</v>
      </c>
      <c r="K2294">
        <v>1129.3109999999999</v>
      </c>
      <c r="L2294">
        <v>1148.6569999999999</v>
      </c>
      <c r="M2294">
        <v>1140.2439999999999</v>
      </c>
      <c r="N2294">
        <v>1121.213</v>
      </c>
      <c r="O2294">
        <v>1007.003</v>
      </c>
      <c r="P2294">
        <v>0</v>
      </c>
      <c r="Q2294">
        <v>0</v>
      </c>
      <c r="R2294">
        <v>1069.809</v>
      </c>
      <c r="S2294">
        <v>0</v>
      </c>
      <c r="T2294">
        <v>1088.575</v>
      </c>
      <c r="U2294">
        <v>1105.2829999999999</v>
      </c>
      <c r="V2294">
        <v>1103.1769999999999</v>
      </c>
      <c r="W2294">
        <v>1127.8119999999999</v>
      </c>
      <c r="X2294">
        <v>1158.3869999999999</v>
      </c>
      <c r="Y2294">
        <v>1164.3119999999999</v>
      </c>
    </row>
    <row r="2295" spans="1:25" x14ac:dyDescent="0.3">
      <c r="A2295">
        <v>61.45000000676761</v>
      </c>
      <c r="B2295">
        <v>956.96199999999999</v>
      </c>
      <c r="C2295">
        <v>1025.357</v>
      </c>
      <c r="D2295">
        <v>1035.5530000000001</v>
      </c>
      <c r="E2295">
        <v>1062.374</v>
      </c>
      <c r="F2295">
        <v>1077.116</v>
      </c>
      <c r="G2295">
        <v>1101.297</v>
      </c>
      <c r="H2295">
        <v>1106.5440000000001</v>
      </c>
      <c r="I2295">
        <v>1127.9069999999999</v>
      </c>
      <c r="J2295">
        <v>1135.9559999999999</v>
      </c>
      <c r="K2295">
        <v>1133.1089999999999</v>
      </c>
      <c r="L2295">
        <v>1151.7729999999999</v>
      </c>
      <c r="M2295">
        <v>1139.539</v>
      </c>
      <c r="N2295">
        <v>1124.9839999999999</v>
      </c>
      <c r="O2295">
        <v>1003.55</v>
      </c>
      <c r="P2295">
        <v>0</v>
      </c>
      <c r="Q2295">
        <v>0</v>
      </c>
      <c r="R2295">
        <v>1070.3869999999999</v>
      </c>
      <c r="S2295">
        <v>0</v>
      </c>
      <c r="T2295">
        <v>1091.028</v>
      </c>
      <c r="U2295">
        <v>1107.0889999999999</v>
      </c>
      <c r="V2295">
        <v>1105.566</v>
      </c>
      <c r="W2295">
        <v>1130.1089999999999</v>
      </c>
      <c r="X2295">
        <v>1154.6300000000001</v>
      </c>
      <c r="Y2295">
        <v>1166.1600000000001</v>
      </c>
    </row>
    <row r="2296" spans="1:25" x14ac:dyDescent="0.3">
      <c r="A2296">
        <v>61.46666666685293</v>
      </c>
      <c r="B2296">
        <v>953.9</v>
      </c>
      <c r="C2296">
        <v>1026.2550000000001</v>
      </c>
      <c r="D2296">
        <v>1038.203</v>
      </c>
      <c r="E2296">
        <v>1056.1369999999999</v>
      </c>
      <c r="F2296">
        <v>1071.1880000000001</v>
      </c>
      <c r="G2296">
        <v>1097.2539999999999</v>
      </c>
      <c r="H2296">
        <v>1102.67</v>
      </c>
      <c r="I2296">
        <v>1123.579</v>
      </c>
      <c r="J2296">
        <v>1134.057</v>
      </c>
      <c r="K2296">
        <v>1131.191</v>
      </c>
      <c r="L2296">
        <v>1151.1590000000001</v>
      </c>
      <c r="M2296">
        <v>1139.634</v>
      </c>
      <c r="N2296">
        <v>1129.8430000000001</v>
      </c>
      <c r="O2296">
        <v>1005.6319999999999</v>
      </c>
      <c r="P2296">
        <v>0</v>
      </c>
      <c r="Q2296">
        <v>0</v>
      </c>
      <c r="R2296">
        <v>1072.1569999999999</v>
      </c>
      <c r="S2296">
        <v>0</v>
      </c>
      <c r="T2296">
        <v>1089.867</v>
      </c>
      <c r="U2296">
        <v>1106.8820000000001</v>
      </c>
      <c r="V2296">
        <v>1105.02</v>
      </c>
      <c r="W2296">
        <v>1134.5509999999999</v>
      </c>
      <c r="X2296">
        <v>1161.742</v>
      </c>
      <c r="Y2296">
        <v>1168.51</v>
      </c>
    </row>
    <row r="2297" spans="1:25" x14ac:dyDescent="0.3">
      <c r="A2297">
        <v>61.49999999750095</v>
      </c>
      <c r="B2297">
        <v>955.43100000000004</v>
      </c>
      <c r="C2297">
        <v>1026.6780000000001</v>
      </c>
      <c r="D2297">
        <v>1034.6320000000001</v>
      </c>
      <c r="E2297">
        <v>1056.4159999999999</v>
      </c>
      <c r="F2297">
        <v>1074.2829999999999</v>
      </c>
      <c r="G2297">
        <v>1096.164</v>
      </c>
      <c r="H2297">
        <v>1104.4570000000001</v>
      </c>
      <c r="I2297">
        <v>1127.452</v>
      </c>
      <c r="J2297">
        <v>1135.367</v>
      </c>
      <c r="K2297">
        <v>1133.5260000000001</v>
      </c>
      <c r="L2297">
        <v>1153.7280000000001</v>
      </c>
      <c r="M2297">
        <v>1142.8009999999999</v>
      </c>
      <c r="N2297">
        <v>1125.402</v>
      </c>
      <c r="O2297">
        <v>1006.473</v>
      </c>
      <c r="P2297">
        <v>0</v>
      </c>
      <c r="Q2297">
        <v>0</v>
      </c>
      <c r="R2297">
        <v>1071.8969999999999</v>
      </c>
      <c r="S2297">
        <v>0</v>
      </c>
      <c r="T2297">
        <v>1097.048</v>
      </c>
      <c r="U2297">
        <v>1109.046</v>
      </c>
      <c r="V2297">
        <v>1105.923</v>
      </c>
      <c r="W2297">
        <v>1133.7729999999999</v>
      </c>
      <c r="X2297">
        <v>1160.3430000000001</v>
      </c>
      <c r="Y2297">
        <v>1166.2170000000001</v>
      </c>
    </row>
    <row r="2298" spans="1:25" x14ac:dyDescent="0.3">
      <c r="A2298">
        <v>61.533333338626349</v>
      </c>
      <c r="B2298">
        <v>964.79600000000005</v>
      </c>
      <c r="C2298">
        <v>1027.3589999999999</v>
      </c>
      <c r="D2298">
        <v>1035.3130000000001</v>
      </c>
      <c r="E2298">
        <v>1058.587</v>
      </c>
      <c r="F2298">
        <v>1076.519</v>
      </c>
      <c r="G2298">
        <v>1097.95</v>
      </c>
      <c r="H2298">
        <v>1110.104</v>
      </c>
      <c r="I2298">
        <v>1126.635</v>
      </c>
      <c r="J2298">
        <v>1134.683</v>
      </c>
      <c r="K2298">
        <v>1131.722</v>
      </c>
      <c r="L2298">
        <v>1151.4839999999999</v>
      </c>
      <c r="M2298">
        <v>1140.1679999999999</v>
      </c>
      <c r="N2298">
        <v>1127.6410000000001</v>
      </c>
      <c r="O2298">
        <v>1007.258</v>
      </c>
      <c r="P2298">
        <v>0</v>
      </c>
      <c r="Q2298">
        <v>0</v>
      </c>
      <c r="R2298">
        <v>1070.9079999999999</v>
      </c>
      <c r="S2298">
        <v>0</v>
      </c>
      <c r="T2298">
        <v>1093.799</v>
      </c>
      <c r="U2298">
        <v>1107.239</v>
      </c>
      <c r="V2298">
        <v>1104.3620000000001</v>
      </c>
      <c r="W2298">
        <v>1129.539</v>
      </c>
      <c r="X2298">
        <v>1157.3320000000001</v>
      </c>
      <c r="Y2298">
        <v>1167.2</v>
      </c>
    </row>
    <row r="2299" spans="1:25" x14ac:dyDescent="0.3">
      <c r="A2299">
        <v>61.549999998711669</v>
      </c>
      <c r="B2299">
        <v>963.64</v>
      </c>
      <c r="C2299">
        <v>1026.6780000000001</v>
      </c>
      <c r="D2299">
        <v>1032.0540000000001</v>
      </c>
      <c r="E2299">
        <v>1058.105</v>
      </c>
      <c r="F2299">
        <v>1077.06</v>
      </c>
      <c r="G2299">
        <v>1096.7460000000001</v>
      </c>
      <c r="H2299">
        <v>1108.895</v>
      </c>
      <c r="I2299">
        <v>1126.3689999999999</v>
      </c>
      <c r="J2299">
        <v>1137.077</v>
      </c>
      <c r="K2299">
        <v>1130.0899999999999</v>
      </c>
      <c r="L2299">
        <v>1148.5809999999999</v>
      </c>
      <c r="M2299">
        <v>1138.355</v>
      </c>
      <c r="N2299">
        <v>1132.2159999999999</v>
      </c>
      <c r="O2299">
        <v>1010.2910000000001</v>
      </c>
      <c r="P2299">
        <v>0</v>
      </c>
      <c r="Q2299">
        <v>0</v>
      </c>
      <c r="R2299">
        <v>1071.8399999999999</v>
      </c>
      <c r="S2299">
        <v>0</v>
      </c>
      <c r="T2299">
        <v>1092.75</v>
      </c>
      <c r="U2299">
        <v>1105.7539999999999</v>
      </c>
      <c r="V2299">
        <v>1101.8800000000001</v>
      </c>
      <c r="W2299">
        <v>1127.0909999999999</v>
      </c>
      <c r="X2299">
        <v>1152.692</v>
      </c>
      <c r="Y2299">
        <v>1164.1769999999999</v>
      </c>
    </row>
    <row r="2300" spans="1:25" x14ac:dyDescent="0.3">
      <c r="A2300">
        <v>61.583333339837068</v>
      </c>
      <c r="B2300">
        <v>958.38400000000001</v>
      </c>
      <c r="C2300">
        <v>1025.0450000000001</v>
      </c>
      <c r="D2300">
        <v>1030.434</v>
      </c>
      <c r="E2300">
        <v>1058.42</v>
      </c>
      <c r="F2300">
        <v>1073.7049999999999</v>
      </c>
      <c r="G2300">
        <v>1092.6379999999999</v>
      </c>
      <c r="H2300">
        <v>1102.895</v>
      </c>
      <c r="I2300">
        <v>1124.9449999999999</v>
      </c>
      <c r="J2300">
        <v>1131.627</v>
      </c>
      <c r="K2300">
        <v>1125.192</v>
      </c>
      <c r="L2300">
        <v>1144.6130000000001</v>
      </c>
      <c r="M2300">
        <v>1136.335</v>
      </c>
      <c r="N2300">
        <v>1120.741</v>
      </c>
      <c r="O2300">
        <v>1007.478</v>
      </c>
      <c r="P2300">
        <v>0</v>
      </c>
      <c r="Q2300">
        <v>0</v>
      </c>
      <c r="R2300">
        <v>1070.498</v>
      </c>
      <c r="S2300">
        <v>0</v>
      </c>
      <c r="T2300">
        <v>1090.7660000000001</v>
      </c>
      <c r="U2300">
        <v>1103.6099999999999</v>
      </c>
      <c r="V2300">
        <v>1099.7170000000001</v>
      </c>
      <c r="W2300">
        <v>1124.2809999999999</v>
      </c>
      <c r="X2300">
        <v>1153.479</v>
      </c>
      <c r="Y2300">
        <v>1169.2619999999999</v>
      </c>
    </row>
    <row r="2301" spans="1:25" x14ac:dyDescent="0.3">
      <c r="A2301">
        <v>61.599999999922389</v>
      </c>
      <c r="B2301">
        <v>958.726</v>
      </c>
      <c r="C2301">
        <v>1025.5029999999999</v>
      </c>
      <c r="D2301">
        <v>1031.0409999999999</v>
      </c>
      <c r="E2301">
        <v>1060.5920000000001</v>
      </c>
      <c r="F2301">
        <v>1074.0029999999999</v>
      </c>
      <c r="G2301">
        <v>1090.5409999999999</v>
      </c>
      <c r="H2301">
        <v>1103.4590000000001</v>
      </c>
      <c r="I2301">
        <v>1121.44</v>
      </c>
      <c r="J2301">
        <v>1131.893</v>
      </c>
      <c r="K2301">
        <v>1127.223</v>
      </c>
      <c r="L2301">
        <v>1147.3789999999999</v>
      </c>
      <c r="M2301">
        <v>1139.0229999999999</v>
      </c>
      <c r="N2301">
        <v>1126.1980000000001</v>
      </c>
      <c r="O2301">
        <v>1006.71</v>
      </c>
      <c r="P2301">
        <v>0</v>
      </c>
      <c r="Q2301">
        <v>0</v>
      </c>
      <c r="R2301">
        <v>1071.1880000000001</v>
      </c>
      <c r="S2301">
        <v>0</v>
      </c>
      <c r="T2301">
        <v>1089.268</v>
      </c>
      <c r="U2301">
        <v>1103.817</v>
      </c>
      <c r="V2301">
        <v>1101.4469999999999</v>
      </c>
      <c r="W2301">
        <v>1127.8499999999999</v>
      </c>
      <c r="X2301">
        <v>1157.7929999999999</v>
      </c>
      <c r="Y2301">
        <v>1169.8789999999999</v>
      </c>
    </row>
    <row r="2302" spans="1:25" x14ac:dyDescent="0.3">
      <c r="A2302">
        <v>61.633333330570409</v>
      </c>
      <c r="B2302">
        <v>966.06100000000004</v>
      </c>
      <c r="C2302">
        <v>1026.402</v>
      </c>
      <c r="D2302">
        <v>1032.9380000000001</v>
      </c>
      <c r="E2302">
        <v>1057.511</v>
      </c>
      <c r="F2302">
        <v>1073.4059999999999</v>
      </c>
      <c r="G2302">
        <v>1090.691</v>
      </c>
      <c r="H2302">
        <v>1102.087</v>
      </c>
      <c r="I2302">
        <v>1127.7360000000001</v>
      </c>
      <c r="J2302">
        <v>1133.336</v>
      </c>
      <c r="K2302">
        <v>1129.8430000000001</v>
      </c>
      <c r="L2302">
        <v>1147.894</v>
      </c>
      <c r="M2302">
        <v>1138.432</v>
      </c>
      <c r="N2302">
        <v>1129.9760000000001</v>
      </c>
      <c r="O2302">
        <v>1002.143</v>
      </c>
      <c r="P2302">
        <v>0</v>
      </c>
      <c r="Q2302">
        <v>0</v>
      </c>
      <c r="R2302">
        <v>1070.2750000000001</v>
      </c>
      <c r="S2302">
        <v>0</v>
      </c>
      <c r="T2302">
        <v>1088.7619999999999</v>
      </c>
      <c r="U2302">
        <v>1104.8320000000001</v>
      </c>
      <c r="V2302">
        <v>1101.617</v>
      </c>
      <c r="W2302">
        <v>1127.1469999999999</v>
      </c>
      <c r="X2302">
        <v>1154.2650000000001</v>
      </c>
      <c r="Y2302">
        <v>1173.8109999999999</v>
      </c>
    </row>
    <row r="2303" spans="1:25" x14ac:dyDescent="0.3">
      <c r="A2303">
        <v>61.666666671695808</v>
      </c>
      <c r="B2303">
        <v>973.47299999999996</v>
      </c>
      <c r="C2303">
        <v>1027.672</v>
      </c>
      <c r="D2303">
        <v>1032.348</v>
      </c>
      <c r="E2303">
        <v>1057.4739999999999</v>
      </c>
      <c r="F2303">
        <v>1072.9590000000001</v>
      </c>
      <c r="G2303">
        <v>1092.6379999999999</v>
      </c>
      <c r="H2303">
        <v>1100.4690000000001</v>
      </c>
      <c r="I2303">
        <v>1123.9010000000001</v>
      </c>
      <c r="J2303">
        <v>1133.7339999999999</v>
      </c>
      <c r="K2303">
        <v>1129.501</v>
      </c>
      <c r="L2303">
        <v>1147.4739999999999</v>
      </c>
      <c r="M2303">
        <v>1137.6110000000001</v>
      </c>
      <c r="N2303">
        <v>1132.538</v>
      </c>
      <c r="O2303">
        <v>1003.5309999999999</v>
      </c>
      <c r="P2303">
        <v>0</v>
      </c>
      <c r="Q2303">
        <v>0</v>
      </c>
      <c r="R2303">
        <v>1073.835</v>
      </c>
      <c r="S2303">
        <v>0</v>
      </c>
      <c r="T2303">
        <v>1088.9870000000001</v>
      </c>
      <c r="U2303">
        <v>1105.2460000000001</v>
      </c>
      <c r="V2303">
        <v>1102.4059999999999</v>
      </c>
      <c r="W2303">
        <v>1127.527</v>
      </c>
      <c r="X2303">
        <v>1153.92</v>
      </c>
      <c r="Y2303">
        <v>1168.298</v>
      </c>
    </row>
    <row r="2304" spans="1:25" x14ac:dyDescent="0.3">
      <c r="A2304">
        <v>61.683333331781128</v>
      </c>
      <c r="B2304">
        <v>973.63599999999997</v>
      </c>
      <c r="C2304">
        <v>1027.23</v>
      </c>
      <c r="D2304">
        <v>1032.5329999999999</v>
      </c>
      <c r="E2304">
        <v>1058.625</v>
      </c>
      <c r="F2304">
        <v>1075.1400000000001</v>
      </c>
      <c r="G2304">
        <v>1091.1590000000001</v>
      </c>
      <c r="H2304">
        <v>1099.586</v>
      </c>
      <c r="I2304">
        <v>1121.742</v>
      </c>
      <c r="J2304">
        <v>1129.9949999999999</v>
      </c>
      <c r="K2304">
        <v>1124.68</v>
      </c>
      <c r="L2304">
        <v>1145.9860000000001</v>
      </c>
      <c r="M2304">
        <v>1137.5920000000001</v>
      </c>
      <c r="N2304">
        <v>1132.7470000000001</v>
      </c>
      <c r="O2304">
        <v>1004.463</v>
      </c>
      <c r="P2304">
        <v>0</v>
      </c>
      <c r="Q2304">
        <v>0</v>
      </c>
      <c r="R2304">
        <v>1072.605</v>
      </c>
      <c r="S2304">
        <v>0</v>
      </c>
      <c r="T2304">
        <v>1091.1769999999999</v>
      </c>
      <c r="U2304">
        <v>1108.424</v>
      </c>
      <c r="V2304">
        <v>1104.7570000000001</v>
      </c>
      <c r="W2304">
        <v>1131.4749999999999</v>
      </c>
      <c r="X2304">
        <v>1158.4639999999999</v>
      </c>
      <c r="Y2304">
        <v>1167.47</v>
      </c>
    </row>
    <row r="2305" spans="1:25" x14ac:dyDescent="0.3">
      <c r="A2305">
        <v>61.716666672906527</v>
      </c>
      <c r="B2305">
        <v>966.60400000000004</v>
      </c>
      <c r="C2305">
        <v>1027.5070000000001</v>
      </c>
      <c r="D2305">
        <v>1034.779</v>
      </c>
      <c r="E2305">
        <v>1058.8109999999999</v>
      </c>
      <c r="F2305">
        <v>1076.6500000000001</v>
      </c>
      <c r="G2305">
        <v>1091.5530000000001</v>
      </c>
      <c r="H2305">
        <v>1101.297</v>
      </c>
      <c r="I2305">
        <v>1125.44</v>
      </c>
      <c r="J2305">
        <v>1131.4760000000001</v>
      </c>
      <c r="K2305">
        <v>1127.8689999999999</v>
      </c>
      <c r="L2305">
        <v>1146.998</v>
      </c>
      <c r="M2305">
        <v>1140.951</v>
      </c>
      <c r="N2305">
        <v>1133.45</v>
      </c>
      <c r="O2305">
        <v>1006.4</v>
      </c>
      <c r="P2305">
        <v>0</v>
      </c>
      <c r="Q2305">
        <v>0</v>
      </c>
      <c r="R2305">
        <v>1069.847</v>
      </c>
      <c r="S2305">
        <v>0</v>
      </c>
      <c r="T2305">
        <v>1092.114</v>
      </c>
      <c r="U2305">
        <v>1109.009</v>
      </c>
      <c r="V2305">
        <v>1104.175</v>
      </c>
      <c r="W2305">
        <v>1129.046</v>
      </c>
      <c r="X2305">
        <v>1158.675</v>
      </c>
      <c r="Y2305">
        <v>1174.1969999999999</v>
      </c>
    </row>
    <row r="2306" spans="1:25" x14ac:dyDescent="0.3">
      <c r="A2306">
        <v>61.750000003554547</v>
      </c>
      <c r="B2306">
        <v>959.84500000000003</v>
      </c>
      <c r="C2306">
        <v>1027.194</v>
      </c>
      <c r="D2306">
        <v>1033.1590000000001</v>
      </c>
      <c r="E2306">
        <v>1059.163</v>
      </c>
      <c r="F2306">
        <v>1078.7190000000001</v>
      </c>
      <c r="G2306">
        <v>1098.2139999999999</v>
      </c>
      <c r="H2306">
        <v>1108.537</v>
      </c>
      <c r="I2306">
        <v>1126.8630000000001</v>
      </c>
      <c r="J2306">
        <v>1135.8610000000001</v>
      </c>
      <c r="K2306">
        <v>1129.54</v>
      </c>
      <c r="L2306">
        <v>1150.184</v>
      </c>
      <c r="M2306">
        <v>1141.4659999999999</v>
      </c>
      <c r="N2306">
        <v>1134.5129999999999</v>
      </c>
      <c r="O2306">
        <v>1006.473</v>
      </c>
      <c r="P2306">
        <v>0</v>
      </c>
      <c r="Q2306">
        <v>0</v>
      </c>
      <c r="R2306">
        <v>1069.884</v>
      </c>
      <c r="S2306">
        <v>0</v>
      </c>
      <c r="T2306">
        <v>1092.077</v>
      </c>
      <c r="U2306">
        <v>1110.2560000000001</v>
      </c>
      <c r="V2306">
        <v>1106.5440000000001</v>
      </c>
      <c r="W2306">
        <v>1131.704</v>
      </c>
      <c r="X2306">
        <v>1156.202</v>
      </c>
      <c r="Y2306">
        <v>1169.1859999999999</v>
      </c>
    </row>
    <row r="2307" spans="1:25" x14ac:dyDescent="0.3">
      <c r="A2307">
        <v>61.766666663639867</v>
      </c>
      <c r="B2307">
        <v>954.09900000000005</v>
      </c>
      <c r="C2307">
        <v>1023.285</v>
      </c>
      <c r="D2307">
        <v>1028.4459999999999</v>
      </c>
      <c r="E2307">
        <v>1058.347</v>
      </c>
      <c r="F2307">
        <v>1077.098</v>
      </c>
      <c r="G2307">
        <v>1097.7249999999999</v>
      </c>
      <c r="H2307">
        <v>1111.087</v>
      </c>
      <c r="I2307">
        <v>1124.51</v>
      </c>
      <c r="J2307">
        <v>1131.951</v>
      </c>
      <c r="K2307">
        <v>1126.2370000000001</v>
      </c>
      <c r="L2307">
        <v>1146.3879999999999</v>
      </c>
      <c r="M2307">
        <v>1139.52</v>
      </c>
      <c r="N2307">
        <v>1136.8869999999999</v>
      </c>
      <c r="O2307">
        <v>1003.075</v>
      </c>
      <c r="P2307">
        <v>0</v>
      </c>
      <c r="Q2307">
        <v>0</v>
      </c>
      <c r="R2307">
        <v>1068.02</v>
      </c>
      <c r="S2307">
        <v>0</v>
      </c>
      <c r="T2307">
        <v>1088.6510000000001</v>
      </c>
      <c r="U2307">
        <v>1105.905</v>
      </c>
      <c r="V2307">
        <v>1105.7349999999999</v>
      </c>
      <c r="W2307">
        <v>1129.2360000000001</v>
      </c>
      <c r="X2307">
        <v>1154.5719999999999</v>
      </c>
      <c r="Y2307">
        <v>1173.8109999999999</v>
      </c>
    </row>
    <row r="2308" spans="1:25" x14ac:dyDescent="0.3">
      <c r="A2308">
        <v>61.800000004765266</v>
      </c>
      <c r="B2308">
        <v>953.63</v>
      </c>
      <c r="C2308">
        <v>1020.3680000000001</v>
      </c>
      <c r="D2308">
        <v>1028.4449999999999</v>
      </c>
      <c r="E2308">
        <v>1055.989</v>
      </c>
      <c r="F2308">
        <v>1075.289</v>
      </c>
      <c r="G2308">
        <v>1097.912</v>
      </c>
      <c r="H2308">
        <v>1108.48</v>
      </c>
      <c r="I2308">
        <v>1124.7370000000001</v>
      </c>
      <c r="J2308">
        <v>1133.6959999999999</v>
      </c>
      <c r="K2308">
        <v>1129.9760000000001</v>
      </c>
      <c r="L2308">
        <v>1146.9780000000001</v>
      </c>
      <c r="M2308">
        <v>1138.9849999999999</v>
      </c>
      <c r="N2308">
        <v>1138.8710000000001</v>
      </c>
      <c r="O2308">
        <v>1008.117</v>
      </c>
      <c r="P2308">
        <v>0</v>
      </c>
      <c r="Q2308">
        <v>0</v>
      </c>
      <c r="R2308">
        <v>1069.4549999999999</v>
      </c>
      <c r="S2308">
        <v>0</v>
      </c>
      <c r="T2308">
        <v>1088.3689999999999</v>
      </c>
      <c r="U2308">
        <v>1106.261</v>
      </c>
      <c r="V2308">
        <v>1104.9449999999999</v>
      </c>
      <c r="W2308">
        <v>1128.742</v>
      </c>
      <c r="X2308">
        <v>1157.7349999999999</v>
      </c>
      <c r="Y2308">
        <v>1172.519</v>
      </c>
    </row>
    <row r="2309" spans="1:25" x14ac:dyDescent="0.3">
      <c r="A2309">
        <v>61.816666664850587</v>
      </c>
      <c r="B2309">
        <v>947.95699999999999</v>
      </c>
      <c r="C2309">
        <v>1019.763</v>
      </c>
      <c r="D2309">
        <v>1031.0229999999999</v>
      </c>
      <c r="E2309">
        <v>1058.123</v>
      </c>
      <c r="F2309">
        <v>1075.886</v>
      </c>
      <c r="G2309">
        <v>1098.5509999999999</v>
      </c>
      <c r="H2309">
        <v>1112.0309999999999</v>
      </c>
      <c r="I2309">
        <v>1126.1220000000001</v>
      </c>
      <c r="J2309">
        <v>1133.5260000000001</v>
      </c>
      <c r="K2309">
        <v>1128.989</v>
      </c>
      <c r="L2309">
        <v>1147.2650000000001</v>
      </c>
      <c r="M2309">
        <v>1139.367</v>
      </c>
      <c r="N2309">
        <v>1137.5350000000001</v>
      </c>
      <c r="O2309">
        <v>1006.674</v>
      </c>
      <c r="P2309">
        <v>0</v>
      </c>
      <c r="Q2309">
        <v>0</v>
      </c>
      <c r="R2309">
        <v>1067.5530000000001</v>
      </c>
      <c r="S2309">
        <v>0</v>
      </c>
      <c r="T2309">
        <v>1086.703</v>
      </c>
      <c r="U2309">
        <v>1104.5119999999999</v>
      </c>
      <c r="V2309">
        <v>1104.588</v>
      </c>
      <c r="W2309">
        <v>1130.1469999999999</v>
      </c>
      <c r="X2309">
        <v>1160.6489999999999</v>
      </c>
      <c r="Y2309">
        <v>1169.4159999999999</v>
      </c>
    </row>
    <row r="2310" spans="1:25" x14ac:dyDescent="0.3">
      <c r="A2310">
        <v>61.850000005975986</v>
      </c>
      <c r="B2310">
        <v>955.59299999999996</v>
      </c>
      <c r="C2310">
        <v>1023.082</v>
      </c>
      <c r="D2310">
        <v>1030.7650000000001</v>
      </c>
      <c r="E2310">
        <v>1058.365</v>
      </c>
      <c r="F2310">
        <v>1072.6980000000001</v>
      </c>
      <c r="G2310">
        <v>1094.4159999999999</v>
      </c>
      <c r="H2310">
        <v>1108.499</v>
      </c>
      <c r="I2310">
        <v>1126.654</v>
      </c>
      <c r="J2310">
        <v>1136.126</v>
      </c>
      <c r="K2310">
        <v>1131.931</v>
      </c>
      <c r="L2310">
        <v>1153.4590000000001</v>
      </c>
      <c r="M2310">
        <v>1141.961</v>
      </c>
      <c r="N2310">
        <v>1139.1949999999999</v>
      </c>
      <c r="O2310">
        <v>1004.335</v>
      </c>
      <c r="P2310">
        <v>0</v>
      </c>
      <c r="Q2310">
        <v>0</v>
      </c>
      <c r="R2310">
        <v>1066.6610000000001</v>
      </c>
      <c r="S2310">
        <v>0</v>
      </c>
      <c r="T2310">
        <v>1083.7070000000001</v>
      </c>
      <c r="U2310">
        <v>1101.4290000000001</v>
      </c>
      <c r="V2310">
        <v>1101.4849999999999</v>
      </c>
      <c r="W2310">
        <v>1126.9770000000001</v>
      </c>
      <c r="X2310">
        <v>1155.818</v>
      </c>
      <c r="Y2310">
        <v>1169.1079999999999</v>
      </c>
    </row>
    <row r="2311" spans="1:25" x14ac:dyDescent="0.3">
      <c r="A2311">
        <v>61.883333336624005</v>
      </c>
      <c r="B2311">
        <v>959.77300000000002</v>
      </c>
      <c r="C2311">
        <v>1025.009</v>
      </c>
      <c r="D2311">
        <v>1030.655</v>
      </c>
      <c r="E2311">
        <v>1055.711</v>
      </c>
      <c r="F2311">
        <v>1069.1569999999999</v>
      </c>
      <c r="G2311">
        <v>1095.6179999999999</v>
      </c>
      <c r="H2311">
        <v>1111.2760000000001</v>
      </c>
      <c r="I2311">
        <v>1130.6980000000001</v>
      </c>
      <c r="J2311">
        <v>1134.95</v>
      </c>
      <c r="K2311">
        <v>1132.2349999999999</v>
      </c>
      <c r="L2311">
        <v>1152.463</v>
      </c>
      <c r="M2311">
        <v>1139.806</v>
      </c>
      <c r="N2311">
        <v>1139.501</v>
      </c>
      <c r="O2311">
        <v>1007.369</v>
      </c>
      <c r="P2311">
        <v>0</v>
      </c>
      <c r="Q2311">
        <v>0</v>
      </c>
      <c r="R2311">
        <v>1067.6659999999999</v>
      </c>
      <c r="S2311">
        <v>0</v>
      </c>
      <c r="T2311">
        <v>1083.914</v>
      </c>
      <c r="U2311">
        <v>1101.4290000000001</v>
      </c>
      <c r="V2311">
        <v>1100.32</v>
      </c>
      <c r="W2311">
        <v>1125.345</v>
      </c>
      <c r="X2311">
        <v>1152.367</v>
      </c>
      <c r="Y2311">
        <v>1168.318</v>
      </c>
    </row>
    <row r="2312" spans="1:25" x14ac:dyDescent="0.3">
      <c r="A2312">
        <v>61.899999996709326</v>
      </c>
      <c r="B2312">
        <v>954.51300000000003</v>
      </c>
      <c r="C2312">
        <v>1026.752</v>
      </c>
      <c r="D2312">
        <v>1033.3430000000001</v>
      </c>
      <c r="E2312">
        <v>1054.9690000000001</v>
      </c>
      <c r="F2312">
        <v>1066.7729999999999</v>
      </c>
      <c r="G2312">
        <v>1091.777</v>
      </c>
      <c r="H2312">
        <v>1105.491</v>
      </c>
      <c r="I2312">
        <v>1123.048</v>
      </c>
      <c r="J2312">
        <v>1126.3889999999999</v>
      </c>
      <c r="K2312">
        <v>1122.5740000000001</v>
      </c>
      <c r="L2312">
        <v>1143.45</v>
      </c>
      <c r="M2312">
        <v>1136.8109999999999</v>
      </c>
      <c r="N2312">
        <v>1136.0889999999999</v>
      </c>
      <c r="O2312">
        <v>1011.662</v>
      </c>
      <c r="P2312">
        <v>0</v>
      </c>
      <c r="Q2312">
        <v>0</v>
      </c>
      <c r="R2312">
        <v>1070.0519999999999</v>
      </c>
      <c r="S2312">
        <v>0</v>
      </c>
      <c r="T2312">
        <v>1086.011</v>
      </c>
      <c r="U2312">
        <v>1101.0909999999999</v>
      </c>
      <c r="V2312">
        <v>1098.1189999999999</v>
      </c>
      <c r="W2312">
        <v>1123.3520000000001</v>
      </c>
      <c r="X2312">
        <v>1152.2329999999999</v>
      </c>
      <c r="Y2312">
        <v>1167.239</v>
      </c>
    </row>
    <row r="2313" spans="1:25" x14ac:dyDescent="0.3">
      <c r="A2313">
        <v>61.933333337834725</v>
      </c>
      <c r="B2313">
        <v>954.02599999999995</v>
      </c>
      <c r="C2313">
        <v>1023.724</v>
      </c>
      <c r="D2313">
        <v>1030.876</v>
      </c>
      <c r="E2313">
        <v>1053.133</v>
      </c>
      <c r="F2313">
        <v>1064.8789999999999</v>
      </c>
      <c r="G2313">
        <v>1090.0920000000001</v>
      </c>
      <c r="H2313">
        <v>1103.2339999999999</v>
      </c>
      <c r="I2313">
        <v>1121.0619999999999</v>
      </c>
      <c r="J2313">
        <v>1128.078</v>
      </c>
      <c r="K2313">
        <v>1126.4069999999999</v>
      </c>
      <c r="L2313">
        <v>1147.722</v>
      </c>
      <c r="M2313">
        <v>1138.6420000000001</v>
      </c>
      <c r="N2313">
        <v>1134.9110000000001</v>
      </c>
      <c r="O2313">
        <v>1009.652</v>
      </c>
      <c r="P2313">
        <v>0</v>
      </c>
      <c r="Q2313">
        <v>0</v>
      </c>
      <c r="R2313">
        <v>1072.4000000000001</v>
      </c>
      <c r="S2313">
        <v>0</v>
      </c>
      <c r="T2313">
        <v>1089.586</v>
      </c>
      <c r="U2313">
        <v>1103.854</v>
      </c>
      <c r="V2313">
        <v>1101.56</v>
      </c>
      <c r="W2313">
        <v>1127.451</v>
      </c>
      <c r="X2313">
        <v>1156.067</v>
      </c>
      <c r="Y2313">
        <v>1171.3630000000001</v>
      </c>
    </row>
    <row r="2314" spans="1:25" x14ac:dyDescent="0.3">
      <c r="A2314">
        <v>61.949999997920045</v>
      </c>
      <c r="B2314">
        <v>968.23</v>
      </c>
      <c r="C2314">
        <v>1026.55</v>
      </c>
      <c r="D2314">
        <v>1031.3</v>
      </c>
      <c r="E2314">
        <v>1053.9110000000001</v>
      </c>
      <c r="F2314">
        <v>1070.723</v>
      </c>
      <c r="G2314">
        <v>1092.9749999999999</v>
      </c>
      <c r="H2314">
        <v>1101.5229999999999</v>
      </c>
      <c r="I2314">
        <v>1119.4000000000001</v>
      </c>
      <c r="J2314">
        <v>1129.787</v>
      </c>
      <c r="K2314">
        <v>1128.192</v>
      </c>
      <c r="L2314">
        <v>1148.4100000000001</v>
      </c>
      <c r="M2314">
        <v>1139.634</v>
      </c>
      <c r="N2314">
        <v>1137.059</v>
      </c>
      <c r="O2314">
        <v>1006.035</v>
      </c>
      <c r="P2314">
        <v>0</v>
      </c>
      <c r="Q2314">
        <v>0</v>
      </c>
      <c r="R2314">
        <v>1070.9839999999999</v>
      </c>
      <c r="S2314">
        <v>0</v>
      </c>
      <c r="T2314">
        <v>1088.894</v>
      </c>
      <c r="U2314">
        <v>1105.6600000000001</v>
      </c>
      <c r="V2314">
        <v>1105.7539999999999</v>
      </c>
      <c r="W2314">
        <v>1132.8810000000001</v>
      </c>
      <c r="X2314">
        <v>1157.7929999999999</v>
      </c>
      <c r="Y2314">
        <v>1166.2950000000001</v>
      </c>
    </row>
    <row r="2315" spans="1:25" x14ac:dyDescent="0.3">
      <c r="A2315">
        <v>61.983333339045444</v>
      </c>
      <c r="B2315">
        <v>980.202</v>
      </c>
      <c r="C2315">
        <v>1028.114</v>
      </c>
      <c r="D2315">
        <v>1033.3430000000001</v>
      </c>
      <c r="E2315">
        <v>1057.028</v>
      </c>
      <c r="F2315">
        <v>1072.4369999999999</v>
      </c>
      <c r="G2315">
        <v>1092.731</v>
      </c>
      <c r="H2315">
        <v>1099.6420000000001</v>
      </c>
      <c r="I2315">
        <v>1117.3779999999999</v>
      </c>
      <c r="J2315">
        <v>1132.8800000000001</v>
      </c>
      <c r="K2315">
        <v>1131.5889999999999</v>
      </c>
      <c r="L2315">
        <v>1149.8779999999999</v>
      </c>
      <c r="M2315">
        <v>1138.623</v>
      </c>
      <c r="N2315">
        <v>1136.4490000000001</v>
      </c>
      <c r="O2315">
        <v>1002.965</v>
      </c>
      <c r="P2315">
        <v>0</v>
      </c>
      <c r="Q2315">
        <v>0</v>
      </c>
      <c r="R2315">
        <v>1073.0889999999999</v>
      </c>
      <c r="S2315">
        <v>0</v>
      </c>
      <c r="T2315">
        <v>1088.3130000000001</v>
      </c>
      <c r="U2315">
        <v>1107.973</v>
      </c>
      <c r="V2315">
        <v>1110.1980000000001</v>
      </c>
      <c r="W2315">
        <v>1134.4939999999999</v>
      </c>
      <c r="X2315">
        <v>1162.183</v>
      </c>
      <c r="Y2315">
        <v>1167.2380000000001</v>
      </c>
    </row>
    <row r="2316" spans="1:25" x14ac:dyDescent="0.3">
      <c r="A2316">
        <v>62.016666669693464</v>
      </c>
      <c r="B2316">
        <v>976.32100000000003</v>
      </c>
      <c r="C2316">
        <v>1027.5809999999999</v>
      </c>
      <c r="D2316">
        <v>1034.2819999999999</v>
      </c>
      <c r="E2316">
        <v>1058.0129999999999</v>
      </c>
      <c r="F2316">
        <v>1073.519</v>
      </c>
      <c r="G2316">
        <v>1094.211</v>
      </c>
      <c r="H2316">
        <v>1100.809</v>
      </c>
      <c r="I2316">
        <v>1117.492</v>
      </c>
      <c r="J2316">
        <v>1133.355</v>
      </c>
      <c r="K2316">
        <v>1129.8820000000001</v>
      </c>
      <c r="L2316">
        <v>1147.4749999999999</v>
      </c>
      <c r="M2316">
        <v>1135.576</v>
      </c>
      <c r="N2316">
        <v>1137.9169999999999</v>
      </c>
      <c r="O2316">
        <v>1007.369</v>
      </c>
      <c r="P2316">
        <v>0</v>
      </c>
      <c r="Q2316">
        <v>0</v>
      </c>
      <c r="R2316">
        <v>1074.3579999999999</v>
      </c>
      <c r="S2316">
        <v>0</v>
      </c>
      <c r="T2316">
        <v>1087.7329999999999</v>
      </c>
      <c r="U2316">
        <v>1107.954</v>
      </c>
      <c r="V2316">
        <v>1107.992</v>
      </c>
      <c r="W2316">
        <v>1131.837</v>
      </c>
      <c r="X2316">
        <v>1158.4259999999999</v>
      </c>
      <c r="Y2316">
        <v>1166.873</v>
      </c>
    </row>
    <row r="2317" spans="1:25" x14ac:dyDescent="0.3">
      <c r="A2317">
        <v>62.033333329778785</v>
      </c>
      <c r="B2317">
        <v>972.71199999999999</v>
      </c>
      <c r="C2317">
        <v>1028.943</v>
      </c>
      <c r="D2317">
        <v>1035.221</v>
      </c>
      <c r="E2317">
        <v>1056.194</v>
      </c>
      <c r="F2317">
        <v>1072.6610000000001</v>
      </c>
      <c r="G2317">
        <v>1094.904</v>
      </c>
      <c r="H2317">
        <v>1106.694</v>
      </c>
      <c r="I2317">
        <v>1123.067</v>
      </c>
      <c r="J2317">
        <v>1135.0830000000001</v>
      </c>
      <c r="K2317">
        <v>1131.3620000000001</v>
      </c>
      <c r="L2317">
        <v>1148.81</v>
      </c>
      <c r="M2317">
        <v>1137.8219999999999</v>
      </c>
      <c r="N2317">
        <v>1136.146</v>
      </c>
      <c r="O2317">
        <v>1007.241</v>
      </c>
      <c r="P2317">
        <v>0</v>
      </c>
      <c r="Q2317">
        <v>0</v>
      </c>
      <c r="R2317">
        <v>1071.338</v>
      </c>
      <c r="S2317">
        <v>0</v>
      </c>
      <c r="T2317">
        <v>1087.902</v>
      </c>
      <c r="U2317">
        <v>1105.829</v>
      </c>
      <c r="V2317">
        <v>1105.961</v>
      </c>
      <c r="W2317">
        <v>1130.6220000000001</v>
      </c>
      <c r="X2317">
        <v>1162.548</v>
      </c>
      <c r="Y2317">
        <v>1167.181</v>
      </c>
    </row>
    <row r="2318" spans="1:25" x14ac:dyDescent="0.3">
      <c r="A2318">
        <v>62.066666670904183</v>
      </c>
      <c r="B2318">
        <v>976.12099999999998</v>
      </c>
      <c r="C2318">
        <v>1029.9369999999999</v>
      </c>
      <c r="D2318">
        <v>1032.404</v>
      </c>
      <c r="E2318">
        <v>1054.615</v>
      </c>
      <c r="F2318">
        <v>1069.473</v>
      </c>
      <c r="G2318">
        <v>1094.0609999999999</v>
      </c>
      <c r="H2318">
        <v>1109.443</v>
      </c>
      <c r="I2318">
        <v>1125.952</v>
      </c>
      <c r="J2318">
        <v>1136.354</v>
      </c>
      <c r="K2318">
        <v>1134.152</v>
      </c>
      <c r="L2318">
        <v>1151.2349999999999</v>
      </c>
      <c r="M2318">
        <v>1139.405</v>
      </c>
      <c r="N2318">
        <v>1138.394</v>
      </c>
      <c r="O2318">
        <v>1011.004</v>
      </c>
      <c r="P2318">
        <v>0</v>
      </c>
      <c r="Q2318">
        <v>0</v>
      </c>
      <c r="R2318">
        <v>1072.3810000000001</v>
      </c>
      <c r="S2318">
        <v>0</v>
      </c>
      <c r="T2318">
        <v>1087.414</v>
      </c>
      <c r="U2318">
        <v>1104.8510000000001</v>
      </c>
      <c r="V2318">
        <v>1103.6289999999999</v>
      </c>
      <c r="W2318">
        <v>1128.04</v>
      </c>
      <c r="X2318">
        <v>1155.875</v>
      </c>
      <c r="Y2318">
        <v>1165.8119999999999</v>
      </c>
    </row>
    <row r="2319" spans="1:25" x14ac:dyDescent="0.3">
      <c r="A2319">
        <v>62.083333330989504</v>
      </c>
      <c r="B2319">
        <v>969.351</v>
      </c>
      <c r="C2319">
        <v>1030.288</v>
      </c>
      <c r="D2319">
        <v>1032.258</v>
      </c>
      <c r="E2319">
        <v>1054.171</v>
      </c>
      <c r="F2319">
        <v>1066.7180000000001</v>
      </c>
      <c r="G2319">
        <v>1091.048</v>
      </c>
      <c r="H2319">
        <v>1103.2349999999999</v>
      </c>
      <c r="I2319">
        <v>1123.732</v>
      </c>
      <c r="J2319">
        <v>1136.9639999999999</v>
      </c>
      <c r="K2319">
        <v>1131.818</v>
      </c>
      <c r="L2319">
        <v>1147.4570000000001</v>
      </c>
      <c r="M2319">
        <v>1136.203</v>
      </c>
      <c r="N2319">
        <v>1137.556</v>
      </c>
      <c r="O2319">
        <v>1006.931</v>
      </c>
      <c r="P2319">
        <v>0</v>
      </c>
      <c r="Q2319">
        <v>0</v>
      </c>
      <c r="R2319">
        <v>1071.413</v>
      </c>
      <c r="S2319">
        <v>0</v>
      </c>
      <c r="T2319">
        <v>1090.1120000000001</v>
      </c>
      <c r="U2319">
        <v>1105.943</v>
      </c>
      <c r="V2319">
        <v>1103.066</v>
      </c>
      <c r="W2319">
        <v>1125.915</v>
      </c>
      <c r="X2319">
        <v>1153.403</v>
      </c>
      <c r="Y2319">
        <v>1167.779</v>
      </c>
    </row>
    <row r="2320" spans="1:25" x14ac:dyDescent="0.3">
      <c r="A2320">
        <v>62.116666672114903</v>
      </c>
      <c r="B2320">
        <v>966.44100000000003</v>
      </c>
      <c r="C2320">
        <v>1029.0719999999999</v>
      </c>
      <c r="D2320">
        <v>1032.4960000000001</v>
      </c>
      <c r="E2320">
        <v>1054.059</v>
      </c>
      <c r="F2320">
        <v>1068.43</v>
      </c>
      <c r="G2320">
        <v>1091.684</v>
      </c>
      <c r="H2320">
        <v>1100.3009999999999</v>
      </c>
      <c r="I2320">
        <v>1119.759</v>
      </c>
      <c r="J2320">
        <v>1132.3679999999999</v>
      </c>
      <c r="K2320">
        <v>1128.989</v>
      </c>
      <c r="L2320">
        <v>1144.9380000000001</v>
      </c>
      <c r="M2320">
        <v>1133.7539999999999</v>
      </c>
      <c r="N2320">
        <v>1136.9059999999999</v>
      </c>
      <c r="O2320">
        <v>1002.6180000000001</v>
      </c>
      <c r="P2320">
        <v>0</v>
      </c>
      <c r="Q2320">
        <v>0</v>
      </c>
      <c r="R2320">
        <v>1071.655</v>
      </c>
      <c r="S2320">
        <v>0</v>
      </c>
      <c r="T2320">
        <v>1089.4559999999999</v>
      </c>
      <c r="U2320">
        <v>1105.8109999999999</v>
      </c>
      <c r="V2320">
        <v>1104.25</v>
      </c>
      <c r="W2320">
        <v>1129.597</v>
      </c>
      <c r="X2320">
        <v>1155.914</v>
      </c>
      <c r="Y2320">
        <v>1167.875</v>
      </c>
    </row>
    <row r="2321" spans="1:25" x14ac:dyDescent="0.3">
      <c r="A2321">
        <v>62.150000002762923</v>
      </c>
      <c r="B2321">
        <v>956.92600000000004</v>
      </c>
      <c r="C2321">
        <v>1027.212</v>
      </c>
      <c r="D2321">
        <v>1034.0060000000001</v>
      </c>
      <c r="E2321">
        <v>1053.374</v>
      </c>
      <c r="F2321">
        <v>1066.94</v>
      </c>
      <c r="G2321">
        <v>1092.376</v>
      </c>
      <c r="H2321">
        <v>1103.6859999999999</v>
      </c>
      <c r="I2321">
        <v>1120.325</v>
      </c>
      <c r="J2321">
        <v>1135.1969999999999</v>
      </c>
      <c r="K2321">
        <v>1134.058</v>
      </c>
      <c r="L2321">
        <v>1146.731</v>
      </c>
      <c r="M2321">
        <v>1133.1659999999999</v>
      </c>
      <c r="N2321">
        <v>1137.402</v>
      </c>
      <c r="O2321">
        <v>1006.948</v>
      </c>
      <c r="P2321">
        <v>0</v>
      </c>
      <c r="Q2321">
        <v>0</v>
      </c>
      <c r="R2321">
        <v>1073.761</v>
      </c>
      <c r="S2321">
        <v>0</v>
      </c>
      <c r="T2321">
        <v>1088.4449999999999</v>
      </c>
      <c r="U2321">
        <v>1107.165</v>
      </c>
      <c r="V2321">
        <v>1105.6600000000001</v>
      </c>
      <c r="W2321">
        <v>1132.9570000000001</v>
      </c>
      <c r="X2321">
        <v>1159.557</v>
      </c>
      <c r="Y2321">
        <v>1166.0440000000001</v>
      </c>
    </row>
    <row r="2322" spans="1:25" x14ac:dyDescent="0.3">
      <c r="A2322">
        <v>62.166666673325622</v>
      </c>
      <c r="B2322">
        <v>949.59699999999998</v>
      </c>
      <c r="C2322">
        <v>1025.0999999999999</v>
      </c>
      <c r="D2322">
        <v>1036.1969999999999</v>
      </c>
      <c r="E2322">
        <v>1055.8969999999999</v>
      </c>
      <c r="F2322">
        <v>1071.2260000000001</v>
      </c>
      <c r="G2322">
        <v>1093.837</v>
      </c>
      <c r="H2322">
        <v>1108.8389999999999</v>
      </c>
      <c r="I2322">
        <v>1124.68</v>
      </c>
      <c r="J2322">
        <v>1137.345</v>
      </c>
      <c r="K2322">
        <v>1135.2349999999999</v>
      </c>
      <c r="L2322">
        <v>1149.8979999999999</v>
      </c>
      <c r="M2322">
        <v>1137.021</v>
      </c>
      <c r="N2322">
        <v>1142.248</v>
      </c>
      <c r="O2322">
        <v>1010.566</v>
      </c>
      <c r="P2322">
        <v>0</v>
      </c>
      <c r="Q2322">
        <v>0</v>
      </c>
      <c r="R2322">
        <v>1074.9169999999999</v>
      </c>
      <c r="S2322">
        <v>0</v>
      </c>
      <c r="T2322">
        <v>1089.924</v>
      </c>
      <c r="U2322">
        <v>1106.375</v>
      </c>
      <c r="V2322">
        <v>1104.5129999999999</v>
      </c>
      <c r="W2322">
        <v>1131.3620000000001</v>
      </c>
      <c r="X2322">
        <v>1160.3050000000001</v>
      </c>
      <c r="Y2322">
        <v>1164.9839999999999</v>
      </c>
    </row>
    <row r="2323" spans="1:25" x14ac:dyDescent="0.3">
      <c r="A2323">
        <v>62.200000003973642</v>
      </c>
      <c r="B2323">
        <v>957.12400000000002</v>
      </c>
      <c r="C2323">
        <v>1024.7139999999999</v>
      </c>
      <c r="D2323">
        <v>1034.4469999999999</v>
      </c>
      <c r="E2323">
        <v>1056.1369999999999</v>
      </c>
      <c r="F2323">
        <v>1073.462</v>
      </c>
      <c r="G2323">
        <v>1095.4670000000001</v>
      </c>
      <c r="H2323">
        <v>1110.8030000000001</v>
      </c>
      <c r="I2323">
        <v>1124.1669999999999</v>
      </c>
      <c r="J2323">
        <v>1132.7850000000001</v>
      </c>
      <c r="K2323">
        <v>1130.45</v>
      </c>
      <c r="L2323">
        <v>1146.559</v>
      </c>
      <c r="M2323">
        <v>1136.829</v>
      </c>
      <c r="N2323">
        <v>1140.3969999999999</v>
      </c>
      <c r="O2323">
        <v>1009.122</v>
      </c>
      <c r="P2323">
        <v>0</v>
      </c>
      <c r="Q2323">
        <v>0</v>
      </c>
      <c r="R2323">
        <v>1072.7170000000001</v>
      </c>
      <c r="S2323">
        <v>0</v>
      </c>
      <c r="T2323">
        <v>1088.463</v>
      </c>
      <c r="U2323">
        <v>1105.3019999999999</v>
      </c>
      <c r="V2323">
        <v>1103.046</v>
      </c>
      <c r="W2323">
        <v>1130.374</v>
      </c>
      <c r="X2323">
        <v>1160.9559999999999</v>
      </c>
      <c r="Y2323">
        <v>1170.7460000000001</v>
      </c>
    </row>
    <row r="2324" spans="1:25" x14ac:dyDescent="0.3">
      <c r="A2324">
        <v>62.233333334621662</v>
      </c>
      <c r="B2324">
        <v>962.05</v>
      </c>
      <c r="C2324">
        <v>1022.826</v>
      </c>
      <c r="D2324">
        <v>1033.1220000000001</v>
      </c>
      <c r="E2324">
        <v>1052.338</v>
      </c>
      <c r="F2324">
        <v>1068.952</v>
      </c>
      <c r="G2324">
        <v>1091.684</v>
      </c>
      <c r="H2324">
        <v>1105.6790000000001</v>
      </c>
      <c r="I2324">
        <v>1118.077</v>
      </c>
      <c r="J2324">
        <v>1125.7809999999999</v>
      </c>
      <c r="K2324">
        <v>1129.3499999999999</v>
      </c>
      <c r="L2324">
        <v>1146.769</v>
      </c>
      <c r="M2324">
        <v>1135.519</v>
      </c>
      <c r="N2324">
        <v>1137.7080000000001</v>
      </c>
      <c r="O2324">
        <v>1004.774</v>
      </c>
      <c r="P2324">
        <v>0</v>
      </c>
      <c r="Q2324">
        <v>0</v>
      </c>
      <c r="R2324">
        <v>1069.53</v>
      </c>
      <c r="S2324">
        <v>0</v>
      </c>
      <c r="T2324">
        <v>1086.835</v>
      </c>
      <c r="U2324">
        <v>1103.93</v>
      </c>
      <c r="V2324">
        <v>1101.354</v>
      </c>
      <c r="W2324">
        <v>1127.7370000000001</v>
      </c>
      <c r="X2324">
        <v>1156.604</v>
      </c>
      <c r="Y2324">
        <v>1168.28</v>
      </c>
    </row>
    <row r="2325" spans="1:25" x14ac:dyDescent="0.3">
      <c r="A2325">
        <v>62.250000005184361</v>
      </c>
      <c r="B2325">
        <v>948.87900000000002</v>
      </c>
      <c r="C2325">
        <v>1013.2</v>
      </c>
      <c r="D2325">
        <v>1027.546</v>
      </c>
      <c r="E2325">
        <v>1051.287</v>
      </c>
      <c r="F2325">
        <v>1066.664</v>
      </c>
      <c r="G2325">
        <v>1089.9069999999999</v>
      </c>
      <c r="H2325">
        <v>1100.6420000000001</v>
      </c>
      <c r="I2325">
        <v>1118.4390000000001</v>
      </c>
      <c r="J2325">
        <v>1127.8720000000001</v>
      </c>
      <c r="K2325">
        <v>1128.498</v>
      </c>
      <c r="L2325">
        <v>1146.5999999999999</v>
      </c>
      <c r="M2325">
        <v>1137.0609999999999</v>
      </c>
      <c r="N2325">
        <v>1138.9690000000001</v>
      </c>
      <c r="O2325">
        <v>1000.428</v>
      </c>
      <c r="P2325">
        <v>0</v>
      </c>
      <c r="Q2325">
        <v>0</v>
      </c>
      <c r="R2325">
        <v>1070.1469999999999</v>
      </c>
      <c r="S2325">
        <v>0</v>
      </c>
      <c r="T2325">
        <v>1088.8589999999999</v>
      </c>
      <c r="U2325">
        <v>1105.3430000000001</v>
      </c>
      <c r="V2325">
        <v>1103.143</v>
      </c>
      <c r="W2325">
        <v>1129.163</v>
      </c>
      <c r="X2325">
        <v>1154.9960000000001</v>
      </c>
      <c r="Y2325">
        <v>1168.8800000000001</v>
      </c>
    </row>
    <row r="2326" spans="1:25" x14ac:dyDescent="0.3">
      <c r="A2326">
        <v>62.283333335832381</v>
      </c>
      <c r="B2326">
        <v>957.80899999999997</v>
      </c>
      <c r="C2326">
        <v>1020.314</v>
      </c>
      <c r="D2326">
        <v>1035.3689999999999</v>
      </c>
      <c r="E2326">
        <v>1059.702</v>
      </c>
      <c r="F2326">
        <v>1069.94</v>
      </c>
      <c r="G2326">
        <v>1090.4670000000001</v>
      </c>
      <c r="H2326">
        <v>1100.019</v>
      </c>
      <c r="I2326">
        <v>1120.1369999999999</v>
      </c>
      <c r="J2326">
        <v>1130.527</v>
      </c>
      <c r="K2326">
        <v>1126.636</v>
      </c>
      <c r="L2326">
        <v>1146.2539999999999</v>
      </c>
      <c r="M2326">
        <v>1135.8800000000001</v>
      </c>
      <c r="N2326">
        <v>1139.9970000000001</v>
      </c>
      <c r="O2326">
        <v>1001.796</v>
      </c>
      <c r="P2326">
        <v>0</v>
      </c>
      <c r="Q2326">
        <v>0</v>
      </c>
      <c r="R2326">
        <v>1069.7909999999999</v>
      </c>
      <c r="S2326">
        <v>0</v>
      </c>
      <c r="T2326">
        <v>1089.0250000000001</v>
      </c>
      <c r="U2326">
        <v>1104.4000000000001</v>
      </c>
      <c r="V2326">
        <v>1102.3130000000001</v>
      </c>
      <c r="W2326">
        <v>1129.521</v>
      </c>
      <c r="X2326">
        <v>1157.6010000000001</v>
      </c>
      <c r="Y2326">
        <v>1171.19</v>
      </c>
    </row>
    <row r="2327" spans="1:25" x14ac:dyDescent="0.3">
      <c r="A2327">
        <v>62.300000006395081</v>
      </c>
      <c r="B2327">
        <v>952.08199999999999</v>
      </c>
      <c r="C2327">
        <v>1022.111</v>
      </c>
      <c r="D2327">
        <v>1040.6179999999999</v>
      </c>
      <c r="E2327">
        <v>1060.741</v>
      </c>
      <c r="F2327">
        <v>1067.442</v>
      </c>
      <c r="G2327">
        <v>1088.3320000000001</v>
      </c>
      <c r="H2327">
        <v>1101.9369999999999</v>
      </c>
      <c r="I2327">
        <v>1118.4929999999999</v>
      </c>
      <c r="J2327">
        <v>1128.5909999999999</v>
      </c>
      <c r="K2327">
        <v>1126.56</v>
      </c>
      <c r="L2327">
        <v>1146.903</v>
      </c>
      <c r="M2327">
        <v>1133.925</v>
      </c>
      <c r="N2327">
        <v>1139.9780000000001</v>
      </c>
      <c r="O2327">
        <v>1001.212</v>
      </c>
      <c r="P2327">
        <v>0</v>
      </c>
      <c r="Q2327">
        <v>0</v>
      </c>
      <c r="R2327">
        <v>1070.835</v>
      </c>
      <c r="S2327">
        <v>0</v>
      </c>
      <c r="T2327">
        <v>1089.287</v>
      </c>
      <c r="U2327">
        <v>1104.4190000000001</v>
      </c>
      <c r="V2327">
        <v>1102.106</v>
      </c>
      <c r="W2327">
        <v>1125.5920000000001</v>
      </c>
      <c r="X2327">
        <v>1159.308</v>
      </c>
      <c r="Y2327">
        <v>1170.6120000000001</v>
      </c>
    </row>
    <row r="2328" spans="1:25" x14ac:dyDescent="0.3">
      <c r="A2328">
        <v>62.333333337043101</v>
      </c>
      <c r="B2328">
        <v>951.81100000000004</v>
      </c>
      <c r="C2328">
        <v>1023.944</v>
      </c>
      <c r="D2328">
        <v>1036.8040000000001</v>
      </c>
      <c r="E2328">
        <v>1058.68</v>
      </c>
      <c r="F2328">
        <v>1064.8240000000001</v>
      </c>
      <c r="G2328">
        <v>1088.9870000000001</v>
      </c>
      <c r="H2328">
        <v>1102.914</v>
      </c>
      <c r="I2328">
        <v>1118.001</v>
      </c>
      <c r="J2328">
        <v>1128.837</v>
      </c>
      <c r="K2328">
        <v>1126.711</v>
      </c>
      <c r="L2328">
        <v>1145.8910000000001</v>
      </c>
      <c r="M2328">
        <v>1133.355</v>
      </c>
      <c r="N2328">
        <v>1141.923</v>
      </c>
      <c r="O2328">
        <v>998.98400000000004</v>
      </c>
      <c r="P2328">
        <v>0</v>
      </c>
      <c r="Q2328">
        <v>0</v>
      </c>
      <c r="R2328">
        <v>1072.586</v>
      </c>
      <c r="S2328">
        <v>0</v>
      </c>
      <c r="T2328">
        <v>1086.1790000000001</v>
      </c>
      <c r="U2328">
        <v>1102.444</v>
      </c>
      <c r="V2328">
        <v>1103.1400000000001</v>
      </c>
      <c r="W2328">
        <v>1127.5840000000001</v>
      </c>
      <c r="X2328">
        <v>1155.0119999999999</v>
      </c>
      <c r="Y2328">
        <v>1166.1980000000001</v>
      </c>
    </row>
    <row r="2329" spans="1:25" x14ac:dyDescent="0.3">
      <c r="A2329">
        <v>62.366666667691121</v>
      </c>
      <c r="B2329">
        <v>949.61500000000001</v>
      </c>
      <c r="C2329">
        <v>1020.717</v>
      </c>
      <c r="D2329">
        <v>1034.2449999999999</v>
      </c>
      <c r="E2329">
        <v>1056.027</v>
      </c>
      <c r="F2329">
        <v>1063.952</v>
      </c>
      <c r="G2329">
        <v>1092.002</v>
      </c>
      <c r="H2329">
        <v>1104.9459999999999</v>
      </c>
      <c r="I2329">
        <v>1120.3820000000001</v>
      </c>
      <c r="J2329">
        <v>1125.155</v>
      </c>
      <c r="K2329">
        <v>1124.491</v>
      </c>
      <c r="L2329">
        <v>1144.7850000000001</v>
      </c>
      <c r="M2329">
        <v>1132.3109999999999</v>
      </c>
      <c r="N2329">
        <v>1139.1569999999999</v>
      </c>
      <c r="O2329">
        <v>1000.353</v>
      </c>
      <c r="P2329">
        <v>0</v>
      </c>
      <c r="Q2329">
        <v>0</v>
      </c>
      <c r="R2329">
        <v>1070.1079999999999</v>
      </c>
      <c r="S2329">
        <v>0</v>
      </c>
      <c r="T2329">
        <v>1086.5540000000001</v>
      </c>
      <c r="U2329">
        <v>1104.212</v>
      </c>
      <c r="V2329">
        <v>1103.799</v>
      </c>
      <c r="W2329">
        <v>1127.433</v>
      </c>
      <c r="X2329">
        <v>1156.547</v>
      </c>
      <c r="Y2329">
        <v>1168.877</v>
      </c>
    </row>
    <row r="2330" spans="1:25" x14ac:dyDescent="0.3">
      <c r="A2330">
        <v>62.38333333825382</v>
      </c>
      <c r="B2330">
        <v>960.82100000000003</v>
      </c>
      <c r="C2330">
        <v>1023.7430000000001</v>
      </c>
      <c r="D2330">
        <v>1031.336</v>
      </c>
      <c r="E2330">
        <v>1052.08</v>
      </c>
      <c r="F2330">
        <v>1062.3</v>
      </c>
      <c r="G2330">
        <v>1091.777</v>
      </c>
      <c r="H2330">
        <v>1104.8520000000001</v>
      </c>
      <c r="I2330">
        <v>1118.701</v>
      </c>
      <c r="J2330">
        <v>1130.7170000000001</v>
      </c>
      <c r="K2330">
        <v>1128.3440000000001</v>
      </c>
      <c r="L2330">
        <v>1148.6010000000001</v>
      </c>
      <c r="M2330">
        <v>1133.9059999999999</v>
      </c>
      <c r="N2330">
        <v>1140.3209999999999</v>
      </c>
      <c r="O2330">
        <v>1003.769</v>
      </c>
      <c r="P2330">
        <v>0</v>
      </c>
      <c r="Q2330">
        <v>0</v>
      </c>
      <c r="R2330">
        <v>1071.2629999999999</v>
      </c>
      <c r="S2330">
        <v>0</v>
      </c>
      <c r="T2330">
        <v>1083.184</v>
      </c>
      <c r="U2330">
        <v>1101.373</v>
      </c>
      <c r="V2330">
        <v>1100.075</v>
      </c>
      <c r="W2330">
        <v>1124.9649999999999</v>
      </c>
      <c r="X2330">
        <v>1156.374</v>
      </c>
      <c r="Y2330">
        <v>1170.7470000000001</v>
      </c>
    </row>
    <row r="2331" spans="1:25" x14ac:dyDescent="0.3">
      <c r="A2331">
        <v>62.41666666890184</v>
      </c>
      <c r="B2331">
        <v>968.64599999999996</v>
      </c>
      <c r="C2331">
        <v>1025.32</v>
      </c>
      <c r="D2331">
        <v>1029.366</v>
      </c>
      <c r="E2331">
        <v>1051.617</v>
      </c>
      <c r="F2331">
        <v>1067.2190000000001</v>
      </c>
      <c r="G2331">
        <v>1090.7470000000001</v>
      </c>
      <c r="H2331">
        <v>1107.0709999999999</v>
      </c>
      <c r="I2331">
        <v>1122.6679999999999</v>
      </c>
      <c r="J2331">
        <v>1132.9000000000001</v>
      </c>
      <c r="K2331">
        <v>1131.096</v>
      </c>
      <c r="L2331">
        <v>1149.44</v>
      </c>
      <c r="M2331">
        <v>1136.6389999999999</v>
      </c>
      <c r="N2331">
        <v>1140.722</v>
      </c>
      <c r="O2331">
        <v>1004.19</v>
      </c>
      <c r="P2331">
        <v>0</v>
      </c>
      <c r="Q2331">
        <v>0</v>
      </c>
      <c r="R2331">
        <v>1070.779</v>
      </c>
      <c r="S2331">
        <v>0</v>
      </c>
      <c r="T2331">
        <v>1084.307</v>
      </c>
      <c r="U2331">
        <v>1100.9590000000001</v>
      </c>
      <c r="V2331">
        <v>1101.0530000000001</v>
      </c>
      <c r="W2331">
        <v>1126.9010000000001</v>
      </c>
      <c r="X2331">
        <v>1158.1189999999999</v>
      </c>
      <c r="Y2331">
        <v>1169.4359999999999</v>
      </c>
    </row>
    <row r="2332" spans="1:25" x14ac:dyDescent="0.3">
      <c r="A2332">
        <v>62.433333339464539</v>
      </c>
      <c r="B2332">
        <v>964.59799999999996</v>
      </c>
      <c r="C2332">
        <v>1024.0550000000001</v>
      </c>
      <c r="D2332">
        <v>1026.7149999999999</v>
      </c>
      <c r="E2332">
        <v>1047.9570000000001</v>
      </c>
      <c r="F2332">
        <v>1066.1420000000001</v>
      </c>
      <c r="G2332">
        <v>1089.549</v>
      </c>
      <c r="H2332">
        <v>1111.144</v>
      </c>
      <c r="I2332">
        <v>1124.396</v>
      </c>
      <c r="J2332">
        <v>1133.279</v>
      </c>
      <c r="K2332">
        <v>1129.1410000000001</v>
      </c>
      <c r="L2332">
        <v>1145.9110000000001</v>
      </c>
      <c r="M2332">
        <v>1135.0070000000001</v>
      </c>
      <c r="N2332">
        <v>1140.1880000000001</v>
      </c>
      <c r="O2332">
        <v>1003.97</v>
      </c>
      <c r="P2332">
        <v>0</v>
      </c>
      <c r="Q2332">
        <v>0</v>
      </c>
      <c r="R2332">
        <v>1070.0889999999999</v>
      </c>
      <c r="S2332">
        <v>0</v>
      </c>
      <c r="T2332">
        <v>1086.5350000000001</v>
      </c>
      <c r="U2332">
        <v>1102.877</v>
      </c>
      <c r="V2332">
        <v>1103.5160000000001</v>
      </c>
      <c r="W2332">
        <v>1127.1669999999999</v>
      </c>
      <c r="X2332">
        <v>1155.32</v>
      </c>
      <c r="Y2332">
        <v>1163.373</v>
      </c>
    </row>
    <row r="2333" spans="1:25" x14ac:dyDescent="0.3">
      <c r="A2333">
        <v>62.466666670112559</v>
      </c>
      <c r="B2333">
        <v>958.81799999999998</v>
      </c>
      <c r="C2333">
        <v>1025.431</v>
      </c>
      <c r="D2333">
        <v>1027.5260000000001</v>
      </c>
      <c r="E2333">
        <v>1051.7470000000001</v>
      </c>
      <c r="F2333">
        <v>1068.1880000000001</v>
      </c>
      <c r="G2333">
        <v>1091.4780000000001</v>
      </c>
      <c r="H2333">
        <v>1113.7139999999999</v>
      </c>
      <c r="I2333">
        <v>1124.567</v>
      </c>
      <c r="J2333">
        <v>1130.8309999999999</v>
      </c>
      <c r="K2333">
        <v>1125.5540000000001</v>
      </c>
      <c r="L2333">
        <v>1140.741</v>
      </c>
      <c r="M2333">
        <v>1132.521</v>
      </c>
      <c r="N2333">
        <v>1137.9179999999999</v>
      </c>
      <c r="O2333">
        <v>1005.341</v>
      </c>
      <c r="P2333">
        <v>0</v>
      </c>
      <c r="Q2333">
        <v>0</v>
      </c>
      <c r="R2333">
        <v>1067.6099999999999</v>
      </c>
      <c r="S2333">
        <v>0</v>
      </c>
      <c r="T2333">
        <v>1084.682</v>
      </c>
      <c r="U2333">
        <v>1102.614</v>
      </c>
      <c r="V2333">
        <v>1106.9770000000001</v>
      </c>
      <c r="W2333">
        <v>1132.597</v>
      </c>
      <c r="X2333">
        <v>1160.2670000000001</v>
      </c>
      <c r="Y2333">
        <v>1165.0809999999999</v>
      </c>
    </row>
    <row r="2334" spans="1:25" x14ac:dyDescent="0.3">
      <c r="A2334">
        <v>62.500000000760579</v>
      </c>
      <c r="B2334">
        <v>952.33399999999995</v>
      </c>
      <c r="C2334">
        <v>1025.8520000000001</v>
      </c>
      <c r="D2334">
        <v>1023.101</v>
      </c>
      <c r="E2334">
        <v>1048.1610000000001</v>
      </c>
      <c r="F2334">
        <v>1065.9749999999999</v>
      </c>
      <c r="G2334">
        <v>1090.972</v>
      </c>
      <c r="H2334">
        <v>1107.146</v>
      </c>
      <c r="I2334">
        <v>1118.8900000000001</v>
      </c>
      <c r="J2334">
        <v>1129.2170000000001</v>
      </c>
      <c r="K2334">
        <v>1122.2339999999999</v>
      </c>
      <c r="L2334">
        <v>1140.893</v>
      </c>
      <c r="M2334">
        <v>1136.184</v>
      </c>
      <c r="N2334">
        <v>1138.7950000000001</v>
      </c>
      <c r="O2334">
        <v>1001.942</v>
      </c>
      <c r="P2334">
        <v>0</v>
      </c>
      <c r="Q2334">
        <v>0</v>
      </c>
      <c r="R2334">
        <v>1068.4860000000001</v>
      </c>
      <c r="S2334">
        <v>0</v>
      </c>
      <c r="T2334">
        <v>1084.8689999999999</v>
      </c>
      <c r="U2334">
        <v>1099.8119999999999</v>
      </c>
      <c r="V2334">
        <v>1102.068</v>
      </c>
      <c r="W2334">
        <v>1127.8879999999999</v>
      </c>
      <c r="X2334">
        <v>1157.0070000000001</v>
      </c>
      <c r="Y2334">
        <v>1168.819</v>
      </c>
    </row>
    <row r="2335" spans="1:25" x14ac:dyDescent="0.3">
      <c r="A2335">
        <v>62.516666671323279</v>
      </c>
      <c r="B2335">
        <v>939.42700000000002</v>
      </c>
      <c r="C2335">
        <v>1025.027</v>
      </c>
      <c r="D2335">
        <v>1024.184</v>
      </c>
      <c r="E2335">
        <v>1050.1389999999999</v>
      </c>
      <c r="F2335">
        <v>1064.4169999999999</v>
      </c>
      <c r="G2335">
        <v>1090.4490000000001</v>
      </c>
      <c r="H2335">
        <v>1105.999</v>
      </c>
      <c r="I2335">
        <v>1118.8150000000001</v>
      </c>
      <c r="J2335">
        <v>1128.7809999999999</v>
      </c>
      <c r="K2335">
        <v>1124.3009999999999</v>
      </c>
      <c r="L2335">
        <v>1141.6569999999999</v>
      </c>
      <c r="M2335">
        <v>1135.1780000000001</v>
      </c>
      <c r="N2335">
        <v>1139.9780000000001</v>
      </c>
      <c r="O2335">
        <v>1003.35</v>
      </c>
      <c r="P2335">
        <v>0</v>
      </c>
      <c r="Q2335">
        <v>0</v>
      </c>
      <c r="R2335">
        <v>1068.2439999999999</v>
      </c>
      <c r="S2335">
        <v>0</v>
      </c>
      <c r="T2335">
        <v>1084.8879999999999</v>
      </c>
      <c r="U2335">
        <v>1099.8499999999999</v>
      </c>
      <c r="V2335">
        <v>1099.079</v>
      </c>
      <c r="W2335">
        <v>1124.3579999999999</v>
      </c>
      <c r="X2335">
        <v>1153.25</v>
      </c>
      <c r="Y2335">
        <v>1169.4179999999999</v>
      </c>
    </row>
    <row r="2336" spans="1:25" x14ac:dyDescent="0.3">
      <c r="A2336">
        <v>62.550000001971299</v>
      </c>
      <c r="B2336">
        <v>925.36400000000003</v>
      </c>
      <c r="C2336">
        <v>1017.746</v>
      </c>
      <c r="D2336">
        <v>1025.412</v>
      </c>
      <c r="E2336">
        <v>1047.2180000000001</v>
      </c>
      <c r="F2336">
        <v>1060.723</v>
      </c>
      <c r="G2336">
        <v>1087.6020000000001</v>
      </c>
      <c r="H2336">
        <v>1101.674</v>
      </c>
      <c r="I2336">
        <v>1118.7760000000001</v>
      </c>
      <c r="J2336">
        <v>1128.5150000000001</v>
      </c>
      <c r="K2336">
        <v>1113.94</v>
      </c>
      <c r="L2336">
        <v>1143.049</v>
      </c>
      <c r="M2336">
        <v>1135.9749999999999</v>
      </c>
      <c r="N2336">
        <v>1140.951</v>
      </c>
      <c r="O2336">
        <v>1005.2859999999999</v>
      </c>
      <c r="P2336">
        <v>0</v>
      </c>
      <c r="Q2336">
        <v>0</v>
      </c>
      <c r="R2336">
        <v>1067.5540000000001</v>
      </c>
      <c r="S2336">
        <v>0</v>
      </c>
      <c r="T2336">
        <v>1086.778</v>
      </c>
      <c r="U2336">
        <v>1102.2</v>
      </c>
      <c r="V2336">
        <v>1099.2850000000001</v>
      </c>
      <c r="W2336">
        <v>1123.2950000000001</v>
      </c>
      <c r="X2336">
        <v>1149.9739999999999</v>
      </c>
      <c r="Y2336">
        <v>1170.1489999999999</v>
      </c>
    </row>
    <row r="2337" spans="1:25" x14ac:dyDescent="0.3">
      <c r="A2337">
        <v>62.566666672533998</v>
      </c>
      <c r="B2337">
        <v>929.49599999999998</v>
      </c>
      <c r="C2337">
        <v>1017.086</v>
      </c>
      <c r="D2337">
        <v>1024.77</v>
      </c>
      <c r="E2337">
        <v>1049.2139999999999</v>
      </c>
      <c r="F2337">
        <v>1063.896</v>
      </c>
      <c r="G2337">
        <v>1090.729</v>
      </c>
      <c r="H2337">
        <v>1103.893</v>
      </c>
      <c r="I2337">
        <v>1120.836</v>
      </c>
      <c r="J2337">
        <v>1131.2670000000001</v>
      </c>
      <c r="K2337">
        <v>1112.806</v>
      </c>
      <c r="L2337">
        <v>1140.703</v>
      </c>
      <c r="M2337">
        <v>1132.71</v>
      </c>
      <c r="N2337">
        <v>1140.1489999999999</v>
      </c>
      <c r="O2337">
        <v>1002.472</v>
      </c>
      <c r="P2337">
        <v>0</v>
      </c>
      <c r="Q2337">
        <v>0</v>
      </c>
      <c r="R2337">
        <v>1068.4490000000001</v>
      </c>
      <c r="S2337">
        <v>0</v>
      </c>
      <c r="T2337">
        <v>1084.981</v>
      </c>
      <c r="U2337">
        <v>1099.7370000000001</v>
      </c>
      <c r="V2337">
        <v>1099.0219999999999</v>
      </c>
      <c r="W2337">
        <v>1124.8130000000001</v>
      </c>
      <c r="X2337">
        <v>1153.575</v>
      </c>
      <c r="Y2337">
        <v>1168.569</v>
      </c>
    </row>
    <row r="2338" spans="1:25" x14ac:dyDescent="0.3">
      <c r="A2338">
        <v>62.600000003182018</v>
      </c>
      <c r="B2338">
        <v>935.15800000000002</v>
      </c>
      <c r="C2338">
        <v>1017.051</v>
      </c>
      <c r="D2338">
        <v>1029.037</v>
      </c>
      <c r="E2338">
        <v>1053.357</v>
      </c>
      <c r="F2338">
        <v>1066.386</v>
      </c>
      <c r="G2338">
        <v>1094.0070000000001</v>
      </c>
      <c r="H2338">
        <v>1103.857</v>
      </c>
      <c r="I2338">
        <v>1116.682</v>
      </c>
      <c r="J2338">
        <v>1127.796</v>
      </c>
      <c r="K2338">
        <v>1111.297</v>
      </c>
      <c r="L2338">
        <v>1139.0640000000001</v>
      </c>
      <c r="M2338">
        <v>1129.6179999999999</v>
      </c>
      <c r="N2338">
        <v>1136.547</v>
      </c>
      <c r="O2338">
        <v>1000.921</v>
      </c>
      <c r="P2338">
        <v>0</v>
      </c>
      <c r="Q2338">
        <v>0</v>
      </c>
      <c r="R2338">
        <v>1069.346</v>
      </c>
      <c r="S2338">
        <v>0</v>
      </c>
      <c r="T2338">
        <v>1081.8009999999999</v>
      </c>
      <c r="U2338">
        <v>1098.028</v>
      </c>
      <c r="V2338">
        <v>1098.2159999999999</v>
      </c>
      <c r="W2338">
        <v>1126.4100000000001</v>
      </c>
      <c r="X2338">
        <v>1156.0319999999999</v>
      </c>
      <c r="Y2338">
        <v>1169.3620000000001</v>
      </c>
    </row>
    <row r="2339" spans="1:25" x14ac:dyDescent="0.3">
      <c r="A2339">
        <v>62.633333333830038</v>
      </c>
      <c r="B2339">
        <v>937.27300000000002</v>
      </c>
      <c r="C2339">
        <v>1017.764</v>
      </c>
      <c r="D2339">
        <v>1025.8889999999999</v>
      </c>
      <c r="E2339">
        <v>1049.3440000000001</v>
      </c>
      <c r="F2339">
        <v>1058.384</v>
      </c>
      <c r="G2339">
        <v>1086.9469999999999</v>
      </c>
      <c r="H2339">
        <v>1098.665</v>
      </c>
      <c r="I2339">
        <v>1109.3489999999999</v>
      </c>
      <c r="J2339">
        <v>1124.377</v>
      </c>
      <c r="K2339">
        <v>1105.2460000000001</v>
      </c>
      <c r="L2339">
        <v>1132.9949999999999</v>
      </c>
      <c r="M2339">
        <v>1124.566</v>
      </c>
      <c r="N2339">
        <v>1138.8140000000001</v>
      </c>
      <c r="O2339">
        <v>1009.36</v>
      </c>
      <c r="P2339">
        <v>0</v>
      </c>
      <c r="Q2339">
        <v>0</v>
      </c>
      <c r="R2339">
        <v>1072.605</v>
      </c>
      <c r="S2339">
        <v>0</v>
      </c>
      <c r="T2339">
        <v>1084.3820000000001</v>
      </c>
      <c r="U2339">
        <v>1098.383</v>
      </c>
      <c r="V2339">
        <v>1096.653</v>
      </c>
      <c r="W2339">
        <v>1123.048</v>
      </c>
      <c r="X2339">
        <v>1150.6610000000001</v>
      </c>
      <c r="Y2339">
        <v>1166.1020000000001</v>
      </c>
    </row>
    <row r="2340" spans="1:25" x14ac:dyDescent="0.3">
      <c r="A2340">
        <v>62.650000004392737</v>
      </c>
      <c r="B2340">
        <v>947.45299999999997</v>
      </c>
      <c r="C2340">
        <v>1020.111</v>
      </c>
      <c r="D2340">
        <v>1027.7639999999999</v>
      </c>
      <c r="E2340">
        <v>1048.1969999999999</v>
      </c>
      <c r="F2340">
        <v>1055.3579999999999</v>
      </c>
      <c r="G2340">
        <v>1083.576</v>
      </c>
      <c r="H2340">
        <v>1096.3140000000001</v>
      </c>
      <c r="I2340">
        <v>1111.011</v>
      </c>
      <c r="J2340">
        <v>1122.914</v>
      </c>
      <c r="K2340">
        <v>1099.191</v>
      </c>
      <c r="L2340">
        <v>1131.646</v>
      </c>
      <c r="M2340">
        <v>1126.046</v>
      </c>
      <c r="N2340">
        <v>1133.6389999999999</v>
      </c>
      <c r="O2340">
        <v>1002.947</v>
      </c>
      <c r="P2340">
        <v>0</v>
      </c>
      <c r="Q2340">
        <v>0</v>
      </c>
      <c r="R2340">
        <v>1072.884</v>
      </c>
      <c r="S2340">
        <v>0</v>
      </c>
      <c r="T2340">
        <v>1085.317</v>
      </c>
      <c r="U2340">
        <v>1098.232</v>
      </c>
      <c r="V2340">
        <v>1095.0730000000001</v>
      </c>
      <c r="W2340">
        <v>1120.703</v>
      </c>
      <c r="X2340">
        <v>1147.3789999999999</v>
      </c>
      <c r="Y2340">
        <v>1166.1590000000001</v>
      </c>
    </row>
    <row r="2341" spans="1:25" x14ac:dyDescent="0.3">
      <c r="A2341">
        <v>62.683333335040757</v>
      </c>
      <c r="B2341">
        <v>956.00800000000004</v>
      </c>
      <c r="C2341">
        <v>1019.654</v>
      </c>
      <c r="D2341">
        <v>1024.221</v>
      </c>
      <c r="E2341">
        <v>1044.6300000000001</v>
      </c>
      <c r="F2341">
        <v>1056.4169999999999</v>
      </c>
      <c r="G2341">
        <v>1083.4090000000001</v>
      </c>
      <c r="H2341">
        <v>1093.07</v>
      </c>
      <c r="I2341">
        <v>1105.7360000000001</v>
      </c>
      <c r="J2341">
        <v>1123.732</v>
      </c>
      <c r="K2341">
        <v>1099.4359999999999</v>
      </c>
      <c r="L2341">
        <v>1133.8869999999999</v>
      </c>
      <c r="M2341">
        <v>1125.4970000000001</v>
      </c>
      <c r="N2341">
        <v>1135.8430000000001</v>
      </c>
      <c r="O2341">
        <v>1005.634</v>
      </c>
      <c r="P2341">
        <v>0</v>
      </c>
      <c r="Q2341">
        <v>0</v>
      </c>
      <c r="R2341">
        <v>1068.598</v>
      </c>
      <c r="S2341">
        <v>0</v>
      </c>
      <c r="T2341">
        <v>1080.6959999999999</v>
      </c>
      <c r="U2341">
        <v>1096.07</v>
      </c>
      <c r="V2341">
        <v>1092.6389999999999</v>
      </c>
      <c r="W2341">
        <v>1117.2280000000001</v>
      </c>
      <c r="X2341">
        <v>1147.5519999999999</v>
      </c>
      <c r="Y2341">
        <v>1163.546</v>
      </c>
    </row>
    <row r="2342" spans="1:25" x14ac:dyDescent="0.3">
      <c r="A2342">
        <v>62.700000005603457</v>
      </c>
      <c r="B2342">
        <v>964.02</v>
      </c>
      <c r="C2342">
        <v>1019.306</v>
      </c>
      <c r="D2342">
        <v>1022.973</v>
      </c>
      <c r="E2342">
        <v>1042.4490000000001</v>
      </c>
      <c r="F2342">
        <v>1057.92</v>
      </c>
      <c r="G2342">
        <v>1081.3499999999999</v>
      </c>
      <c r="H2342">
        <v>1093.2190000000001</v>
      </c>
      <c r="I2342">
        <v>1108.972</v>
      </c>
      <c r="J2342">
        <v>1124.2059999999999</v>
      </c>
      <c r="K2342">
        <v>1100.452</v>
      </c>
      <c r="L2342">
        <v>1136.9449999999999</v>
      </c>
      <c r="M2342">
        <v>1127.32</v>
      </c>
      <c r="N2342">
        <v>1134.6279999999999</v>
      </c>
      <c r="O2342">
        <v>1003.7329999999999</v>
      </c>
      <c r="P2342">
        <v>0</v>
      </c>
      <c r="Q2342">
        <v>0</v>
      </c>
      <c r="R2342">
        <v>1066.0309999999999</v>
      </c>
      <c r="S2342">
        <v>0</v>
      </c>
      <c r="T2342">
        <v>1077.3969999999999</v>
      </c>
      <c r="U2342">
        <v>1093.2380000000001</v>
      </c>
      <c r="V2342">
        <v>1090.5609999999999</v>
      </c>
      <c r="W2342">
        <v>1114.5830000000001</v>
      </c>
      <c r="X2342">
        <v>1143.202</v>
      </c>
      <c r="Y2342">
        <v>1164.7539999999999</v>
      </c>
    </row>
    <row r="2343" spans="1:25" x14ac:dyDescent="0.3">
      <c r="A2343">
        <v>62.733333336251476</v>
      </c>
      <c r="B2343">
        <v>970.45399999999995</v>
      </c>
      <c r="C2343">
        <v>1018.389</v>
      </c>
      <c r="D2343">
        <v>1018.022</v>
      </c>
      <c r="E2343">
        <v>1040.3420000000001</v>
      </c>
      <c r="F2343">
        <v>1058.143</v>
      </c>
      <c r="G2343">
        <v>1080.8820000000001</v>
      </c>
      <c r="H2343">
        <v>1092.6199999999999</v>
      </c>
      <c r="I2343">
        <v>1107.8420000000001</v>
      </c>
      <c r="J2343">
        <v>1121.5730000000001</v>
      </c>
      <c r="K2343">
        <v>1100.396</v>
      </c>
      <c r="L2343">
        <v>1138.643</v>
      </c>
      <c r="M2343">
        <v>1127.0730000000001</v>
      </c>
      <c r="N2343">
        <v>1138.0319999999999</v>
      </c>
      <c r="O2343">
        <v>1004.556</v>
      </c>
      <c r="P2343">
        <v>0</v>
      </c>
      <c r="Q2343">
        <v>0</v>
      </c>
      <c r="R2343">
        <v>1064.732</v>
      </c>
      <c r="S2343">
        <v>0</v>
      </c>
      <c r="T2343">
        <v>1079.9690000000001</v>
      </c>
      <c r="U2343">
        <v>1094.567</v>
      </c>
      <c r="V2343">
        <v>1091.5530000000001</v>
      </c>
      <c r="W2343">
        <v>1116.453</v>
      </c>
      <c r="X2343">
        <v>1144.0989999999999</v>
      </c>
      <c r="Y2343">
        <v>1163.9290000000001</v>
      </c>
    </row>
    <row r="2344" spans="1:25" x14ac:dyDescent="0.3">
      <c r="A2344">
        <v>62.766666666899496</v>
      </c>
      <c r="B2344">
        <v>959.72</v>
      </c>
      <c r="C2344">
        <v>1019.306</v>
      </c>
      <c r="D2344">
        <v>1021.3049999999999</v>
      </c>
      <c r="E2344">
        <v>1042.4860000000001</v>
      </c>
      <c r="F2344">
        <v>1058.2360000000001</v>
      </c>
      <c r="G2344">
        <v>1084.0640000000001</v>
      </c>
      <c r="H2344">
        <v>1096.7850000000001</v>
      </c>
      <c r="I2344">
        <v>1108.6880000000001</v>
      </c>
      <c r="J2344">
        <v>1119.0039999999999</v>
      </c>
      <c r="K2344">
        <v>1096.3710000000001</v>
      </c>
      <c r="L2344">
        <v>1136.45</v>
      </c>
      <c r="M2344">
        <v>1127.2629999999999</v>
      </c>
      <c r="N2344">
        <v>1135.8240000000001</v>
      </c>
      <c r="O2344">
        <v>1004.7380000000001</v>
      </c>
      <c r="P2344">
        <v>0</v>
      </c>
      <c r="Q2344">
        <v>0</v>
      </c>
      <c r="R2344">
        <v>1065.1959999999999</v>
      </c>
      <c r="S2344">
        <v>0</v>
      </c>
      <c r="T2344">
        <v>1080.9380000000001</v>
      </c>
      <c r="U2344">
        <v>1094.3430000000001</v>
      </c>
      <c r="V2344">
        <v>1094.268</v>
      </c>
      <c r="W2344">
        <v>1123.068</v>
      </c>
      <c r="X2344">
        <v>1150.49</v>
      </c>
      <c r="Y2344">
        <v>1163.412</v>
      </c>
    </row>
    <row r="2345" spans="1:25" x14ac:dyDescent="0.3">
      <c r="A2345">
        <v>62.783333337462196</v>
      </c>
      <c r="B2345">
        <v>954.96299999999997</v>
      </c>
      <c r="C2345">
        <v>1019.415</v>
      </c>
      <c r="D2345">
        <v>1025.155</v>
      </c>
      <c r="E2345">
        <v>1045.3510000000001</v>
      </c>
      <c r="F2345">
        <v>1060.5740000000001</v>
      </c>
      <c r="G2345">
        <v>1084.1389999999999</v>
      </c>
      <c r="H2345">
        <v>1097.1790000000001</v>
      </c>
      <c r="I2345">
        <v>1112.598</v>
      </c>
      <c r="J2345">
        <v>1122.271</v>
      </c>
      <c r="K2345">
        <v>1094.117</v>
      </c>
      <c r="L2345">
        <v>1132.046</v>
      </c>
      <c r="M2345">
        <v>1121.308</v>
      </c>
      <c r="N2345">
        <v>1130.0329999999999</v>
      </c>
      <c r="O2345">
        <v>997.85599999999999</v>
      </c>
      <c r="P2345">
        <v>0</v>
      </c>
      <c r="Q2345">
        <v>0</v>
      </c>
      <c r="R2345">
        <v>1067.5350000000001</v>
      </c>
      <c r="S2345">
        <v>0</v>
      </c>
      <c r="T2345">
        <v>1082.491</v>
      </c>
      <c r="U2345">
        <v>1095.731</v>
      </c>
      <c r="V2345">
        <v>1094.0429999999999</v>
      </c>
      <c r="W2345">
        <v>1119.173</v>
      </c>
      <c r="X2345">
        <v>1148.162</v>
      </c>
      <c r="Y2345">
        <v>1162.242</v>
      </c>
    </row>
    <row r="2346" spans="1:25" x14ac:dyDescent="0.3">
      <c r="A2346">
        <v>62.816666668110216</v>
      </c>
      <c r="B2346">
        <v>963.91200000000003</v>
      </c>
      <c r="C2346">
        <v>1019.654</v>
      </c>
      <c r="D2346">
        <v>1025.1379999999999</v>
      </c>
      <c r="E2346">
        <v>1045.74</v>
      </c>
      <c r="F2346">
        <v>1059.8689999999999</v>
      </c>
      <c r="G2346">
        <v>1083.5029999999999</v>
      </c>
      <c r="H2346">
        <v>1096.954</v>
      </c>
      <c r="I2346">
        <v>1108.1990000000001</v>
      </c>
      <c r="J2346">
        <v>1118.3230000000001</v>
      </c>
      <c r="K2346">
        <v>1089.7</v>
      </c>
      <c r="L2346">
        <v>1128.5530000000001</v>
      </c>
      <c r="M2346">
        <v>1119.816</v>
      </c>
      <c r="N2346">
        <v>1134.3430000000001</v>
      </c>
      <c r="O2346">
        <v>1000.975</v>
      </c>
      <c r="P2346">
        <v>0</v>
      </c>
      <c r="Q2346">
        <v>0</v>
      </c>
      <c r="R2346">
        <v>1065.7159999999999</v>
      </c>
      <c r="S2346">
        <v>0</v>
      </c>
      <c r="T2346">
        <v>1080.4159999999999</v>
      </c>
      <c r="U2346">
        <v>1093.3499999999999</v>
      </c>
      <c r="V2346">
        <v>1090.748</v>
      </c>
      <c r="W2346">
        <v>1112.4100000000001</v>
      </c>
      <c r="X2346">
        <v>1141.028</v>
      </c>
      <c r="Y2346">
        <v>1156.778</v>
      </c>
    </row>
    <row r="2347" spans="1:25" x14ac:dyDescent="0.3">
      <c r="A2347">
        <v>62.833333338672915</v>
      </c>
      <c r="B2347">
        <v>949.57899999999995</v>
      </c>
      <c r="C2347">
        <v>1012.101</v>
      </c>
      <c r="D2347">
        <v>1021.818</v>
      </c>
      <c r="E2347">
        <v>1047.884</v>
      </c>
      <c r="F2347">
        <v>1061.336</v>
      </c>
      <c r="G2347">
        <v>1081.7049999999999</v>
      </c>
      <c r="H2347">
        <v>1093.856</v>
      </c>
      <c r="I2347">
        <v>1108.3119999999999</v>
      </c>
      <c r="J2347">
        <v>1119.3440000000001</v>
      </c>
      <c r="K2347">
        <v>1090.9349999999999</v>
      </c>
      <c r="L2347">
        <v>1129.2750000000001</v>
      </c>
      <c r="M2347">
        <v>1121.5540000000001</v>
      </c>
      <c r="N2347">
        <v>1134.894</v>
      </c>
      <c r="O2347">
        <v>994.23400000000004</v>
      </c>
      <c r="P2347">
        <v>0</v>
      </c>
      <c r="Q2347">
        <v>0</v>
      </c>
      <c r="R2347">
        <v>1067.0889999999999</v>
      </c>
      <c r="S2347">
        <v>0</v>
      </c>
      <c r="T2347">
        <v>1082.3789999999999</v>
      </c>
      <c r="U2347">
        <v>1097.6500000000001</v>
      </c>
      <c r="V2347">
        <v>1097.011</v>
      </c>
      <c r="W2347">
        <v>1119.4570000000001</v>
      </c>
      <c r="X2347">
        <v>1142.6489999999999</v>
      </c>
      <c r="Y2347">
        <v>1156.068</v>
      </c>
    </row>
    <row r="2348" spans="1:25" x14ac:dyDescent="0.3">
      <c r="A2348">
        <v>62.866666669320935</v>
      </c>
      <c r="B2348">
        <v>948.08500000000004</v>
      </c>
      <c r="C2348">
        <v>1013.639</v>
      </c>
      <c r="D2348">
        <v>1018.535</v>
      </c>
      <c r="E2348">
        <v>1046.0719999999999</v>
      </c>
      <c r="F2348">
        <v>1061.317</v>
      </c>
      <c r="G2348">
        <v>1080.174</v>
      </c>
      <c r="H2348">
        <v>1087.79</v>
      </c>
      <c r="I2348">
        <v>1101.261</v>
      </c>
      <c r="J2348">
        <v>1117.095</v>
      </c>
      <c r="K2348">
        <v>1092.508</v>
      </c>
      <c r="L2348">
        <v>1133.261</v>
      </c>
      <c r="M2348">
        <v>1122.008</v>
      </c>
      <c r="N2348">
        <v>1136.45</v>
      </c>
      <c r="O2348">
        <v>991.322</v>
      </c>
      <c r="P2348">
        <v>0</v>
      </c>
      <c r="Q2348">
        <v>0</v>
      </c>
      <c r="R2348">
        <v>1065.809</v>
      </c>
      <c r="S2348">
        <v>0</v>
      </c>
      <c r="T2348">
        <v>1081.2750000000001</v>
      </c>
      <c r="U2348">
        <v>1096.4090000000001</v>
      </c>
      <c r="V2348">
        <v>1093.538</v>
      </c>
      <c r="W2348">
        <v>1118.059</v>
      </c>
      <c r="X2348">
        <v>1143.4690000000001</v>
      </c>
      <c r="Y2348">
        <v>1162.779</v>
      </c>
    </row>
    <row r="2349" spans="1:25" x14ac:dyDescent="0.3">
      <c r="A2349">
        <v>62.899999999968955</v>
      </c>
      <c r="B2349">
        <v>937.68600000000004</v>
      </c>
      <c r="C2349">
        <v>1013.785</v>
      </c>
      <c r="D2349">
        <v>1020.112</v>
      </c>
      <c r="E2349">
        <v>1044.704</v>
      </c>
      <c r="F2349">
        <v>1058.866</v>
      </c>
      <c r="G2349">
        <v>1081.405</v>
      </c>
      <c r="H2349">
        <v>1088.557</v>
      </c>
      <c r="I2349">
        <v>1110.633</v>
      </c>
      <c r="J2349">
        <v>1122.479</v>
      </c>
      <c r="K2349">
        <v>1095.2049999999999</v>
      </c>
      <c r="L2349">
        <v>1135.633</v>
      </c>
      <c r="M2349">
        <v>1123.162</v>
      </c>
      <c r="N2349">
        <v>1135.405</v>
      </c>
      <c r="O2349">
        <v>995.41700000000003</v>
      </c>
      <c r="P2349">
        <v>0</v>
      </c>
      <c r="Q2349">
        <v>0</v>
      </c>
      <c r="R2349">
        <v>1068.2249999999999</v>
      </c>
      <c r="S2349">
        <v>0</v>
      </c>
      <c r="T2349">
        <v>1086.1610000000001</v>
      </c>
      <c r="U2349">
        <v>1102.915</v>
      </c>
      <c r="V2349">
        <v>1097.6679999999999</v>
      </c>
      <c r="W2349">
        <v>1119.268</v>
      </c>
      <c r="X2349">
        <v>1144.7470000000001</v>
      </c>
      <c r="Y2349">
        <v>1161.9159999999999</v>
      </c>
    </row>
    <row r="2350" spans="1:25" x14ac:dyDescent="0.3">
      <c r="A2350">
        <v>62.916666670531654</v>
      </c>
      <c r="B2350">
        <v>933.91800000000001</v>
      </c>
      <c r="C2350">
        <v>1015.454</v>
      </c>
      <c r="D2350">
        <v>1021.14</v>
      </c>
      <c r="E2350">
        <v>1046.2940000000001</v>
      </c>
      <c r="F2350">
        <v>1058.5519999999999</v>
      </c>
      <c r="G2350">
        <v>1079.671</v>
      </c>
      <c r="H2350">
        <v>1086.5170000000001</v>
      </c>
      <c r="I2350">
        <v>1107.4659999999999</v>
      </c>
      <c r="J2350">
        <v>1122.8589999999999</v>
      </c>
      <c r="K2350">
        <v>1095.0930000000001</v>
      </c>
      <c r="L2350">
        <v>1137.117</v>
      </c>
      <c r="M2350">
        <v>1122.6690000000001</v>
      </c>
      <c r="N2350">
        <v>1132.7860000000001</v>
      </c>
      <c r="O2350">
        <v>994.99800000000005</v>
      </c>
      <c r="P2350">
        <v>0</v>
      </c>
      <c r="Q2350">
        <v>0</v>
      </c>
      <c r="R2350">
        <v>1067.2380000000001</v>
      </c>
      <c r="S2350">
        <v>0</v>
      </c>
      <c r="T2350">
        <v>1081.537</v>
      </c>
      <c r="U2350">
        <v>1098.327</v>
      </c>
      <c r="V2350">
        <v>1098.0450000000001</v>
      </c>
      <c r="W2350">
        <v>1120.704</v>
      </c>
      <c r="X2350">
        <v>1147.3230000000001</v>
      </c>
      <c r="Y2350">
        <v>1159.673</v>
      </c>
    </row>
    <row r="2351" spans="1:25" x14ac:dyDescent="0.3">
      <c r="A2351">
        <v>62.950000001179674</v>
      </c>
      <c r="B2351">
        <v>923.93399999999997</v>
      </c>
      <c r="C2351">
        <v>1010.073</v>
      </c>
      <c r="D2351">
        <v>1022.203</v>
      </c>
      <c r="E2351">
        <v>1051.3589999999999</v>
      </c>
      <c r="F2351">
        <v>1063.0989999999999</v>
      </c>
      <c r="G2351">
        <v>1085.1320000000001</v>
      </c>
      <c r="H2351">
        <v>1095.807</v>
      </c>
      <c r="I2351">
        <v>1115.0740000000001</v>
      </c>
      <c r="J2351">
        <v>1127.6610000000001</v>
      </c>
      <c r="K2351">
        <v>1098.0070000000001</v>
      </c>
      <c r="L2351">
        <v>1137.8800000000001</v>
      </c>
      <c r="M2351">
        <v>1123.5609999999999</v>
      </c>
      <c r="N2351">
        <v>1132.711</v>
      </c>
      <c r="O2351">
        <v>993.43299999999999</v>
      </c>
      <c r="P2351">
        <v>0</v>
      </c>
      <c r="Q2351">
        <v>0</v>
      </c>
      <c r="R2351">
        <v>1066.8109999999999</v>
      </c>
      <c r="S2351">
        <v>0</v>
      </c>
      <c r="T2351">
        <v>1078.925</v>
      </c>
      <c r="U2351">
        <v>1096.7850000000001</v>
      </c>
      <c r="V2351">
        <v>1096.653</v>
      </c>
      <c r="W2351">
        <v>1121.7429999999999</v>
      </c>
      <c r="X2351">
        <v>1150.566</v>
      </c>
      <c r="Y2351">
        <v>1159.481</v>
      </c>
    </row>
    <row r="2352" spans="1:25" x14ac:dyDescent="0.3">
      <c r="A2352">
        <v>62.983333331827694</v>
      </c>
      <c r="B2352">
        <v>932.03800000000001</v>
      </c>
      <c r="C2352">
        <v>1014.099</v>
      </c>
      <c r="D2352">
        <v>1021.453</v>
      </c>
      <c r="E2352">
        <v>1048.662</v>
      </c>
      <c r="F2352">
        <v>1064.251</v>
      </c>
      <c r="G2352">
        <v>1088.1849999999999</v>
      </c>
      <c r="H2352">
        <v>1100.6600000000001</v>
      </c>
      <c r="I2352">
        <v>1117.135</v>
      </c>
      <c r="J2352">
        <v>1126.847</v>
      </c>
      <c r="K2352">
        <v>1094.7</v>
      </c>
      <c r="L2352">
        <v>1137.8240000000001</v>
      </c>
      <c r="M2352">
        <v>1124.4169999999999</v>
      </c>
      <c r="N2352">
        <v>1135.5219999999999</v>
      </c>
      <c r="O2352">
        <v>988.75699999999995</v>
      </c>
      <c r="P2352">
        <v>0</v>
      </c>
      <c r="Q2352">
        <v>0</v>
      </c>
      <c r="R2352">
        <v>1066.701</v>
      </c>
      <c r="S2352">
        <v>0</v>
      </c>
      <c r="T2352">
        <v>1077.6030000000001</v>
      </c>
      <c r="U2352">
        <v>1094.288</v>
      </c>
      <c r="V2352">
        <v>1094.3630000000001</v>
      </c>
      <c r="W2352">
        <v>1120.1769999999999</v>
      </c>
      <c r="X2352">
        <v>1143.452</v>
      </c>
      <c r="Y2352">
        <v>1159.521</v>
      </c>
    </row>
    <row r="2353" spans="1:25" x14ac:dyDescent="0.3">
      <c r="A2353">
        <v>63.000000002390394</v>
      </c>
      <c r="B2353">
        <v>945.04499999999996</v>
      </c>
      <c r="C2353">
        <v>1016.2430000000001</v>
      </c>
      <c r="D2353">
        <v>1022.075</v>
      </c>
      <c r="E2353">
        <v>1044.963</v>
      </c>
      <c r="F2353">
        <v>1062.394</v>
      </c>
      <c r="G2353">
        <v>1086.2550000000001</v>
      </c>
      <c r="H2353">
        <v>1097.2360000000001</v>
      </c>
      <c r="I2353">
        <v>1113.789</v>
      </c>
      <c r="J2353">
        <v>1123.011</v>
      </c>
      <c r="K2353">
        <v>1090.4490000000001</v>
      </c>
      <c r="L2353">
        <v>1131.723</v>
      </c>
      <c r="M2353">
        <v>1121.5730000000001</v>
      </c>
      <c r="N2353">
        <v>1130.7550000000001</v>
      </c>
      <c r="O2353">
        <v>994.08799999999997</v>
      </c>
      <c r="P2353">
        <v>0</v>
      </c>
      <c r="Q2353">
        <v>0</v>
      </c>
      <c r="R2353">
        <v>1068.8409999999999</v>
      </c>
      <c r="S2353">
        <v>0</v>
      </c>
      <c r="T2353">
        <v>1078.646</v>
      </c>
      <c r="U2353">
        <v>1095.807</v>
      </c>
      <c r="V2353">
        <v>1094.829</v>
      </c>
      <c r="W2353">
        <v>1119.778</v>
      </c>
      <c r="X2353">
        <v>1141.981</v>
      </c>
      <c r="Y2353">
        <v>1159.366</v>
      </c>
    </row>
    <row r="2354" spans="1:25" x14ac:dyDescent="0.3">
      <c r="A2354">
        <v>63.033333333038414</v>
      </c>
      <c r="B2354">
        <v>930.82</v>
      </c>
      <c r="C2354">
        <v>1008.575</v>
      </c>
      <c r="D2354">
        <v>1022.24</v>
      </c>
      <c r="E2354">
        <v>1044.1310000000001</v>
      </c>
      <c r="F2354">
        <v>1059.5719999999999</v>
      </c>
      <c r="G2354">
        <v>1083.7460000000001</v>
      </c>
      <c r="H2354">
        <v>1093.875</v>
      </c>
      <c r="I2354">
        <v>1108.162</v>
      </c>
      <c r="J2354">
        <v>1118.664</v>
      </c>
      <c r="K2354">
        <v>1095.2809999999999</v>
      </c>
      <c r="L2354">
        <v>1132.1220000000001</v>
      </c>
      <c r="M2354">
        <v>1120.761</v>
      </c>
      <c r="N2354">
        <v>1133.1849999999999</v>
      </c>
      <c r="O2354">
        <v>996.03599999999994</v>
      </c>
      <c r="P2354">
        <v>0</v>
      </c>
      <c r="Q2354">
        <v>0</v>
      </c>
      <c r="R2354">
        <v>1066.7919999999999</v>
      </c>
      <c r="S2354">
        <v>0</v>
      </c>
      <c r="T2354">
        <v>1078.8510000000001</v>
      </c>
      <c r="U2354">
        <v>1097.6500000000001</v>
      </c>
      <c r="V2354">
        <v>1097.4059999999999</v>
      </c>
      <c r="W2354">
        <v>1121.5920000000001</v>
      </c>
      <c r="X2354">
        <v>1143.6220000000001</v>
      </c>
      <c r="Y2354">
        <v>1158.925</v>
      </c>
    </row>
    <row r="2355" spans="1:25" x14ac:dyDescent="0.3">
      <c r="A2355">
        <v>63.050000003601113</v>
      </c>
      <c r="B2355">
        <v>937.91899999999998</v>
      </c>
      <c r="C2355">
        <v>1010.146</v>
      </c>
      <c r="D2355">
        <v>1022.019</v>
      </c>
      <c r="E2355">
        <v>1043.742</v>
      </c>
      <c r="F2355">
        <v>1058.866</v>
      </c>
      <c r="G2355">
        <v>1085.5239999999999</v>
      </c>
      <c r="H2355">
        <v>1096.277</v>
      </c>
      <c r="I2355">
        <v>1107.296</v>
      </c>
      <c r="J2355">
        <v>1114.96</v>
      </c>
      <c r="K2355">
        <v>1090.953</v>
      </c>
      <c r="L2355">
        <v>1131.229</v>
      </c>
      <c r="M2355">
        <v>1123.5219999999999</v>
      </c>
      <c r="N2355">
        <v>1131.951</v>
      </c>
      <c r="O2355">
        <v>996.56299999999999</v>
      </c>
      <c r="P2355">
        <v>0</v>
      </c>
      <c r="Q2355">
        <v>0</v>
      </c>
      <c r="R2355">
        <v>1067.9829999999999</v>
      </c>
      <c r="S2355">
        <v>0</v>
      </c>
      <c r="T2355">
        <v>1081.143</v>
      </c>
      <c r="U2355">
        <v>1099.248</v>
      </c>
      <c r="V2355">
        <v>1099.8679999999999</v>
      </c>
      <c r="W2355">
        <v>1122.6679999999999</v>
      </c>
      <c r="X2355">
        <v>1145.2619999999999</v>
      </c>
      <c r="Y2355">
        <v>1158.0809999999999</v>
      </c>
    </row>
    <row r="2356" spans="1:25" x14ac:dyDescent="0.3">
      <c r="A2356">
        <v>63.083333334249133</v>
      </c>
      <c r="B2356">
        <v>950.75</v>
      </c>
      <c r="C2356">
        <v>1014.537</v>
      </c>
      <c r="D2356">
        <v>1025.5409999999999</v>
      </c>
      <c r="E2356">
        <v>1042.9480000000001</v>
      </c>
      <c r="F2356">
        <v>1056.6400000000001</v>
      </c>
      <c r="G2356">
        <v>1087.771</v>
      </c>
      <c r="H2356">
        <v>1097.6500000000001</v>
      </c>
      <c r="I2356">
        <v>1112.9580000000001</v>
      </c>
      <c r="J2356">
        <v>1121.6300000000001</v>
      </c>
      <c r="K2356">
        <v>1098.402</v>
      </c>
      <c r="L2356">
        <v>1135.653</v>
      </c>
      <c r="M2356">
        <v>1125.345</v>
      </c>
      <c r="N2356">
        <v>1133.261</v>
      </c>
      <c r="O2356">
        <v>994.68899999999996</v>
      </c>
      <c r="P2356">
        <v>0</v>
      </c>
      <c r="Q2356">
        <v>0</v>
      </c>
      <c r="R2356">
        <v>1067.5540000000001</v>
      </c>
      <c r="S2356">
        <v>0</v>
      </c>
      <c r="T2356">
        <v>1079.652</v>
      </c>
      <c r="U2356">
        <v>1097.029</v>
      </c>
      <c r="V2356">
        <v>1097.443</v>
      </c>
      <c r="W2356">
        <v>1120.742</v>
      </c>
      <c r="X2356">
        <v>1145.2439999999999</v>
      </c>
      <c r="Y2356">
        <v>1158.3689999999999</v>
      </c>
    </row>
    <row r="2357" spans="1:25" x14ac:dyDescent="0.3">
      <c r="A2357">
        <v>63.116666664897153</v>
      </c>
      <c r="B2357">
        <v>958.40300000000002</v>
      </c>
      <c r="C2357">
        <v>1016.5359999999999</v>
      </c>
      <c r="D2357">
        <v>1027.268</v>
      </c>
      <c r="E2357">
        <v>1045.3879999999999</v>
      </c>
      <c r="F2357">
        <v>1059.33</v>
      </c>
      <c r="G2357">
        <v>1087.92</v>
      </c>
      <c r="H2357">
        <v>1098.8720000000001</v>
      </c>
      <c r="I2357">
        <v>1118.644</v>
      </c>
      <c r="J2357">
        <v>1125.4780000000001</v>
      </c>
      <c r="K2357">
        <v>1102.2</v>
      </c>
      <c r="L2357">
        <v>1139.0239999999999</v>
      </c>
      <c r="M2357">
        <v>1128.3630000000001</v>
      </c>
      <c r="N2357">
        <v>1134.096</v>
      </c>
      <c r="O2357">
        <v>996.83600000000001</v>
      </c>
      <c r="P2357">
        <v>0</v>
      </c>
      <c r="Q2357">
        <v>0</v>
      </c>
      <c r="R2357">
        <v>1068.076</v>
      </c>
      <c r="S2357">
        <v>0</v>
      </c>
      <c r="T2357">
        <v>1079.0740000000001</v>
      </c>
      <c r="U2357">
        <v>1096.3520000000001</v>
      </c>
      <c r="V2357">
        <v>1094.192</v>
      </c>
      <c r="W2357">
        <v>1118.115</v>
      </c>
      <c r="X2357">
        <v>1143.164</v>
      </c>
      <c r="Y2357">
        <v>1157.7739999999999</v>
      </c>
    </row>
    <row r="2358" spans="1:25" x14ac:dyDescent="0.3">
      <c r="A2358">
        <v>63.133333335459852</v>
      </c>
      <c r="B2358">
        <v>964.96199999999999</v>
      </c>
      <c r="C2358">
        <v>1018.4450000000001</v>
      </c>
      <c r="D2358">
        <v>1027.73</v>
      </c>
      <c r="E2358">
        <v>1047.202</v>
      </c>
      <c r="F2358">
        <v>1064.7339999999999</v>
      </c>
      <c r="G2358">
        <v>1087.511</v>
      </c>
      <c r="H2358">
        <v>1099.194</v>
      </c>
      <c r="I2358">
        <v>1112.336</v>
      </c>
      <c r="J2358">
        <v>1118.5519999999999</v>
      </c>
      <c r="K2358">
        <v>1097.99</v>
      </c>
      <c r="L2358">
        <v>1134.402</v>
      </c>
      <c r="M2358">
        <v>1125.347</v>
      </c>
      <c r="N2358">
        <v>1133.604</v>
      </c>
      <c r="O2358">
        <v>996.47500000000002</v>
      </c>
      <c r="P2358">
        <v>0</v>
      </c>
      <c r="Q2358">
        <v>0</v>
      </c>
      <c r="R2358">
        <v>1068.097</v>
      </c>
      <c r="S2358">
        <v>0</v>
      </c>
      <c r="T2358">
        <v>1080.6420000000001</v>
      </c>
      <c r="U2358">
        <v>1097.482</v>
      </c>
      <c r="V2358">
        <v>1094.588</v>
      </c>
      <c r="W2358">
        <v>1118.4390000000001</v>
      </c>
      <c r="X2358">
        <v>1141.43</v>
      </c>
      <c r="Y2358">
        <v>1157.125</v>
      </c>
    </row>
    <row r="2359" spans="1:25" x14ac:dyDescent="0.3">
      <c r="A2359">
        <v>63.166666666107872</v>
      </c>
      <c r="B2359">
        <v>963.24300000000005</v>
      </c>
      <c r="C2359">
        <v>1021.7809999999999</v>
      </c>
      <c r="D2359">
        <v>1027.9860000000001</v>
      </c>
      <c r="E2359">
        <v>1045.5730000000001</v>
      </c>
      <c r="F2359">
        <v>1058.644</v>
      </c>
      <c r="G2359">
        <v>1082.6969999999999</v>
      </c>
      <c r="H2359">
        <v>1094.0239999999999</v>
      </c>
      <c r="I2359">
        <v>1105.453</v>
      </c>
      <c r="J2359">
        <v>1116.623</v>
      </c>
      <c r="K2359">
        <v>1097.856</v>
      </c>
      <c r="L2359">
        <v>1132.1210000000001</v>
      </c>
      <c r="M2359">
        <v>1122.972</v>
      </c>
      <c r="N2359">
        <v>1117.133</v>
      </c>
      <c r="O2359">
        <v>996.23599999999999</v>
      </c>
      <c r="P2359">
        <v>0</v>
      </c>
      <c r="Q2359">
        <v>0</v>
      </c>
      <c r="R2359">
        <v>1068.076</v>
      </c>
      <c r="S2359">
        <v>0</v>
      </c>
      <c r="T2359">
        <v>1082.3409999999999</v>
      </c>
      <c r="U2359">
        <v>1098.702</v>
      </c>
      <c r="V2359">
        <v>1096.502</v>
      </c>
      <c r="W2359">
        <v>1121.6669999999999</v>
      </c>
      <c r="X2359">
        <v>1150.8140000000001</v>
      </c>
      <c r="Y2359">
        <v>1160.8800000000001</v>
      </c>
    </row>
    <row r="2360" spans="1:25" x14ac:dyDescent="0.3">
      <c r="A2360">
        <v>63.183333336670572</v>
      </c>
      <c r="B2360">
        <v>955.97400000000005</v>
      </c>
      <c r="C2360">
        <v>1022.7</v>
      </c>
      <c r="D2360">
        <v>1027.9880000000001</v>
      </c>
      <c r="E2360">
        <v>1044.2249999999999</v>
      </c>
      <c r="F2360">
        <v>1059.3699999999999</v>
      </c>
      <c r="G2360">
        <v>1083.954</v>
      </c>
      <c r="H2360">
        <v>1094.4190000000001</v>
      </c>
      <c r="I2360">
        <v>1106.828</v>
      </c>
      <c r="J2360">
        <v>1115.6990000000001</v>
      </c>
      <c r="K2360">
        <v>1099.0809999999999</v>
      </c>
      <c r="L2360">
        <v>1133.604</v>
      </c>
      <c r="M2360">
        <v>1123.885</v>
      </c>
      <c r="N2360">
        <v>1102.146</v>
      </c>
      <c r="O2360">
        <v>997.96699999999998</v>
      </c>
      <c r="P2360">
        <v>0</v>
      </c>
      <c r="Q2360">
        <v>0</v>
      </c>
      <c r="R2360">
        <v>1068.5250000000001</v>
      </c>
      <c r="S2360">
        <v>0</v>
      </c>
      <c r="T2360">
        <v>1083.336</v>
      </c>
      <c r="U2360">
        <v>1101.1869999999999</v>
      </c>
      <c r="V2360">
        <v>1099.25</v>
      </c>
      <c r="W2360">
        <v>1124.607</v>
      </c>
      <c r="X2360">
        <v>1155.5709999999999</v>
      </c>
      <c r="Y2360">
        <v>1158.2560000000001</v>
      </c>
    </row>
    <row r="2361" spans="1:25" x14ac:dyDescent="0.3">
      <c r="A2361">
        <v>63.216666667318592</v>
      </c>
      <c r="B2361">
        <v>949.02099999999996</v>
      </c>
      <c r="C2361">
        <v>1022.827</v>
      </c>
      <c r="D2361">
        <v>1029.165</v>
      </c>
      <c r="E2361">
        <v>1044.8340000000001</v>
      </c>
      <c r="F2361">
        <v>1060.6859999999999</v>
      </c>
      <c r="G2361">
        <v>1088.0519999999999</v>
      </c>
      <c r="H2361">
        <v>1098.402</v>
      </c>
      <c r="I2361">
        <v>1111.0309999999999</v>
      </c>
      <c r="J2361">
        <v>1125.0989999999999</v>
      </c>
      <c r="K2361">
        <v>1101.6369999999999</v>
      </c>
      <c r="L2361">
        <v>1136.45</v>
      </c>
      <c r="M2361">
        <v>1127.7370000000001</v>
      </c>
      <c r="N2361">
        <v>1110.8420000000001</v>
      </c>
      <c r="O2361">
        <v>994.61599999999999</v>
      </c>
      <c r="P2361">
        <v>0</v>
      </c>
      <c r="Q2361">
        <v>0</v>
      </c>
      <c r="R2361">
        <v>1067.9090000000001</v>
      </c>
      <c r="S2361">
        <v>0</v>
      </c>
      <c r="T2361">
        <v>1082.4359999999999</v>
      </c>
      <c r="U2361">
        <v>1099.7190000000001</v>
      </c>
      <c r="V2361">
        <v>1097.6500000000001</v>
      </c>
      <c r="W2361">
        <v>1121.894</v>
      </c>
      <c r="X2361">
        <v>1155.646</v>
      </c>
      <c r="Y2361">
        <v>1157.2570000000001</v>
      </c>
    </row>
    <row r="2362" spans="1:25" x14ac:dyDescent="0.3">
      <c r="A2362">
        <v>63.249999997966611</v>
      </c>
      <c r="B2362">
        <v>941.36599999999999</v>
      </c>
      <c r="C2362">
        <v>1022.973</v>
      </c>
      <c r="D2362">
        <v>1028.6669999999999</v>
      </c>
      <c r="E2362">
        <v>1045.684</v>
      </c>
      <c r="F2362">
        <v>1066.2909999999999</v>
      </c>
      <c r="G2362">
        <v>1087.827</v>
      </c>
      <c r="H2362">
        <v>1105.4159999999999</v>
      </c>
      <c r="I2362">
        <v>1118.3989999999999</v>
      </c>
      <c r="J2362">
        <v>1129.3699999999999</v>
      </c>
      <c r="K2362">
        <v>1105.078</v>
      </c>
      <c r="L2362">
        <v>1140.1690000000001</v>
      </c>
      <c r="M2362">
        <v>1127.2629999999999</v>
      </c>
      <c r="N2362">
        <v>1116.8499999999999</v>
      </c>
      <c r="O2362">
        <v>995.745</v>
      </c>
      <c r="P2362">
        <v>0</v>
      </c>
      <c r="Q2362">
        <v>0</v>
      </c>
      <c r="R2362">
        <v>1065.567</v>
      </c>
      <c r="S2362">
        <v>0</v>
      </c>
      <c r="T2362">
        <v>1080.9760000000001</v>
      </c>
      <c r="U2362">
        <v>1100.2639999999999</v>
      </c>
      <c r="V2362">
        <v>1098.6089999999999</v>
      </c>
      <c r="W2362">
        <v>1121.1389999999999</v>
      </c>
      <c r="X2362">
        <v>1149.5550000000001</v>
      </c>
      <c r="Y2362">
        <v>1160.5170000000001</v>
      </c>
    </row>
    <row r="2363" spans="1:25" x14ac:dyDescent="0.3">
      <c r="A2363">
        <v>63.266666668529311</v>
      </c>
      <c r="B2363">
        <v>950.58900000000006</v>
      </c>
      <c r="C2363">
        <v>1020.628</v>
      </c>
      <c r="D2363">
        <v>1025.3779999999999</v>
      </c>
      <c r="E2363">
        <v>1046.3510000000001</v>
      </c>
      <c r="F2363">
        <v>1066.5899999999999</v>
      </c>
      <c r="G2363">
        <v>1091.386</v>
      </c>
      <c r="H2363">
        <v>1107.1289999999999</v>
      </c>
      <c r="I2363">
        <v>1118.4570000000001</v>
      </c>
      <c r="J2363">
        <v>1126.182</v>
      </c>
      <c r="K2363">
        <v>1102.165</v>
      </c>
      <c r="L2363">
        <v>1136.471</v>
      </c>
      <c r="M2363">
        <v>1128.232</v>
      </c>
      <c r="N2363">
        <v>1100.4349999999999</v>
      </c>
      <c r="O2363">
        <v>994.76300000000003</v>
      </c>
      <c r="P2363">
        <v>0</v>
      </c>
      <c r="Q2363">
        <v>0</v>
      </c>
      <c r="R2363">
        <v>1066.7570000000001</v>
      </c>
      <c r="S2363">
        <v>0</v>
      </c>
      <c r="T2363">
        <v>1080.4929999999999</v>
      </c>
      <c r="U2363">
        <v>1098.7239999999999</v>
      </c>
      <c r="V2363">
        <v>1099.194</v>
      </c>
      <c r="W2363">
        <v>1122.047</v>
      </c>
      <c r="X2363">
        <v>1151.3340000000001</v>
      </c>
      <c r="Y2363">
        <v>1161.0170000000001</v>
      </c>
    </row>
    <row r="2364" spans="1:25" x14ac:dyDescent="0.3">
      <c r="A2364">
        <v>63.299999999177331</v>
      </c>
      <c r="B2364">
        <v>943.952</v>
      </c>
      <c r="C2364">
        <v>1019.784</v>
      </c>
      <c r="D2364">
        <v>1024.0940000000001</v>
      </c>
      <c r="E2364">
        <v>1045.1869999999999</v>
      </c>
      <c r="F2364">
        <v>1065.625</v>
      </c>
      <c r="G2364">
        <v>1089.626</v>
      </c>
      <c r="H2364">
        <v>1103.067</v>
      </c>
      <c r="I2364">
        <v>1116.568</v>
      </c>
      <c r="J2364">
        <v>1124.797</v>
      </c>
      <c r="K2364">
        <v>1103.6500000000001</v>
      </c>
      <c r="L2364">
        <v>1138.74</v>
      </c>
      <c r="M2364">
        <v>1125.7650000000001</v>
      </c>
      <c r="N2364">
        <v>1086.856</v>
      </c>
      <c r="O2364">
        <v>995.85599999999999</v>
      </c>
      <c r="P2364">
        <v>0</v>
      </c>
      <c r="Q2364">
        <v>0</v>
      </c>
      <c r="R2364">
        <v>1064.9570000000001</v>
      </c>
      <c r="S2364">
        <v>0</v>
      </c>
      <c r="T2364">
        <v>1077.808</v>
      </c>
      <c r="U2364">
        <v>1096.4670000000001</v>
      </c>
      <c r="V2364">
        <v>1098.2529999999999</v>
      </c>
      <c r="W2364">
        <v>1122.576</v>
      </c>
      <c r="X2364">
        <v>1150.1289999999999</v>
      </c>
      <c r="Y2364">
        <v>1156.971</v>
      </c>
    </row>
    <row r="2365" spans="1:25" x14ac:dyDescent="0.3">
      <c r="A2365">
        <v>63.31666666974003</v>
      </c>
      <c r="B2365">
        <v>952.96400000000006</v>
      </c>
      <c r="C2365">
        <v>1020.405</v>
      </c>
      <c r="D2365">
        <v>1022.753</v>
      </c>
      <c r="E2365">
        <v>1043.28</v>
      </c>
      <c r="F2365">
        <v>1058.7739999999999</v>
      </c>
      <c r="G2365">
        <v>1085.693</v>
      </c>
      <c r="H2365">
        <v>1097.9690000000001</v>
      </c>
      <c r="I2365">
        <v>1110.1610000000001</v>
      </c>
      <c r="J2365">
        <v>1120.1179999999999</v>
      </c>
      <c r="K2365">
        <v>1099.662</v>
      </c>
      <c r="L2365">
        <v>1135.538</v>
      </c>
      <c r="M2365">
        <v>1124.585</v>
      </c>
      <c r="N2365">
        <v>1087.115</v>
      </c>
      <c r="O2365">
        <v>995.54399999999998</v>
      </c>
      <c r="P2365">
        <v>0</v>
      </c>
      <c r="Q2365">
        <v>0</v>
      </c>
      <c r="R2365">
        <v>1066.068</v>
      </c>
      <c r="S2365">
        <v>0</v>
      </c>
      <c r="T2365">
        <v>1077.806</v>
      </c>
      <c r="U2365">
        <v>1095.412</v>
      </c>
      <c r="V2365">
        <v>1096.4839999999999</v>
      </c>
      <c r="W2365">
        <v>1119.778</v>
      </c>
      <c r="X2365">
        <v>1146.1780000000001</v>
      </c>
      <c r="Y2365">
        <v>1155.4349999999999</v>
      </c>
    </row>
    <row r="2366" spans="1:25" x14ac:dyDescent="0.3">
      <c r="A2366">
        <v>63.35000000038805</v>
      </c>
      <c r="B2366">
        <v>944.04</v>
      </c>
      <c r="C2366">
        <v>1017.16</v>
      </c>
      <c r="D2366">
        <v>1024.5139999999999</v>
      </c>
      <c r="E2366">
        <v>1044.9079999999999</v>
      </c>
      <c r="F2366">
        <v>1057.048</v>
      </c>
      <c r="G2366">
        <v>1086.479</v>
      </c>
      <c r="H2366">
        <v>1098.5899999999999</v>
      </c>
      <c r="I2366">
        <v>1113.0340000000001</v>
      </c>
      <c r="J2366">
        <v>1121.6859999999999</v>
      </c>
      <c r="K2366">
        <v>1100.1510000000001</v>
      </c>
      <c r="L2366">
        <v>1133.6790000000001</v>
      </c>
      <c r="M2366">
        <v>1124.9280000000001</v>
      </c>
      <c r="N2366">
        <v>1106.5820000000001</v>
      </c>
      <c r="O2366">
        <v>995.87199999999996</v>
      </c>
      <c r="P2366">
        <v>0</v>
      </c>
      <c r="Q2366">
        <v>0</v>
      </c>
      <c r="R2366">
        <v>1068.2629999999999</v>
      </c>
      <c r="S2366">
        <v>0</v>
      </c>
      <c r="T2366">
        <v>1079.354</v>
      </c>
      <c r="U2366">
        <v>1096.597</v>
      </c>
      <c r="V2366">
        <v>1097.1990000000001</v>
      </c>
      <c r="W2366">
        <v>1120.4580000000001</v>
      </c>
      <c r="X2366">
        <v>1143.489</v>
      </c>
      <c r="Y2366">
        <v>1153.346</v>
      </c>
    </row>
    <row r="2367" spans="1:25" x14ac:dyDescent="0.3">
      <c r="A2367">
        <v>63.38333333103607</v>
      </c>
      <c r="B2367">
        <v>943.82399999999996</v>
      </c>
      <c r="C2367">
        <v>1017.838</v>
      </c>
      <c r="D2367">
        <v>1025.816</v>
      </c>
      <c r="E2367">
        <v>1045.203</v>
      </c>
      <c r="F2367">
        <v>1054.5609999999999</v>
      </c>
      <c r="G2367">
        <v>1084.72</v>
      </c>
      <c r="H2367">
        <v>1096.1079999999999</v>
      </c>
      <c r="I2367">
        <v>1111.8620000000001</v>
      </c>
      <c r="J2367">
        <v>1122.2339999999999</v>
      </c>
      <c r="K2367">
        <v>1103.6300000000001</v>
      </c>
      <c r="L2367">
        <v>1138.8340000000001</v>
      </c>
      <c r="M2367">
        <v>1128.857</v>
      </c>
      <c r="N2367">
        <v>1089.175</v>
      </c>
      <c r="O2367">
        <v>990.52099999999996</v>
      </c>
      <c r="P2367">
        <v>0</v>
      </c>
      <c r="Q2367">
        <v>0</v>
      </c>
      <c r="R2367">
        <v>1067.741</v>
      </c>
      <c r="S2367">
        <v>0</v>
      </c>
      <c r="T2367">
        <v>1080.3050000000001</v>
      </c>
      <c r="U2367">
        <v>1096.127</v>
      </c>
      <c r="V2367">
        <v>1094.7170000000001</v>
      </c>
      <c r="W2367">
        <v>1116.944</v>
      </c>
      <c r="X2367">
        <v>1141.905</v>
      </c>
      <c r="Y2367">
        <v>1156.011</v>
      </c>
    </row>
    <row r="2368" spans="1:25" x14ac:dyDescent="0.3">
      <c r="A2368">
        <v>63.400000001598769</v>
      </c>
      <c r="B2368">
        <v>942.03099999999995</v>
      </c>
      <c r="C2368">
        <v>1017.877</v>
      </c>
      <c r="D2368">
        <v>1023.837</v>
      </c>
      <c r="E2368">
        <v>1046.5550000000001</v>
      </c>
      <c r="F2368">
        <v>1057.9960000000001</v>
      </c>
      <c r="G2368">
        <v>1084.1969999999999</v>
      </c>
      <c r="H2368">
        <v>1093.0899999999999</v>
      </c>
      <c r="I2368">
        <v>1110.3900000000001</v>
      </c>
      <c r="J2368">
        <v>1123.297</v>
      </c>
      <c r="K2368">
        <v>1104.0830000000001</v>
      </c>
      <c r="L2368">
        <v>1133.491</v>
      </c>
      <c r="M2368">
        <v>1125.1569999999999</v>
      </c>
      <c r="N2368">
        <v>1095.452</v>
      </c>
      <c r="O2368">
        <v>991.851</v>
      </c>
      <c r="P2368">
        <v>0</v>
      </c>
      <c r="Q2368">
        <v>0</v>
      </c>
      <c r="R2368">
        <v>1066.683</v>
      </c>
      <c r="S2368">
        <v>0</v>
      </c>
      <c r="T2368">
        <v>1080.94</v>
      </c>
      <c r="U2368">
        <v>1097.7270000000001</v>
      </c>
      <c r="V2368">
        <v>1098.0650000000001</v>
      </c>
      <c r="W2368">
        <v>1118.3630000000001</v>
      </c>
      <c r="X2368">
        <v>1141.258</v>
      </c>
      <c r="Y2368">
        <v>1157.22</v>
      </c>
    </row>
    <row r="2369" spans="1:19" x14ac:dyDescent="0.3">
      <c r="A2369">
        <v>63.433333332246789</v>
      </c>
      <c r="B2369">
        <v>937.45299999999997</v>
      </c>
      <c r="C2369">
        <v>1018.462</v>
      </c>
      <c r="D2369">
        <v>1023.028</v>
      </c>
      <c r="E2369">
        <v>1043.6320000000001</v>
      </c>
      <c r="F2369">
        <v>1056.77</v>
      </c>
      <c r="G2369">
        <v>1085.075</v>
      </c>
      <c r="H2369">
        <v>1092.3209999999999</v>
      </c>
      <c r="I2369">
        <v>1108.2750000000001</v>
      </c>
      <c r="J2369">
        <v>1122.0640000000001</v>
      </c>
      <c r="K2369">
        <v>1100.5840000000001</v>
      </c>
      <c r="L2369">
        <v>1132.54</v>
      </c>
      <c r="M2369">
        <v>1122.1780000000001</v>
      </c>
      <c r="P2369">
        <v>0</v>
      </c>
      <c r="Q2369">
        <v>0</v>
      </c>
      <c r="S2369">
        <v>0</v>
      </c>
    </row>
    <row r="2370" spans="1:19" x14ac:dyDescent="0.3">
      <c r="A2370">
        <v>63.450000002809489</v>
      </c>
      <c r="B2370">
        <v>942.67700000000002</v>
      </c>
      <c r="C2370">
        <v>1017.07</v>
      </c>
      <c r="D2370">
        <v>1025.433</v>
      </c>
      <c r="E2370">
        <v>1049.0129999999999</v>
      </c>
      <c r="F2370">
        <v>1062.2470000000001</v>
      </c>
      <c r="G2370">
        <v>1088.0160000000001</v>
      </c>
      <c r="H2370">
        <v>1092.9960000000001</v>
      </c>
      <c r="I2370">
        <v>1108.4269999999999</v>
      </c>
      <c r="J2370">
        <v>1120.838</v>
      </c>
      <c r="K2370">
        <v>1100.454</v>
      </c>
      <c r="L2370">
        <v>1132.4839999999999</v>
      </c>
      <c r="M2370">
        <v>1123.05</v>
      </c>
      <c r="P2370">
        <v>0</v>
      </c>
      <c r="Q2370">
        <v>0</v>
      </c>
      <c r="S2370">
        <v>0</v>
      </c>
    </row>
    <row r="2371" spans="1:19" x14ac:dyDescent="0.3">
      <c r="A2371">
        <v>63.483333333457509</v>
      </c>
      <c r="B2371">
        <v>947.76199999999994</v>
      </c>
      <c r="C2371">
        <v>1018.72</v>
      </c>
      <c r="D2371">
        <v>1023.654</v>
      </c>
      <c r="E2371">
        <v>1047.0350000000001</v>
      </c>
      <c r="F2371">
        <v>1064.53</v>
      </c>
      <c r="G2371">
        <v>1088.634</v>
      </c>
      <c r="H2371">
        <v>1100.454</v>
      </c>
      <c r="I2371">
        <v>1113.337</v>
      </c>
      <c r="J2371">
        <v>1123.4680000000001</v>
      </c>
      <c r="K2371">
        <v>1104.1959999999999</v>
      </c>
      <c r="L2371">
        <v>1135.028</v>
      </c>
      <c r="M2371">
        <v>1125.556</v>
      </c>
      <c r="P2371">
        <v>0</v>
      </c>
      <c r="Q2371">
        <v>0</v>
      </c>
      <c r="S2371">
        <v>0</v>
      </c>
    </row>
    <row r="2372" spans="1:19" x14ac:dyDescent="0.3">
      <c r="A2372">
        <v>63.516666664105529</v>
      </c>
      <c r="B2372">
        <v>938.83699999999999</v>
      </c>
      <c r="C2372">
        <v>1018.665</v>
      </c>
      <c r="D2372">
        <v>1024.9190000000001</v>
      </c>
      <c r="E2372">
        <v>1050.3440000000001</v>
      </c>
      <c r="F2372">
        <v>1066.404</v>
      </c>
      <c r="G2372">
        <v>1088.3530000000001</v>
      </c>
      <c r="H2372">
        <v>1098.1780000000001</v>
      </c>
      <c r="I2372">
        <v>1108.182</v>
      </c>
      <c r="J2372">
        <v>1121.537</v>
      </c>
      <c r="K2372">
        <v>1100.2280000000001</v>
      </c>
      <c r="L2372">
        <v>1130.396</v>
      </c>
      <c r="M2372">
        <v>1120.0440000000001</v>
      </c>
      <c r="P2372">
        <v>0</v>
      </c>
      <c r="Q2372">
        <v>0</v>
      </c>
      <c r="S2372">
        <v>0</v>
      </c>
    </row>
    <row r="2373" spans="1:19" x14ac:dyDescent="0.3">
      <c r="A2373">
        <v>63.533333334668228</v>
      </c>
      <c r="B2373">
        <v>937.05899999999997</v>
      </c>
      <c r="C2373">
        <v>1017.967</v>
      </c>
      <c r="D2373">
        <v>1022.167</v>
      </c>
      <c r="E2373">
        <v>1049.4549999999999</v>
      </c>
      <c r="F2373">
        <v>1063.7670000000001</v>
      </c>
      <c r="G2373">
        <v>1087.191</v>
      </c>
      <c r="H2373">
        <v>1098.797</v>
      </c>
      <c r="I2373">
        <v>1109.7840000000001</v>
      </c>
      <c r="J2373">
        <v>1117.4359999999999</v>
      </c>
      <c r="K2373">
        <v>1097.3119999999999</v>
      </c>
      <c r="L2373">
        <v>1127.9649999999999</v>
      </c>
      <c r="M2373">
        <v>1118.3050000000001</v>
      </c>
      <c r="P2373">
        <v>0</v>
      </c>
      <c r="Q2373">
        <v>0</v>
      </c>
      <c r="S2373">
        <v>0</v>
      </c>
    </row>
    <row r="2374" spans="1:19" x14ac:dyDescent="0.3">
      <c r="A2374">
        <v>63.566666665316248</v>
      </c>
      <c r="B2374">
        <v>945.42100000000005</v>
      </c>
      <c r="C2374">
        <v>1016.096</v>
      </c>
      <c r="D2374">
        <v>1020.534</v>
      </c>
      <c r="E2374">
        <v>1044.6489999999999</v>
      </c>
      <c r="F2374">
        <v>1058.5519999999999</v>
      </c>
      <c r="G2374">
        <v>1085.8989999999999</v>
      </c>
      <c r="H2374">
        <v>1096.7850000000001</v>
      </c>
      <c r="I2374">
        <v>1111.05</v>
      </c>
      <c r="J2374">
        <v>1119.4760000000001</v>
      </c>
      <c r="K2374">
        <v>1102.05</v>
      </c>
      <c r="L2374">
        <v>1134.058</v>
      </c>
      <c r="M2374">
        <v>1125.0989999999999</v>
      </c>
      <c r="P2374">
        <v>0</v>
      </c>
      <c r="Q2374">
        <v>0</v>
      </c>
      <c r="S2374">
        <v>0</v>
      </c>
    </row>
    <row r="2375" spans="1:19" x14ac:dyDescent="0.3">
      <c r="A2375">
        <v>63.583333335878947</v>
      </c>
      <c r="B2375">
        <v>950.33699999999999</v>
      </c>
      <c r="C2375">
        <v>1016.134</v>
      </c>
      <c r="D2375">
        <v>1021.985</v>
      </c>
      <c r="E2375">
        <v>1044.54</v>
      </c>
      <c r="F2375">
        <v>1061.653</v>
      </c>
      <c r="G2375">
        <v>1085.171</v>
      </c>
      <c r="H2375">
        <v>1094.588</v>
      </c>
      <c r="I2375">
        <v>1108.615</v>
      </c>
      <c r="J2375">
        <v>1121.7260000000001</v>
      </c>
      <c r="K2375">
        <v>1101.92</v>
      </c>
      <c r="L2375">
        <v>1133.7370000000001</v>
      </c>
      <c r="M2375">
        <v>1125.1569999999999</v>
      </c>
      <c r="P2375">
        <v>0</v>
      </c>
      <c r="Q2375">
        <v>0</v>
      </c>
      <c r="S2375">
        <v>0</v>
      </c>
    </row>
    <row r="2376" spans="1:19" x14ac:dyDescent="0.3">
      <c r="A2376">
        <v>63.616666666526967</v>
      </c>
      <c r="B2376">
        <v>953.23699999999997</v>
      </c>
      <c r="C2376">
        <v>1017.18</v>
      </c>
      <c r="D2376">
        <v>1024.809</v>
      </c>
      <c r="E2376">
        <v>1043.4490000000001</v>
      </c>
      <c r="F2376">
        <v>1056.623</v>
      </c>
      <c r="G2376">
        <v>1081.6320000000001</v>
      </c>
      <c r="H2376">
        <v>1090.5809999999999</v>
      </c>
      <c r="I2376">
        <v>1104.6849999999999</v>
      </c>
      <c r="J2376">
        <v>1117.588</v>
      </c>
      <c r="K2376">
        <v>1102.0709999999999</v>
      </c>
      <c r="L2376">
        <v>1131.44</v>
      </c>
      <c r="M2376">
        <v>1123.221</v>
      </c>
      <c r="P2376">
        <v>0</v>
      </c>
      <c r="Q2376">
        <v>0</v>
      </c>
      <c r="S2376">
        <v>0</v>
      </c>
    </row>
    <row r="2377" spans="1:19" x14ac:dyDescent="0.3">
      <c r="A2377">
        <v>63.649999997174987</v>
      </c>
      <c r="B2377">
        <v>961.96199999999999</v>
      </c>
      <c r="C2377">
        <v>1018.72</v>
      </c>
      <c r="D2377">
        <v>1025.2860000000001</v>
      </c>
      <c r="E2377">
        <v>1046.3330000000001</v>
      </c>
      <c r="F2377">
        <v>1060.78</v>
      </c>
      <c r="G2377">
        <v>1085.1890000000001</v>
      </c>
      <c r="H2377">
        <v>1094.3820000000001</v>
      </c>
      <c r="I2377">
        <v>1105.9259999999999</v>
      </c>
      <c r="J2377">
        <v>1117.3240000000001</v>
      </c>
      <c r="K2377">
        <v>1100.2470000000001</v>
      </c>
      <c r="L2377">
        <v>1127.8910000000001</v>
      </c>
      <c r="M2377">
        <v>1117.8720000000001</v>
      </c>
      <c r="P2377">
        <v>0</v>
      </c>
      <c r="Q2377">
        <v>0</v>
      </c>
      <c r="S2377">
        <v>0</v>
      </c>
    </row>
    <row r="2378" spans="1:19" x14ac:dyDescent="0.3">
      <c r="A2378">
        <v>63.666666667737687</v>
      </c>
      <c r="B2378">
        <v>964.6</v>
      </c>
      <c r="C2378">
        <v>1020.316</v>
      </c>
      <c r="D2378">
        <v>1026.001</v>
      </c>
      <c r="E2378">
        <v>1047.239</v>
      </c>
      <c r="F2378">
        <v>1063.4349999999999</v>
      </c>
      <c r="G2378">
        <v>1087.0989999999999</v>
      </c>
      <c r="H2378">
        <v>1095.038</v>
      </c>
      <c r="I2378">
        <v>1106.396</v>
      </c>
      <c r="J2378">
        <v>1119.421</v>
      </c>
      <c r="K2378">
        <v>1101.45</v>
      </c>
      <c r="L2378">
        <v>1131.232</v>
      </c>
      <c r="M2378">
        <v>1118.816</v>
      </c>
      <c r="P2378">
        <v>0</v>
      </c>
      <c r="Q2378">
        <v>0</v>
      </c>
      <c r="S2378">
        <v>0</v>
      </c>
    </row>
    <row r="2379" spans="1:19" x14ac:dyDescent="0.3">
      <c r="A2379">
        <v>63.699999998385707</v>
      </c>
      <c r="B2379">
        <v>957.23500000000001</v>
      </c>
      <c r="C2379">
        <v>1021.9109999999999</v>
      </c>
      <c r="D2379">
        <v>1025.249</v>
      </c>
      <c r="E2379">
        <v>1049.42</v>
      </c>
      <c r="F2379">
        <v>1064.4179999999999</v>
      </c>
      <c r="G2379">
        <v>1088.204</v>
      </c>
      <c r="H2379">
        <v>1096.241</v>
      </c>
      <c r="I2379">
        <v>1106.057</v>
      </c>
      <c r="J2379">
        <v>1120.2329999999999</v>
      </c>
      <c r="K2379">
        <v>1101.789</v>
      </c>
      <c r="L2379">
        <v>1134.269</v>
      </c>
      <c r="M2379">
        <v>1124.4359999999999</v>
      </c>
      <c r="P2379">
        <v>0</v>
      </c>
      <c r="Q2379">
        <v>0</v>
      </c>
      <c r="S2379">
        <v>0</v>
      </c>
    </row>
    <row r="2380" spans="1:19" x14ac:dyDescent="0.3">
      <c r="A2380">
        <v>63.733333339511105</v>
      </c>
      <c r="B2380">
        <v>954.64099999999996</v>
      </c>
      <c r="C2380">
        <v>1020.756</v>
      </c>
      <c r="D2380">
        <v>1024.241</v>
      </c>
      <c r="E2380">
        <v>1048.07</v>
      </c>
      <c r="F2380">
        <v>1061.7639999999999</v>
      </c>
      <c r="G2380">
        <v>1087.6420000000001</v>
      </c>
      <c r="H2380">
        <v>1097.069</v>
      </c>
      <c r="I2380">
        <v>1108.7090000000001</v>
      </c>
      <c r="J2380">
        <v>1122.8219999999999</v>
      </c>
      <c r="K2380">
        <v>1106.6400000000001</v>
      </c>
      <c r="L2380">
        <v>1135.787</v>
      </c>
      <c r="M2380">
        <v>1126.771</v>
      </c>
      <c r="P2380">
        <v>0</v>
      </c>
      <c r="Q2380">
        <v>0</v>
      </c>
      <c r="S2380">
        <v>0</v>
      </c>
    </row>
    <row r="2381" spans="1:19" x14ac:dyDescent="0.3">
      <c r="A2381">
        <v>63.749999999596426</v>
      </c>
      <c r="B2381">
        <v>942.60599999999999</v>
      </c>
      <c r="C2381">
        <v>1020.133</v>
      </c>
      <c r="D2381">
        <v>1023.232</v>
      </c>
      <c r="E2381">
        <v>1048.107</v>
      </c>
      <c r="F2381">
        <v>1062.432</v>
      </c>
      <c r="G2381">
        <v>1086.2190000000001</v>
      </c>
      <c r="H2381">
        <v>1099.8889999999999</v>
      </c>
      <c r="I2381">
        <v>1113.5830000000001</v>
      </c>
      <c r="J2381">
        <v>1124.3030000000001</v>
      </c>
      <c r="K2381">
        <v>1107.4110000000001</v>
      </c>
      <c r="L2381">
        <v>1136.7370000000001</v>
      </c>
      <c r="M2381">
        <v>1126.068</v>
      </c>
      <c r="P2381">
        <v>0</v>
      </c>
      <c r="Q2381">
        <v>0</v>
      </c>
      <c r="S2381">
        <v>0</v>
      </c>
    </row>
    <row r="2382" spans="1:19" x14ac:dyDescent="0.3">
      <c r="A2382">
        <v>63.783333330244446</v>
      </c>
      <c r="B2382">
        <v>932.57299999999998</v>
      </c>
      <c r="C2382">
        <v>1013.785</v>
      </c>
      <c r="D2382">
        <v>1020.699</v>
      </c>
      <c r="E2382">
        <v>1050.8789999999999</v>
      </c>
      <c r="F2382">
        <v>1065.883</v>
      </c>
      <c r="G2382">
        <v>1087.2280000000001</v>
      </c>
      <c r="H2382">
        <v>1098.252</v>
      </c>
      <c r="I2382">
        <v>1113.317</v>
      </c>
      <c r="J2382">
        <v>1121.819</v>
      </c>
      <c r="K2382">
        <v>1104.5139999999999</v>
      </c>
      <c r="L2382">
        <v>1132.3879999999999</v>
      </c>
      <c r="M2382">
        <v>1121.5540000000001</v>
      </c>
      <c r="P2382">
        <v>0</v>
      </c>
      <c r="Q2382">
        <v>0</v>
      </c>
      <c r="S2382">
        <v>0</v>
      </c>
    </row>
    <row r="2383" spans="1:19" x14ac:dyDescent="0.3">
      <c r="A2383">
        <v>63.800000000807145</v>
      </c>
      <c r="B2383">
        <v>941.15200000000004</v>
      </c>
      <c r="C2383">
        <v>1015.218</v>
      </c>
      <c r="D2383">
        <v>1021.398</v>
      </c>
      <c r="E2383">
        <v>1048.5139999999999</v>
      </c>
      <c r="F2383">
        <v>1063.9359999999999</v>
      </c>
      <c r="G2383">
        <v>1085.8820000000001</v>
      </c>
      <c r="H2383">
        <v>1098.761</v>
      </c>
      <c r="I2383">
        <v>1109.8050000000001</v>
      </c>
      <c r="J2383">
        <v>1119.0429999999999</v>
      </c>
      <c r="K2383">
        <v>1099.777</v>
      </c>
      <c r="L2383">
        <v>1131.232</v>
      </c>
      <c r="M2383">
        <v>1122.501</v>
      </c>
      <c r="P2383">
        <v>0</v>
      </c>
      <c r="Q2383">
        <v>0</v>
      </c>
      <c r="S2383">
        <v>0</v>
      </c>
    </row>
    <row r="2384" spans="1:19" x14ac:dyDescent="0.3">
      <c r="A2384">
        <v>63.833333331455165</v>
      </c>
      <c r="B2384">
        <v>931.71600000000001</v>
      </c>
      <c r="C2384">
        <v>1010.532</v>
      </c>
      <c r="D2384">
        <v>1019.527</v>
      </c>
      <c r="E2384">
        <v>1045.3530000000001</v>
      </c>
      <c r="F2384">
        <v>1061.597</v>
      </c>
      <c r="G2384">
        <v>1086.069</v>
      </c>
      <c r="H2384">
        <v>1098.855</v>
      </c>
      <c r="I2384">
        <v>1107.5239999999999</v>
      </c>
      <c r="J2384">
        <v>1118.5899999999999</v>
      </c>
      <c r="K2384">
        <v>1101.431</v>
      </c>
      <c r="L2384">
        <v>1133.9269999999999</v>
      </c>
      <c r="M2384">
        <v>1122.9359999999999</v>
      </c>
      <c r="P2384">
        <v>0</v>
      </c>
      <c r="Q2384">
        <v>0</v>
      </c>
      <c r="S2384">
        <v>0</v>
      </c>
    </row>
    <row r="2385" spans="1:19" x14ac:dyDescent="0.3">
      <c r="A2385">
        <v>63.866666672580564</v>
      </c>
      <c r="B2385">
        <v>919.89400000000001</v>
      </c>
      <c r="C2385">
        <v>1014.466</v>
      </c>
      <c r="D2385">
        <v>1023.104</v>
      </c>
      <c r="E2385">
        <v>1043.93</v>
      </c>
      <c r="F2385">
        <v>1065.5139999999999</v>
      </c>
      <c r="G2385">
        <v>1086.463</v>
      </c>
      <c r="H2385">
        <v>1097.8219999999999</v>
      </c>
      <c r="I2385">
        <v>1108.634</v>
      </c>
      <c r="J2385">
        <v>1119.9690000000001</v>
      </c>
      <c r="K2385">
        <v>1107.6559999999999</v>
      </c>
      <c r="L2385">
        <v>1133.9849999999999</v>
      </c>
      <c r="M2385">
        <v>1123.7909999999999</v>
      </c>
      <c r="P2385">
        <v>0</v>
      </c>
      <c r="Q2385">
        <v>0</v>
      </c>
      <c r="S2385">
        <v>0</v>
      </c>
    </row>
    <row r="2386" spans="1:19" x14ac:dyDescent="0.3">
      <c r="A2386">
        <v>63.883333332665885</v>
      </c>
      <c r="B2386">
        <v>920.25099999999998</v>
      </c>
      <c r="C2386">
        <v>1013.751</v>
      </c>
      <c r="D2386">
        <v>1021.49</v>
      </c>
      <c r="E2386">
        <v>1043.9670000000001</v>
      </c>
      <c r="F2386">
        <v>1060.874</v>
      </c>
      <c r="G2386">
        <v>1083.673</v>
      </c>
      <c r="H2386">
        <v>1093.896</v>
      </c>
      <c r="I2386">
        <v>1111.5239999999999</v>
      </c>
      <c r="J2386">
        <v>1122.123</v>
      </c>
      <c r="K2386">
        <v>1110.4100000000001</v>
      </c>
      <c r="L2386">
        <v>1137.691</v>
      </c>
      <c r="M2386">
        <v>1125.557</v>
      </c>
      <c r="P2386">
        <v>0</v>
      </c>
      <c r="Q2386">
        <v>0</v>
      </c>
      <c r="S2386">
        <v>0</v>
      </c>
    </row>
    <row r="2387" spans="1:19" x14ac:dyDescent="0.3">
      <c r="A2387">
        <v>63.916666663313904</v>
      </c>
      <c r="B2387">
        <v>918.82399999999996</v>
      </c>
      <c r="C2387">
        <v>1013.697</v>
      </c>
      <c r="D2387">
        <v>1016.374</v>
      </c>
      <c r="E2387">
        <v>1041.749</v>
      </c>
      <c r="F2387">
        <v>1060.4110000000001</v>
      </c>
      <c r="G2387">
        <v>1082.981</v>
      </c>
      <c r="H2387">
        <v>1091.2</v>
      </c>
      <c r="I2387">
        <v>1109.3900000000001</v>
      </c>
      <c r="J2387">
        <v>1120.953</v>
      </c>
      <c r="K2387">
        <v>1106.134</v>
      </c>
      <c r="L2387">
        <v>1138.4739999999999</v>
      </c>
      <c r="M2387">
        <v>1127.4359999999999</v>
      </c>
      <c r="P2387">
        <v>0</v>
      </c>
      <c r="Q2387">
        <v>0</v>
      </c>
      <c r="S2387">
        <v>0</v>
      </c>
    </row>
    <row r="2388" spans="1:19" x14ac:dyDescent="0.3">
      <c r="A2388">
        <v>63.933333333876604</v>
      </c>
      <c r="B2388">
        <v>926.06399999999996</v>
      </c>
      <c r="C2388">
        <v>1012.962</v>
      </c>
      <c r="D2388">
        <v>1015.713</v>
      </c>
      <c r="E2388">
        <v>1038.741</v>
      </c>
      <c r="F2388">
        <v>1055.7329999999999</v>
      </c>
      <c r="G2388">
        <v>1079.2260000000001</v>
      </c>
      <c r="H2388">
        <v>1086.875</v>
      </c>
      <c r="I2388">
        <v>1101.6010000000001</v>
      </c>
      <c r="J2388">
        <v>1114.7550000000001</v>
      </c>
      <c r="K2388">
        <v>1102.184</v>
      </c>
      <c r="L2388">
        <v>1133.624</v>
      </c>
      <c r="M2388">
        <v>1124.4939999999999</v>
      </c>
      <c r="P2388">
        <v>0</v>
      </c>
      <c r="Q2388">
        <v>0</v>
      </c>
      <c r="S2388">
        <v>0</v>
      </c>
    </row>
    <row r="2389" spans="1:19" x14ac:dyDescent="0.3">
      <c r="A2389">
        <v>63.966666664524624</v>
      </c>
      <c r="B2389">
        <v>931.43</v>
      </c>
      <c r="C2389">
        <v>1013.567</v>
      </c>
      <c r="D2389">
        <v>1014.319</v>
      </c>
      <c r="E2389">
        <v>1037.617</v>
      </c>
      <c r="F2389">
        <v>1055.4159999999999</v>
      </c>
      <c r="G2389">
        <v>1082.3440000000001</v>
      </c>
      <c r="H2389">
        <v>1087.979</v>
      </c>
      <c r="I2389">
        <v>1106.6220000000001</v>
      </c>
      <c r="J2389">
        <v>1122.501</v>
      </c>
      <c r="K2389">
        <v>1108.992</v>
      </c>
      <c r="L2389">
        <v>1132.3140000000001</v>
      </c>
      <c r="M2389">
        <v>1123.866</v>
      </c>
      <c r="P2389">
        <v>0</v>
      </c>
      <c r="Q2389">
        <v>0</v>
      </c>
      <c r="S2389">
        <v>0</v>
      </c>
    </row>
    <row r="2390" spans="1:19" x14ac:dyDescent="0.3">
      <c r="A2390">
        <v>64.000000005650023</v>
      </c>
      <c r="B2390">
        <v>943.96900000000005</v>
      </c>
      <c r="C2390">
        <v>1016.4829999999999</v>
      </c>
      <c r="D2390">
        <v>1018.849</v>
      </c>
      <c r="E2390">
        <v>1042.636</v>
      </c>
      <c r="F2390">
        <v>1059.723</v>
      </c>
      <c r="G2390">
        <v>1086.2570000000001</v>
      </c>
      <c r="H2390">
        <v>1094.607</v>
      </c>
      <c r="I2390">
        <v>1108.3520000000001</v>
      </c>
      <c r="J2390">
        <v>1123.829</v>
      </c>
      <c r="K2390">
        <v>1102.202</v>
      </c>
      <c r="L2390">
        <v>1131.6679999999999</v>
      </c>
      <c r="M2390">
        <v>1122.463</v>
      </c>
      <c r="P2390">
        <v>0</v>
      </c>
      <c r="Q2390">
        <v>0</v>
      </c>
      <c r="S2390">
        <v>0</v>
      </c>
    </row>
    <row r="2391" spans="1:19" x14ac:dyDescent="0.3">
      <c r="A2391">
        <v>64.016666665735343</v>
      </c>
      <c r="B2391">
        <v>944.97500000000002</v>
      </c>
      <c r="C2391">
        <v>1019.986</v>
      </c>
      <c r="D2391">
        <v>1022.902</v>
      </c>
      <c r="E2391">
        <v>1042.1189999999999</v>
      </c>
      <c r="F2391">
        <v>1057.8489999999999</v>
      </c>
      <c r="G2391">
        <v>1083.7860000000001</v>
      </c>
      <c r="H2391">
        <v>1095.1510000000001</v>
      </c>
      <c r="I2391">
        <v>1107.0730000000001</v>
      </c>
      <c r="J2391">
        <v>1122.614</v>
      </c>
      <c r="K2391">
        <v>1106.7729999999999</v>
      </c>
      <c r="L2391">
        <v>1133.2629999999999</v>
      </c>
      <c r="M2391">
        <v>1120.0260000000001</v>
      </c>
      <c r="P2391">
        <v>0</v>
      </c>
      <c r="Q2391">
        <v>0</v>
      </c>
      <c r="S2391">
        <v>0</v>
      </c>
    </row>
    <row r="2392" spans="1:19" x14ac:dyDescent="0.3">
      <c r="A2392">
        <v>64.049999996383363</v>
      </c>
      <c r="B2392">
        <v>935.94799999999998</v>
      </c>
      <c r="C2392">
        <v>1012.761</v>
      </c>
      <c r="D2392">
        <v>1018.115</v>
      </c>
      <c r="E2392">
        <v>1041.915</v>
      </c>
      <c r="F2392">
        <v>1057.087</v>
      </c>
      <c r="G2392">
        <v>1083.3920000000001</v>
      </c>
      <c r="H2392">
        <v>1092.4349999999999</v>
      </c>
      <c r="I2392">
        <v>1105.268</v>
      </c>
      <c r="J2392">
        <v>1118.287</v>
      </c>
      <c r="K2392">
        <v>1104.1210000000001</v>
      </c>
      <c r="L2392">
        <v>1132.9780000000001</v>
      </c>
      <c r="M2392">
        <v>1121.2159999999999</v>
      </c>
      <c r="P2392">
        <v>0</v>
      </c>
      <c r="Q2392">
        <v>0</v>
      </c>
      <c r="S2392">
        <v>0</v>
      </c>
    </row>
    <row r="2393" spans="1:19" x14ac:dyDescent="0.3">
      <c r="A2393">
        <v>64.066666666946062</v>
      </c>
      <c r="B2393">
        <v>931.59199999999998</v>
      </c>
      <c r="C2393">
        <v>1007.865</v>
      </c>
      <c r="D2393">
        <v>1014.063</v>
      </c>
      <c r="E2393">
        <v>1039.9010000000001</v>
      </c>
      <c r="F2393">
        <v>1055.6030000000001</v>
      </c>
      <c r="G2393">
        <v>1084.76</v>
      </c>
      <c r="H2393">
        <v>1094.57</v>
      </c>
      <c r="I2393">
        <v>1115.7760000000001</v>
      </c>
      <c r="J2393">
        <v>1122.615</v>
      </c>
      <c r="K2393">
        <v>1107.92</v>
      </c>
      <c r="L2393">
        <v>1135.6559999999999</v>
      </c>
      <c r="M2393">
        <v>1125.1590000000001</v>
      </c>
      <c r="P2393">
        <v>0</v>
      </c>
      <c r="Q2393">
        <v>0</v>
      </c>
      <c r="S2393">
        <v>0</v>
      </c>
    </row>
    <row r="2394" spans="1:19" x14ac:dyDescent="0.3">
      <c r="A2394">
        <v>64.099999997594082</v>
      </c>
      <c r="B2394">
        <v>927.495</v>
      </c>
      <c r="C2394">
        <v>1010.825</v>
      </c>
      <c r="D2394">
        <v>1010.075</v>
      </c>
      <c r="E2394">
        <v>1040.27</v>
      </c>
      <c r="F2394">
        <v>1057.7560000000001</v>
      </c>
      <c r="G2394">
        <v>1084.8530000000001</v>
      </c>
      <c r="H2394">
        <v>1096.806</v>
      </c>
      <c r="I2394">
        <v>1117.816</v>
      </c>
      <c r="J2394">
        <v>1123.6959999999999</v>
      </c>
      <c r="K2394">
        <v>1109.068</v>
      </c>
      <c r="L2394">
        <v>1138.5119999999999</v>
      </c>
      <c r="M2394">
        <v>1127.4929999999999</v>
      </c>
      <c r="P2394">
        <v>0</v>
      </c>
      <c r="Q2394">
        <v>0</v>
      </c>
      <c r="S2394">
        <v>0</v>
      </c>
    </row>
    <row r="2395" spans="1:19" x14ac:dyDescent="0.3">
      <c r="A2395">
        <v>64.133333338719481</v>
      </c>
      <c r="B2395">
        <v>927.51300000000003</v>
      </c>
      <c r="C2395">
        <v>1009.454</v>
      </c>
      <c r="D2395">
        <v>1008.558</v>
      </c>
      <c r="E2395">
        <v>1036.8810000000001</v>
      </c>
      <c r="F2395">
        <v>1054.6179999999999</v>
      </c>
      <c r="G2395">
        <v>1082.924</v>
      </c>
      <c r="H2395">
        <v>1096.806</v>
      </c>
      <c r="I2395">
        <v>1114.509</v>
      </c>
      <c r="J2395">
        <v>1123.164</v>
      </c>
      <c r="K2395">
        <v>1105.625</v>
      </c>
      <c r="L2395">
        <v>1135.8630000000001</v>
      </c>
      <c r="M2395">
        <v>1126.3530000000001</v>
      </c>
      <c r="P2395">
        <v>0</v>
      </c>
      <c r="Q2395">
        <v>0</v>
      </c>
      <c r="S2395">
        <v>0</v>
      </c>
    </row>
    <row r="2396" spans="1:19" x14ac:dyDescent="0.3">
      <c r="A2396">
        <v>64.149999998804802</v>
      </c>
      <c r="B2396">
        <v>932.07500000000005</v>
      </c>
      <c r="C2396">
        <v>1002.403</v>
      </c>
      <c r="D2396">
        <v>1015.2</v>
      </c>
      <c r="E2396">
        <v>1040.308</v>
      </c>
      <c r="F2396">
        <v>1060.9490000000001</v>
      </c>
      <c r="G2396">
        <v>1085.546</v>
      </c>
      <c r="H2396">
        <v>1098.085</v>
      </c>
      <c r="I2396">
        <v>1114.3589999999999</v>
      </c>
      <c r="J2396">
        <v>1120.2159999999999</v>
      </c>
      <c r="K2396">
        <v>1104.6859999999999</v>
      </c>
      <c r="L2396">
        <v>1131.0809999999999</v>
      </c>
      <c r="M2396">
        <v>1122.9570000000001</v>
      </c>
      <c r="P2396">
        <v>0</v>
      </c>
      <c r="Q2396">
        <v>0</v>
      </c>
      <c r="S2396">
        <v>0</v>
      </c>
    </row>
    <row r="2397" spans="1:19" x14ac:dyDescent="0.3">
      <c r="A2397">
        <v>64.183333339930201</v>
      </c>
      <c r="B2397">
        <v>934.40499999999997</v>
      </c>
      <c r="C2397">
        <v>1007.646</v>
      </c>
      <c r="D2397">
        <v>1017.034</v>
      </c>
      <c r="E2397">
        <v>1041.0650000000001</v>
      </c>
      <c r="F2397">
        <v>1059.482</v>
      </c>
      <c r="G2397">
        <v>1083</v>
      </c>
      <c r="H2397">
        <v>1092.979</v>
      </c>
      <c r="I2397">
        <v>1105.4949999999999</v>
      </c>
      <c r="J2397">
        <v>1115.2660000000001</v>
      </c>
      <c r="K2397">
        <v>1100.4549999999999</v>
      </c>
      <c r="L2397">
        <v>1131.7070000000001</v>
      </c>
      <c r="M2397">
        <v>1122.596</v>
      </c>
      <c r="P2397">
        <v>0</v>
      </c>
      <c r="Q2397">
        <v>0</v>
      </c>
      <c r="S2397">
        <v>0</v>
      </c>
    </row>
    <row r="2398" spans="1:19" x14ac:dyDescent="0.3">
      <c r="A2398">
        <v>64.216666670578221</v>
      </c>
      <c r="B2398">
        <v>924.93700000000001</v>
      </c>
      <c r="C2398">
        <v>1007.17</v>
      </c>
      <c r="D2398">
        <v>1013.494</v>
      </c>
      <c r="E2398">
        <v>1040.104</v>
      </c>
      <c r="F2398">
        <v>1060.874</v>
      </c>
      <c r="G2398">
        <v>1082.7560000000001</v>
      </c>
      <c r="H2398">
        <v>1090.039</v>
      </c>
      <c r="I2398">
        <v>1103.519</v>
      </c>
      <c r="J2398">
        <v>1117.268</v>
      </c>
      <c r="K2398">
        <v>1110.145</v>
      </c>
      <c r="L2398">
        <v>1134.1559999999999</v>
      </c>
      <c r="M2398">
        <v>1122.2560000000001</v>
      </c>
      <c r="P2398">
        <v>0</v>
      </c>
      <c r="Q2398">
        <v>0</v>
      </c>
      <c r="S2398">
        <v>0</v>
      </c>
    </row>
    <row r="2399" spans="1:19" x14ac:dyDescent="0.3">
      <c r="A2399">
        <v>64.233333330663541</v>
      </c>
      <c r="B2399">
        <v>920.75300000000004</v>
      </c>
      <c r="C2399">
        <v>1006.9160000000001</v>
      </c>
      <c r="D2399">
        <v>1014.449</v>
      </c>
      <c r="E2399">
        <v>1043.1179999999999</v>
      </c>
      <c r="F2399">
        <v>1062.174</v>
      </c>
      <c r="G2399">
        <v>1084.48</v>
      </c>
      <c r="H2399">
        <v>1097.9169999999999</v>
      </c>
      <c r="I2399">
        <v>1113.434</v>
      </c>
      <c r="J2399">
        <v>1125.482</v>
      </c>
      <c r="K2399">
        <v>1108.165</v>
      </c>
      <c r="L2399">
        <v>1134.423</v>
      </c>
      <c r="M2399">
        <v>1126.184</v>
      </c>
      <c r="P2399">
        <v>0</v>
      </c>
      <c r="Q2399">
        <v>0</v>
      </c>
      <c r="S2399">
        <v>0</v>
      </c>
    </row>
    <row r="2400" spans="1:19" x14ac:dyDescent="0.3">
      <c r="A2400">
        <v>64.26666667178894</v>
      </c>
      <c r="B2400">
        <v>923.66800000000001</v>
      </c>
      <c r="C2400">
        <v>1006.934</v>
      </c>
      <c r="D2400">
        <v>1016.136</v>
      </c>
      <c r="E2400">
        <v>1044.2819999999999</v>
      </c>
      <c r="F2400">
        <v>1065.904</v>
      </c>
      <c r="G2400">
        <v>1088.579</v>
      </c>
      <c r="H2400">
        <v>1100.4549999999999</v>
      </c>
      <c r="I2400">
        <v>1112.829</v>
      </c>
      <c r="J2400">
        <v>1121.2550000000001</v>
      </c>
      <c r="K2400">
        <v>1108.9369999999999</v>
      </c>
      <c r="L2400">
        <v>1132.6759999999999</v>
      </c>
      <c r="M2400">
        <v>1123.412</v>
      </c>
      <c r="P2400">
        <v>0</v>
      </c>
      <c r="Q2400">
        <v>0</v>
      </c>
      <c r="S2400">
        <v>0</v>
      </c>
    </row>
    <row r="2401" spans="1:19" x14ac:dyDescent="0.3">
      <c r="A2401">
        <v>64.28333333187426</v>
      </c>
      <c r="B2401">
        <v>927.65599999999995</v>
      </c>
      <c r="C2401">
        <v>1010.0940000000001</v>
      </c>
      <c r="D2401">
        <v>1014.448</v>
      </c>
      <c r="E2401">
        <v>1042.3219999999999</v>
      </c>
      <c r="F2401">
        <v>1061.2639999999999</v>
      </c>
      <c r="G2401">
        <v>1084.2729999999999</v>
      </c>
      <c r="H2401">
        <v>1096.75</v>
      </c>
      <c r="I2401">
        <v>1105.0989999999999</v>
      </c>
      <c r="J2401">
        <v>1114.1320000000001</v>
      </c>
      <c r="K2401">
        <v>1097.953</v>
      </c>
      <c r="L2401">
        <v>1125.576</v>
      </c>
      <c r="M2401">
        <v>1118.9490000000001</v>
      </c>
      <c r="P2401">
        <v>0</v>
      </c>
      <c r="Q2401">
        <v>0</v>
      </c>
      <c r="S2401">
        <v>0</v>
      </c>
    </row>
    <row r="2402" spans="1:19" x14ac:dyDescent="0.3">
      <c r="A2402">
        <v>64.316666672999659</v>
      </c>
      <c r="B2402">
        <v>938.10199999999998</v>
      </c>
      <c r="C2402">
        <v>1012.817</v>
      </c>
      <c r="D2402">
        <v>1014.448</v>
      </c>
      <c r="E2402">
        <v>1042.249</v>
      </c>
      <c r="F2402">
        <v>1056.587</v>
      </c>
      <c r="G2402">
        <v>1078.481</v>
      </c>
      <c r="H2402">
        <v>1093.5029999999999</v>
      </c>
      <c r="I2402">
        <v>1101.9780000000001</v>
      </c>
      <c r="J2402">
        <v>1114.9259999999999</v>
      </c>
      <c r="K2402">
        <v>1100.0409999999999</v>
      </c>
      <c r="L2402">
        <v>1126.4870000000001</v>
      </c>
      <c r="M2402">
        <v>1121.8409999999999</v>
      </c>
      <c r="P2402">
        <v>0</v>
      </c>
      <c r="Q2402">
        <v>0</v>
      </c>
      <c r="S2402">
        <v>0</v>
      </c>
    </row>
    <row r="2403" spans="1:19" x14ac:dyDescent="0.3">
      <c r="A2403">
        <v>64.350000003647679</v>
      </c>
      <c r="B2403">
        <v>934.65599999999995</v>
      </c>
      <c r="C2403">
        <v>1013.146</v>
      </c>
      <c r="D2403">
        <v>1016.3920000000001</v>
      </c>
      <c r="E2403">
        <v>1039.606</v>
      </c>
      <c r="F2403">
        <v>1055.8810000000001</v>
      </c>
      <c r="G2403">
        <v>1078.3869999999999</v>
      </c>
      <c r="H2403">
        <v>1096.0920000000001</v>
      </c>
      <c r="I2403">
        <v>1101.921</v>
      </c>
      <c r="J2403">
        <v>1115.7940000000001</v>
      </c>
      <c r="K2403">
        <v>1107.5250000000001</v>
      </c>
      <c r="L2403">
        <v>1130.8910000000001</v>
      </c>
      <c r="M2403">
        <v>1123.412</v>
      </c>
      <c r="P2403">
        <v>0</v>
      </c>
      <c r="Q2403">
        <v>0</v>
      </c>
      <c r="S2403">
        <v>0</v>
      </c>
    </row>
    <row r="2404" spans="1:19" x14ac:dyDescent="0.3">
      <c r="A2404">
        <v>64.366666663733</v>
      </c>
      <c r="B2404">
        <v>929.57</v>
      </c>
      <c r="C2404">
        <v>1014.136</v>
      </c>
      <c r="D2404">
        <v>1018.006</v>
      </c>
      <c r="E2404">
        <v>1041.1569999999999</v>
      </c>
      <c r="F2404">
        <v>1056.549</v>
      </c>
      <c r="G2404">
        <v>1078.2190000000001</v>
      </c>
      <c r="H2404">
        <v>1094.7760000000001</v>
      </c>
      <c r="I2404">
        <v>1100.981</v>
      </c>
      <c r="J2404">
        <v>1115.114</v>
      </c>
      <c r="K2404">
        <v>1100.097</v>
      </c>
      <c r="L2404">
        <v>1126.4680000000001</v>
      </c>
      <c r="M2404">
        <v>1118.5709999999999</v>
      </c>
      <c r="P2404">
        <v>0</v>
      </c>
      <c r="Q2404">
        <v>0</v>
      </c>
      <c r="S2404">
        <v>0</v>
      </c>
    </row>
    <row r="2405" spans="1:19" x14ac:dyDescent="0.3">
      <c r="A2405">
        <v>64.400000004858398</v>
      </c>
      <c r="B2405">
        <v>935.178</v>
      </c>
      <c r="C2405">
        <v>1013.972</v>
      </c>
      <c r="D2405">
        <v>1018.52</v>
      </c>
      <c r="E2405">
        <v>1040.9000000000001</v>
      </c>
      <c r="F2405">
        <v>1056.5129999999999</v>
      </c>
      <c r="G2405">
        <v>1078.8910000000001</v>
      </c>
      <c r="H2405">
        <v>1092.0429999999999</v>
      </c>
      <c r="I2405">
        <v>1102.374</v>
      </c>
      <c r="J2405">
        <v>1117.307</v>
      </c>
      <c r="K2405">
        <v>1105.646</v>
      </c>
      <c r="L2405">
        <v>1128.8989999999999</v>
      </c>
      <c r="M2405">
        <v>1117.0419999999999</v>
      </c>
      <c r="P2405">
        <v>0</v>
      </c>
      <c r="Q2405">
        <v>0</v>
      </c>
      <c r="S2405">
        <v>0</v>
      </c>
    </row>
    <row r="2406" spans="1:19" x14ac:dyDescent="0.3">
      <c r="A2406">
        <v>64.416666664943719</v>
      </c>
      <c r="B2406">
        <v>942.01499999999999</v>
      </c>
      <c r="C2406">
        <v>1015.9160000000001</v>
      </c>
      <c r="D2406">
        <v>1023.069</v>
      </c>
      <c r="E2406">
        <v>1045.7249999999999</v>
      </c>
      <c r="F2406">
        <v>1057.0150000000001</v>
      </c>
      <c r="G2406">
        <v>1084.143</v>
      </c>
      <c r="H2406">
        <v>1092.0999999999999</v>
      </c>
      <c r="I2406">
        <v>1102.1849999999999</v>
      </c>
      <c r="J2406">
        <v>1116.249</v>
      </c>
      <c r="K2406">
        <v>1103.3140000000001</v>
      </c>
      <c r="L2406">
        <v>1129.145</v>
      </c>
      <c r="M2406">
        <v>1118.856</v>
      </c>
      <c r="P2406">
        <v>0</v>
      </c>
      <c r="Q2406">
        <v>0</v>
      </c>
      <c r="S2406">
        <v>0</v>
      </c>
    </row>
    <row r="2407" spans="1:19" x14ac:dyDescent="0.3">
      <c r="A2407">
        <v>64.450000006069118</v>
      </c>
      <c r="B2407">
        <v>936.30799999999999</v>
      </c>
      <c r="C2407">
        <v>1019.675</v>
      </c>
      <c r="D2407">
        <v>1023.692</v>
      </c>
      <c r="E2407">
        <v>1045.1320000000001</v>
      </c>
      <c r="F2407">
        <v>1057.7380000000001</v>
      </c>
      <c r="G2407">
        <v>1085.0219999999999</v>
      </c>
      <c r="H2407">
        <v>1091.9870000000001</v>
      </c>
      <c r="I2407">
        <v>1100.605</v>
      </c>
      <c r="J2407">
        <v>1112.904</v>
      </c>
      <c r="K2407">
        <v>1101.1130000000001</v>
      </c>
      <c r="L2407">
        <v>1125.2529999999999</v>
      </c>
      <c r="M2407">
        <v>1121.67</v>
      </c>
      <c r="P2407">
        <v>0</v>
      </c>
      <c r="Q2407">
        <v>0</v>
      </c>
      <c r="S2407">
        <v>0</v>
      </c>
    </row>
    <row r="2408" spans="1:19" x14ac:dyDescent="0.3">
      <c r="A2408">
        <v>64.483333336717138</v>
      </c>
      <c r="B2408">
        <v>941.38699999999994</v>
      </c>
      <c r="C2408">
        <v>1018.52</v>
      </c>
      <c r="D2408">
        <v>1023.876</v>
      </c>
      <c r="E2408">
        <v>1048.5899999999999</v>
      </c>
      <c r="F2408">
        <v>1063.4179999999999</v>
      </c>
      <c r="G2408">
        <v>1088.1310000000001</v>
      </c>
      <c r="H2408">
        <v>1094.1780000000001</v>
      </c>
      <c r="I2408">
        <v>1106.7739999999999</v>
      </c>
      <c r="J2408">
        <v>1118.5730000000001</v>
      </c>
      <c r="K2408">
        <v>1103.934</v>
      </c>
      <c r="L2408">
        <v>1125.539</v>
      </c>
      <c r="M2408">
        <v>1121.558</v>
      </c>
      <c r="P2408">
        <v>0</v>
      </c>
      <c r="Q2408">
        <v>0</v>
      </c>
      <c r="S2408">
        <v>0</v>
      </c>
    </row>
    <row r="2409" spans="1:19" x14ac:dyDescent="0.3">
      <c r="A2409">
        <v>64.499999996802458</v>
      </c>
      <c r="B2409">
        <v>948.82600000000002</v>
      </c>
      <c r="C2409">
        <v>1020.648</v>
      </c>
      <c r="D2409">
        <v>1026.278</v>
      </c>
      <c r="E2409">
        <v>1047.5920000000001</v>
      </c>
      <c r="F2409">
        <v>1066.425</v>
      </c>
      <c r="G2409">
        <v>1091.2380000000001</v>
      </c>
      <c r="H2409">
        <v>1099.6279999999999</v>
      </c>
      <c r="I2409">
        <v>1108.635</v>
      </c>
      <c r="J2409">
        <v>1117.722</v>
      </c>
      <c r="K2409">
        <v>1100.944</v>
      </c>
      <c r="L2409">
        <v>1122.71</v>
      </c>
      <c r="M2409">
        <v>1118.327</v>
      </c>
      <c r="P2409">
        <v>0</v>
      </c>
      <c r="Q2409">
        <v>0</v>
      </c>
      <c r="S2409">
        <v>0</v>
      </c>
    </row>
    <row r="2410" spans="1:19" x14ac:dyDescent="0.3">
      <c r="A2410">
        <v>64.533333337927857</v>
      </c>
      <c r="B2410">
        <v>946.88</v>
      </c>
      <c r="C2410">
        <v>1020.628</v>
      </c>
      <c r="D2410">
        <v>1024.828</v>
      </c>
      <c r="E2410">
        <v>1050.252</v>
      </c>
      <c r="F2410">
        <v>1069.7750000000001</v>
      </c>
      <c r="G2410">
        <v>1094.2139999999999</v>
      </c>
      <c r="H2410">
        <v>1097.182</v>
      </c>
      <c r="I2410">
        <v>1104.2339999999999</v>
      </c>
      <c r="J2410">
        <v>1114.453</v>
      </c>
      <c r="K2410">
        <v>1100.511</v>
      </c>
      <c r="L2410">
        <v>1125.1579999999999</v>
      </c>
      <c r="M2410">
        <v>1123.26</v>
      </c>
      <c r="P2410">
        <v>0</v>
      </c>
      <c r="Q2410">
        <v>0</v>
      </c>
      <c r="S2410">
        <v>0</v>
      </c>
    </row>
    <row r="2411" spans="1:19" x14ac:dyDescent="0.3">
      <c r="A2411">
        <v>64.549999998013178</v>
      </c>
      <c r="B2411">
        <v>933.23900000000003</v>
      </c>
      <c r="C2411">
        <v>1020.556</v>
      </c>
      <c r="D2411">
        <v>1023.141</v>
      </c>
      <c r="E2411">
        <v>1052.675</v>
      </c>
      <c r="F2411">
        <v>1069.7760000000001</v>
      </c>
      <c r="G2411">
        <v>1093.1289999999999</v>
      </c>
      <c r="H2411">
        <v>1100.53</v>
      </c>
      <c r="I2411">
        <v>1108.748</v>
      </c>
      <c r="J2411">
        <v>1118.402</v>
      </c>
      <c r="K2411">
        <v>1104.799</v>
      </c>
      <c r="L2411">
        <v>1125.538</v>
      </c>
      <c r="M2411">
        <v>1121.7840000000001</v>
      </c>
      <c r="P2411">
        <v>0</v>
      </c>
      <c r="Q2411">
        <v>0</v>
      </c>
      <c r="S2411">
        <v>0</v>
      </c>
    </row>
    <row r="2412" spans="1:19" x14ac:dyDescent="0.3">
      <c r="A2412">
        <v>64.583333339138576</v>
      </c>
      <c r="B2412">
        <v>933.09500000000003</v>
      </c>
      <c r="C2412">
        <v>1019.088</v>
      </c>
      <c r="D2412">
        <v>1025.471</v>
      </c>
      <c r="E2412">
        <v>1054.174</v>
      </c>
      <c r="F2412">
        <v>1067.7809999999999</v>
      </c>
      <c r="G2412">
        <v>1093.1849999999999</v>
      </c>
      <c r="H2412">
        <v>1100.624</v>
      </c>
      <c r="I2412">
        <v>1113.1880000000001</v>
      </c>
      <c r="J2412">
        <v>1120.329</v>
      </c>
      <c r="K2412">
        <v>1101.1130000000001</v>
      </c>
      <c r="L2412">
        <v>1127.702</v>
      </c>
      <c r="M2412">
        <v>1122.596</v>
      </c>
      <c r="P2412">
        <v>0</v>
      </c>
      <c r="Q2412">
        <v>0</v>
      </c>
      <c r="S2412">
        <v>0</v>
      </c>
    </row>
    <row r="2413" spans="1:19" x14ac:dyDescent="0.3">
      <c r="A2413">
        <v>64.616666669786596</v>
      </c>
      <c r="B2413">
        <v>938.55100000000004</v>
      </c>
      <c r="C2413">
        <v>1018.41</v>
      </c>
      <c r="D2413">
        <v>1023.068</v>
      </c>
      <c r="E2413">
        <v>1052.212</v>
      </c>
      <c r="F2413">
        <v>1064.568</v>
      </c>
      <c r="G2413">
        <v>1088.336</v>
      </c>
      <c r="H2413">
        <v>1095.566</v>
      </c>
      <c r="I2413">
        <v>1108.0709999999999</v>
      </c>
      <c r="J2413">
        <v>1116.5319999999999</v>
      </c>
      <c r="K2413">
        <v>1101.6210000000001</v>
      </c>
      <c r="L2413">
        <v>1128.9739999999999</v>
      </c>
      <c r="M2413">
        <v>1121.028</v>
      </c>
      <c r="P2413">
        <v>0</v>
      </c>
      <c r="Q2413">
        <v>0</v>
      </c>
      <c r="S2413">
        <v>0</v>
      </c>
    </row>
    <row r="2414" spans="1:19" x14ac:dyDescent="0.3">
      <c r="A2414">
        <v>64.633333329871917</v>
      </c>
      <c r="B2414">
        <v>941.18899999999996</v>
      </c>
      <c r="C2414">
        <v>1021.289</v>
      </c>
      <c r="D2414">
        <v>1027.069</v>
      </c>
      <c r="E2414">
        <v>1052.6379999999999</v>
      </c>
      <c r="F2414">
        <v>1064.345</v>
      </c>
      <c r="G2414">
        <v>1088.673</v>
      </c>
      <c r="H2414">
        <v>1098.029</v>
      </c>
      <c r="I2414">
        <v>1112.0350000000001</v>
      </c>
      <c r="J2414">
        <v>1124.6079999999999</v>
      </c>
      <c r="K2414">
        <v>1110.4860000000001</v>
      </c>
      <c r="L2414">
        <v>1132.827</v>
      </c>
      <c r="M2414">
        <v>1124.931</v>
      </c>
      <c r="P2414">
        <v>0</v>
      </c>
      <c r="Q2414">
        <v>0</v>
      </c>
      <c r="S2414">
        <v>0</v>
      </c>
    </row>
    <row r="2415" spans="1:19" x14ac:dyDescent="0.3">
      <c r="A2415">
        <v>64.666666670997316</v>
      </c>
      <c r="B2415">
        <v>931.64599999999996</v>
      </c>
      <c r="C2415">
        <v>1019.143</v>
      </c>
      <c r="D2415">
        <v>1028.2840000000001</v>
      </c>
      <c r="E2415">
        <v>1049.9570000000001</v>
      </c>
      <c r="F2415">
        <v>1063.1020000000001</v>
      </c>
      <c r="G2415">
        <v>1086.8009999999999</v>
      </c>
      <c r="H2415">
        <v>1100.3800000000001</v>
      </c>
      <c r="I2415">
        <v>1112.451</v>
      </c>
      <c r="J2415">
        <v>1121.557</v>
      </c>
      <c r="K2415">
        <v>1109.579</v>
      </c>
      <c r="L2415">
        <v>1135.01</v>
      </c>
      <c r="M2415">
        <v>1125.614</v>
      </c>
      <c r="P2415">
        <v>0</v>
      </c>
      <c r="Q2415">
        <v>0</v>
      </c>
      <c r="S2415">
        <v>0</v>
      </c>
    </row>
    <row r="2416" spans="1:19" x14ac:dyDescent="0.3">
      <c r="A2416">
        <v>64.683333331082636</v>
      </c>
      <c r="B2416">
        <v>928.53300000000002</v>
      </c>
      <c r="C2416">
        <v>1013.073</v>
      </c>
      <c r="D2416">
        <v>1024.223</v>
      </c>
      <c r="E2416">
        <v>1049.587</v>
      </c>
      <c r="F2416">
        <v>1063.8440000000001</v>
      </c>
      <c r="G2416">
        <v>1085.865</v>
      </c>
      <c r="H2416">
        <v>1100.68</v>
      </c>
      <c r="I2416">
        <v>1114.548</v>
      </c>
      <c r="J2416">
        <v>1122.748</v>
      </c>
      <c r="K2416">
        <v>1107.2619999999999</v>
      </c>
      <c r="L2416">
        <v>1134.6500000000001</v>
      </c>
      <c r="M2416">
        <v>1125.538</v>
      </c>
      <c r="P2416">
        <v>0</v>
      </c>
      <c r="Q2416">
        <v>0</v>
      </c>
      <c r="S2416">
        <v>0</v>
      </c>
    </row>
    <row r="2417" spans="1:19" x14ac:dyDescent="0.3">
      <c r="A2417">
        <v>64.716666672208035</v>
      </c>
      <c r="B2417">
        <v>920.37699999999995</v>
      </c>
      <c r="C2417">
        <v>1013.678</v>
      </c>
      <c r="D2417">
        <v>1022.793</v>
      </c>
      <c r="E2417">
        <v>1049.0509999999999</v>
      </c>
      <c r="F2417">
        <v>1064.308</v>
      </c>
      <c r="G2417">
        <v>1087.7739999999999</v>
      </c>
      <c r="H2417">
        <v>1098.3679999999999</v>
      </c>
      <c r="I2417">
        <v>1114.3209999999999</v>
      </c>
      <c r="J2417">
        <v>1123.8109999999999</v>
      </c>
      <c r="K2417">
        <v>1109.3150000000001</v>
      </c>
      <c r="L2417">
        <v>1133.568</v>
      </c>
      <c r="M2417">
        <v>1124.646</v>
      </c>
      <c r="P2417">
        <v>0</v>
      </c>
      <c r="Q2417">
        <v>0</v>
      </c>
      <c r="S2417">
        <v>0</v>
      </c>
    </row>
    <row r="2418" spans="1:19" x14ac:dyDescent="0.3">
      <c r="A2418">
        <v>64.750000002856055</v>
      </c>
      <c r="B2418">
        <v>922.82799999999997</v>
      </c>
      <c r="C2418">
        <v>1014.999</v>
      </c>
      <c r="D2418">
        <v>1020.574</v>
      </c>
      <c r="E2418">
        <v>1048.7190000000001</v>
      </c>
      <c r="F2418">
        <v>1062.954</v>
      </c>
      <c r="G2418">
        <v>1087.4190000000001</v>
      </c>
      <c r="H2418">
        <v>1101.001</v>
      </c>
      <c r="I2418">
        <v>1114.9639999999999</v>
      </c>
      <c r="J2418">
        <v>1125.0070000000001</v>
      </c>
      <c r="K2418">
        <v>1105.9280000000001</v>
      </c>
      <c r="L2418">
        <v>1130.3409999999999</v>
      </c>
      <c r="M2418">
        <v>1124.704</v>
      </c>
      <c r="P2418">
        <v>0</v>
      </c>
      <c r="Q2418">
        <v>0</v>
      </c>
      <c r="S2418">
        <v>0</v>
      </c>
    </row>
    <row r="2419" spans="1:19" x14ac:dyDescent="0.3">
      <c r="A2419">
        <v>64.766666673418754</v>
      </c>
      <c r="B2419">
        <v>924.27800000000002</v>
      </c>
      <c r="C2419">
        <v>1016.872</v>
      </c>
      <c r="D2419">
        <v>1022.0069999999999</v>
      </c>
      <c r="E2419">
        <v>1048.5730000000001</v>
      </c>
      <c r="F2419">
        <v>1062.7329999999999</v>
      </c>
      <c r="G2419">
        <v>1084.7619999999999</v>
      </c>
      <c r="H2419">
        <v>1099.479</v>
      </c>
      <c r="I2419">
        <v>1112.8309999999999</v>
      </c>
      <c r="J2419">
        <v>1121.9000000000001</v>
      </c>
      <c r="K2419">
        <v>1108.8630000000001</v>
      </c>
      <c r="L2419">
        <v>1132.165</v>
      </c>
      <c r="M2419">
        <v>1123.9079999999999</v>
      </c>
      <c r="P2419">
        <v>0</v>
      </c>
      <c r="Q2419">
        <v>0</v>
      </c>
      <c r="S2419">
        <v>0</v>
      </c>
    </row>
    <row r="2420" spans="1:19" x14ac:dyDescent="0.3">
      <c r="A2420">
        <v>64.800000004066774</v>
      </c>
      <c r="B2420">
        <v>928.42700000000002</v>
      </c>
      <c r="C2420">
        <v>1018.649</v>
      </c>
      <c r="D2420">
        <v>1022.335</v>
      </c>
      <c r="E2420">
        <v>1051.326</v>
      </c>
      <c r="F2420">
        <v>1062.954</v>
      </c>
      <c r="G2420">
        <v>1082.701</v>
      </c>
      <c r="H2420">
        <v>1098.6500000000001</v>
      </c>
      <c r="I2420">
        <v>1114.586</v>
      </c>
      <c r="J2420">
        <v>1122.9949999999999</v>
      </c>
      <c r="K2420">
        <v>1110.335</v>
      </c>
      <c r="L2420">
        <v>1135.3530000000001</v>
      </c>
      <c r="M2420">
        <v>1125.8800000000001</v>
      </c>
      <c r="P2420">
        <v>0</v>
      </c>
      <c r="Q2420">
        <v>0</v>
      </c>
      <c r="S2420">
        <v>0</v>
      </c>
    </row>
    <row r="2421" spans="1:19" x14ac:dyDescent="0.3">
      <c r="A2421">
        <v>64.816666664152095</v>
      </c>
      <c r="B2421">
        <v>934.42399999999998</v>
      </c>
      <c r="C2421">
        <v>1022.537</v>
      </c>
      <c r="D2421">
        <v>1028.7260000000001</v>
      </c>
      <c r="E2421">
        <v>1052.3240000000001</v>
      </c>
      <c r="F2421">
        <v>1063.0840000000001</v>
      </c>
      <c r="G2421">
        <v>1085.191</v>
      </c>
      <c r="H2421">
        <v>1103.7270000000001</v>
      </c>
      <c r="I2421">
        <v>1115.7950000000001</v>
      </c>
      <c r="J2421">
        <v>1123.0899999999999</v>
      </c>
      <c r="K2421">
        <v>1110.5050000000001</v>
      </c>
      <c r="L2421">
        <v>1136.3779999999999</v>
      </c>
      <c r="M2421">
        <v>1128.9749999999999</v>
      </c>
      <c r="P2421">
        <v>0</v>
      </c>
      <c r="Q2421">
        <v>0</v>
      </c>
      <c r="S2421">
        <v>0</v>
      </c>
    </row>
    <row r="2422" spans="1:19" x14ac:dyDescent="0.3">
      <c r="A2422">
        <v>64.850000005277494</v>
      </c>
      <c r="B2422">
        <v>948.88</v>
      </c>
      <c r="C2422">
        <v>1025.6179999999999</v>
      </c>
      <c r="D2422">
        <v>1029.278</v>
      </c>
      <c r="E2422">
        <v>1051.585</v>
      </c>
      <c r="F2422">
        <v>1059.9469999999999</v>
      </c>
      <c r="G2422">
        <v>1085.5840000000001</v>
      </c>
      <c r="H2422">
        <v>1101.6780000000001</v>
      </c>
      <c r="I2422">
        <v>1112.0360000000001</v>
      </c>
      <c r="J2422">
        <v>1123.375</v>
      </c>
      <c r="K2422">
        <v>1108.0899999999999</v>
      </c>
      <c r="L2422">
        <v>1133.511</v>
      </c>
      <c r="M2422">
        <v>1126.0509999999999</v>
      </c>
      <c r="P2422">
        <v>0</v>
      </c>
      <c r="Q2422">
        <v>0</v>
      </c>
      <c r="S2422">
        <v>0</v>
      </c>
    </row>
    <row r="2423" spans="1:19" x14ac:dyDescent="0.3">
      <c r="A2423">
        <v>64.883333335925514</v>
      </c>
      <c r="B2423">
        <v>958.03</v>
      </c>
      <c r="C2423">
        <v>1024.2260000000001</v>
      </c>
      <c r="D2423">
        <v>1029.8320000000001</v>
      </c>
      <c r="E2423">
        <v>1052.4000000000001</v>
      </c>
      <c r="F2423">
        <v>1059.93</v>
      </c>
      <c r="G2423">
        <v>1085.3989999999999</v>
      </c>
      <c r="H2423">
        <v>1099.7049999999999</v>
      </c>
      <c r="I2423">
        <v>1111.0740000000001</v>
      </c>
      <c r="J2423">
        <v>1122.883</v>
      </c>
      <c r="K2423">
        <v>1110.0160000000001</v>
      </c>
      <c r="L2423">
        <v>1133.3230000000001</v>
      </c>
      <c r="M2423">
        <v>1123.528</v>
      </c>
      <c r="P2423">
        <v>0</v>
      </c>
      <c r="Q2423">
        <v>0</v>
      </c>
      <c r="S2423">
        <v>0</v>
      </c>
    </row>
    <row r="2424" spans="1:19" x14ac:dyDescent="0.3">
      <c r="A2424">
        <v>64.900000006488213</v>
      </c>
      <c r="B2424">
        <v>953.56299999999999</v>
      </c>
      <c r="C2424">
        <v>1022.5549999999999</v>
      </c>
      <c r="D2424">
        <v>1030.4939999999999</v>
      </c>
      <c r="E2424">
        <v>1052.49</v>
      </c>
      <c r="F2424">
        <v>1059.038</v>
      </c>
      <c r="G2424">
        <v>1084.761</v>
      </c>
      <c r="H2424">
        <v>1097.0329999999999</v>
      </c>
      <c r="I2424">
        <v>1107.2439999999999</v>
      </c>
      <c r="J2424">
        <v>1120.556</v>
      </c>
      <c r="K2424">
        <v>1106.3230000000001</v>
      </c>
      <c r="L2424">
        <v>1129.6389999999999</v>
      </c>
      <c r="M2424">
        <v>1121.3689999999999</v>
      </c>
      <c r="P2424">
        <v>0</v>
      </c>
      <c r="Q2424">
        <v>0</v>
      </c>
      <c r="S2424">
        <v>0</v>
      </c>
    </row>
    <row r="2425" spans="1:19" x14ac:dyDescent="0.3">
      <c r="A2425">
        <v>64.933333337136233</v>
      </c>
      <c r="B2425">
        <v>962.11</v>
      </c>
      <c r="C2425">
        <v>1023.841</v>
      </c>
      <c r="D2425">
        <v>1029.538</v>
      </c>
      <c r="E2425">
        <v>1051.6790000000001</v>
      </c>
      <c r="F2425">
        <v>1058.3710000000001</v>
      </c>
      <c r="G2425">
        <v>1081.317</v>
      </c>
      <c r="H2425">
        <v>1094.011</v>
      </c>
      <c r="I2425">
        <v>1106.7</v>
      </c>
      <c r="J2425">
        <v>1117.97</v>
      </c>
      <c r="K2425">
        <v>1106.9449999999999</v>
      </c>
      <c r="L2425">
        <v>1132.7539999999999</v>
      </c>
      <c r="M2425">
        <v>1121.4269999999999</v>
      </c>
      <c r="P2425">
        <v>0</v>
      </c>
      <c r="Q2425">
        <v>0</v>
      </c>
      <c r="S2425">
        <v>0</v>
      </c>
    </row>
    <row r="2426" spans="1:19" x14ac:dyDescent="0.3">
      <c r="A2426">
        <v>64.966666667784253</v>
      </c>
      <c r="B2426">
        <v>953.07799999999997</v>
      </c>
      <c r="C2426">
        <v>1026.298</v>
      </c>
      <c r="D2426">
        <v>1028.0830000000001</v>
      </c>
      <c r="E2426">
        <v>1049.386</v>
      </c>
      <c r="F2426">
        <v>1057.0530000000001</v>
      </c>
      <c r="G2426">
        <v>1079.9000000000001</v>
      </c>
      <c r="H2426">
        <v>1092.7750000000001</v>
      </c>
      <c r="I2426">
        <v>1107.415</v>
      </c>
      <c r="J2426">
        <v>1115.4949999999999</v>
      </c>
      <c r="K2426">
        <v>1105.835</v>
      </c>
      <c r="L2426">
        <v>1132.393</v>
      </c>
      <c r="M2426">
        <v>1123.566</v>
      </c>
      <c r="P2426">
        <v>0</v>
      </c>
      <c r="Q2426">
        <v>0</v>
      </c>
      <c r="S2426">
        <v>0</v>
      </c>
    </row>
    <row r="2427" spans="1:19" x14ac:dyDescent="0.3">
      <c r="A2427">
        <v>64.983333338346952</v>
      </c>
      <c r="B2427">
        <v>948.68399999999997</v>
      </c>
      <c r="C2427">
        <v>1027.568</v>
      </c>
      <c r="D2427">
        <v>1028.5809999999999</v>
      </c>
      <c r="E2427">
        <v>1047.556</v>
      </c>
      <c r="F2427">
        <v>1055.42</v>
      </c>
      <c r="G2427">
        <v>1079.098</v>
      </c>
      <c r="H2427">
        <v>1093.973</v>
      </c>
      <c r="I2427">
        <v>1109.6949999999999</v>
      </c>
      <c r="J2427">
        <v>1117.346</v>
      </c>
      <c r="K2427">
        <v>1108.2239999999999</v>
      </c>
      <c r="L2427">
        <v>1135.4110000000001</v>
      </c>
      <c r="M2427">
        <v>1123.0540000000001</v>
      </c>
      <c r="P2427">
        <v>0</v>
      </c>
      <c r="Q2427">
        <v>0</v>
      </c>
      <c r="S2427">
        <v>0</v>
      </c>
    </row>
    <row r="2428" spans="1:19" x14ac:dyDescent="0.3">
      <c r="A2428">
        <v>65.016666668994972</v>
      </c>
      <c r="B2428">
        <v>944.47500000000002</v>
      </c>
      <c r="C2428">
        <v>1026.482</v>
      </c>
      <c r="D2428">
        <v>1030.182</v>
      </c>
      <c r="E2428">
        <v>1052.011</v>
      </c>
      <c r="F2428">
        <v>1059.1320000000001</v>
      </c>
      <c r="G2428">
        <v>1080.683</v>
      </c>
      <c r="H2428">
        <v>1099.5360000000001</v>
      </c>
      <c r="I2428">
        <v>1108.261</v>
      </c>
      <c r="J2428">
        <v>1123.585</v>
      </c>
      <c r="K2428">
        <v>1107.923</v>
      </c>
      <c r="L2428">
        <v>1132.925</v>
      </c>
      <c r="M2428">
        <v>1122.3150000000001</v>
      </c>
      <c r="P2428">
        <v>0</v>
      </c>
      <c r="Q2428">
        <v>0</v>
      </c>
      <c r="S2428">
        <v>0</v>
      </c>
    </row>
    <row r="2429" spans="1:19" x14ac:dyDescent="0.3">
      <c r="A2429">
        <v>65.033333339557672</v>
      </c>
      <c r="B2429">
        <v>939.07399999999996</v>
      </c>
      <c r="C2429">
        <v>1028.636</v>
      </c>
      <c r="D2429">
        <v>1031.895</v>
      </c>
      <c r="E2429">
        <v>1050.7170000000001</v>
      </c>
      <c r="F2429">
        <v>1058.538</v>
      </c>
      <c r="G2429">
        <v>1082.328</v>
      </c>
      <c r="H2429">
        <v>1100.213</v>
      </c>
      <c r="I2429">
        <v>1111.6969999999999</v>
      </c>
      <c r="J2429">
        <v>1125.3320000000001</v>
      </c>
      <c r="K2429">
        <v>1108.318</v>
      </c>
      <c r="L2429">
        <v>1133.57</v>
      </c>
      <c r="M2429">
        <v>1122.617</v>
      </c>
      <c r="P2429">
        <v>0</v>
      </c>
      <c r="Q2429">
        <v>0</v>
      </c>
      <c r="S2429">
        <v>0</v>
      </c>
    </row>
    <row r="2430" spans="1:19" x14ac:dyDescent="0.3">
      <c r="A2430">
        <v>65.066666670205692</v>
      </c>
      <c r="B2430">
        <v>936.88400000000001</v>
      </c>
      <c r="C2430">
        <v>1025.7660000000001</v>
      </c>
      <c r="D2430">
        <v>1031.7470000000001</v>
      </c>
      <c r="E2430">
        <v>1050.9390000000001</v>
      </c>
      <c r="F2430">
        <v>1059.1690000000001</v>
      </c>
      <c r="G2430">
        <v>1083.6949999999999</v>
      </c>
      <c r="H2430">
        <v>1101.6980000000001</v>
      </c>
      <c r="I2430">
        <v>1112.2829999999999</v>
      </c>
      <c r="J2430">
        <v>1125.028</v>
      </c>
      <c r="K2430">
        <v>1108.5999999999999</v>
      </c>
      <c r="L2430">
        <v>1133.2090000000001</v>
      </c>
      <c r="M2430">
        <v>1123.9079999999999</v>
      </c>
      <c r="P2430">
        <v>0</v>
      </c>
      <c r="Q2430">
        <v>0</v>
      </c>
      <c r="S2430">
        <v>0</v>
      </c>
    </row>
    <row r="2431" spans="1:19" x14ac:dyDescent="0.3">
      <c r="A2431">
        <v>65.100000000853711</v>
      </c>
      <c r="B2431">
        <v>938.48099999999999</v>
      </c>
      <c r="C2431">
        <v>1023.822</v>
      </c>
      <c r="D2431">
        <v>1030.2739999999999</v>
      </c>
      <c r="E2431">
        <v>1050.366</v>
      </c>
      <c r="F2431">
        <v>1056.645</v>
      </c>
      <c r="G2431">
        <v>1082.8340000000001</v>
      </c>
      <c r="H2431">
        <v>1097.336</v>
      </c>
      <c r="I2431">
        <v>1107.095</v>
      </c>
      <c r="J2431">
        <v>1119.954</v>
      </c>
      <c r="K2431">
        <v>1105.873</v>
      </c>
      <c r="L2431">
        <v>1131.3109999999999</v>
      </c>
      <c r="M2431">
        <v>1123.0350000000001</v>
      </c>
      <c r="P2431">
        <v>0</v>
      </c>
      <c r="Q2431">
        <v>0</v>
      </c>
      <c r="S2431">
        <v>0</v>
      </c>
    </row>
    <row r="2432" spans="1:19" x14ac:dyDescent="0.3">
      <c r="A2432">
        <v>65.116666671416411</v>
      </c>
      <c r="B2432">
        <v>932.38099999999997</v>
      </c>
      <c r="C2432">
        <v>1025.0509999999999</v>
      </c>
      <c r="D2432">
        <v>1029.8689999999999</v>
      </c>
      <c r="E2432">
        <v>1048.5360000000001</v>
      </c>
      <c r="F2432">
        <v>1057.1279999999999</v>
      </c>
      <c r="G2432">
        <v>1082.347</v>
      </c>
      <c r="H2432">
        <v>1095.3800000000001</v>
      </c>
      <c r="I2432">
        <v>1107.6410000000001</v>
      </c>
      <c r="J2432">
        <v>1117.7429999999999</v>
      </c>
      <c r="K2432">
        <v>1105.6849999999999</v>
      </c>
      <c r="L2432">
        <v>1131.577</v>
      </c>
      <c r="M2432">
        <v>1123.7750000000001</v>
      </c>
      <c r="P2432">
        <v>0</v>
      </c>
      <c r="Q2432">
        <v>0</v>
      </c>
      <c r="S2432">
        <v>0</v>
      </c>
    </row>
    <row r="2433" spans="1:19" x14ac:dyDescent="0.3">
      <c r="A2433">
        <v>65.150000002064431</v>
      </c>
      <c r="B2433">
        <v>934.35199999999998</v>
      </c>
      <c r="C2433">
        <v>1023.857</v>
      </c>
      <c r="D2433">
        <v>1026.1679999999999</v>
      </c>
      <c r="E2433">
        <v>1047.296</v>
      </c>
      <c r="F2433">
        <v>1056.5509999999999</v>
      </c>
      <c r="G2433">
        <v>1082.008</v>
      </c>
      <c r="H2433">
        <v>1095.171</v>
      </c>
      <c r="I2433">
        <v>1108.4469999999999</v>
      </c>
      <c r="J2433">
        <v>1120.046</v>
      </c>
      <c r="K2433">
        <v>1105.8710000000001</v>
      </c>
      <c r="L2433">
        <v>1132.107</v>
      </c>
      <c r="M2433">
        <v>1124.836</v>
      </c>
      <c r="P2433">
        <v>0</v>
      </c>
      <c r="Q2433">
        <v>0</v>
      </c>
      <c r="S2433">
        <v>0</v>
      </c>
    </row>
    <row r="2434" spans="1:19" x14ac:dyDescent="0.3">
      <c r="A2434">
        <v>65.16666667262713</v>
      </c>
      <c r="B2434">
        <v>934.44500000000005</v>
      </c>
      <c r="C2434">
        <v>1021.2380000000001</v>
      </c>
      <c r="D2434">
        <v>1028.066</v>
      </c>
      <c r="E2434">
        <v>1046.652</v>
      </c>
      <c r="F2434">
        <v>1055.31</v>
      </c>
      <c r="G2434">
        <v>1080.777</v>
      </c>
      <c r="H2434">
        <v>1094.2739999999999</v>
      </c>
      <c r="I2434">
        <v>1107.585</v>
      </c>
      <c r="J2434">
        <v>1116.1569999999999</v>
      </c>
      <c r="K2434">
        <v>1106.5509999999999</v>
      </c>
      <c r="L2434">
        <v>1130.7239999999999</v>
      </c>
      <c r="M2434">
        <v>1119.8230000000001</v>
      </c>
      <c r="P2434">
        <v>0</v>
      </c>
      <c r="Q2434">
        <v>0</v>
      </c>
      <c r="S2434">
        <v>0</v>
      </c>
    </row>
    <row r="2435" spans="1:19" x14ac:dyDescent="0.3">
      <c r="A2435">
        <v>65.20000000327515</v>
      </c>
      <c r="B2435">
        <v>940.20399999999995</v>
      </c>
      <c r="C2435">
        <v>1025.8399999999999</v>
      </c>
      <c r="D2435">
        <v>1033.644</v>
      </c>
      <c r="E2435">
        <v>1052.6769999999999</v>
      </c>
      <c r="F2435">
        <v>1058.557</v>
      </c>
      <c r="G2435">
        <v>1084.893</v>
      </c>
      <c r="H2435">
        <v>1097.5050000000001</v>
      </c>
      <c r="I2435">
        <v>1109.827</v>
      </c>
      <c r="J2435">
        <v>1117.5540000000001</v>
      </c>
      <c r="K2435">
        <v>1104.6130000000001</v>
      </c>
      <c r="L2435">
        <v>1131.8620000000001</v>
      </c>
      <c r="M2435">
        <v>1121.673</v>
      </c>
      <c r="P2435">
        <v>0</v>
      </c>
      <c r="Q2435">
        <v>0</v>
      </c>
      <c r="S2435">
        <v>0</v>
      </c>
    </row>
    <row r="2436" spans="1:19" x14ac:dyDescent="0.3">
      <c r="A2436">
        <v>65.23333333392317</v>
      </c>
      <c r="B2436">
        <v>932.65</v>
      </c>
      <c r="C2436">
        <v>1028.655</v>
      </c>
      <c r="D2436">
        <v>1036.7190000000001</v>
      </c>
      <c r="E2436">
        <v>1056.2560000000001</v>
      </c>
      <c r="F2436">
        <v>1062.826</v>
      </c>
      <c r="G2436">
        <v>1087.421</v>
      </c>
      <c r="H2436">
        <v>1098.3699999999999</v>
      </c>
      <c r="I2436">
        <v>1107.51</v>
      </c>
      <c r="J2436">
        <v>1116.4780000000001</v>
      </c>
      <c r="K2436">
        <v>1104.7829999999999</v>
      </c>
      <c r="L2436">
        <v>1130.5150000000001</v>
      </c>
      <c r="M2436">
        <v>1122.4290000000001</v>
      </c>
      <c r="P2436">
        <v>0</v>
      </c>
      <c r="Q2436">
        <v>0</v>
      </c>
      <c r="S2436">
        <v>0</v>
      </c>
    </row>
    <row r="2437" spans="1:19" x14ac:dyDescent="0.3">
      <c r="A2437">
        <v>65.250000004485869</v>
      </c>
      <c r="B2437">
        <v>927.44399999999996</v>
      </c>
      <c r="C2437">
        <v>1027.365</v>
      </c>
      <c r="D2437">
        <v>1035.9449999999999</v>
      </c>
      <c r="E2437">
        <v>1053.1020000000001</v>
      </c>
      <c r="F2437">
        <v>1060.0229999999999</v>
      </c>
      <c r="G2437">
        <v>1087.2339999999999</v>
      </c>
      <c r="H2437">
        <v>1098.144</v>
      </c>
      <c r="I2437">
        <v>1107.5650000000001</v>
      </c>
      <c r="J2437">
        <v>1117.1949999999999</v>
      </c>
      <c r="K2437">
        <v>1103.297</v>
      </c>
      <c r="L2437">
        <v>1129.7929999999999</v>
      </c>
      <c r="M2437">
        <v>1123.1489999999999</v>
      </c>
      <c r="P2437">
        <v>0</v>
      </c>
      <c r="Q2437">
        <v>0</v>
      </c>
      <c r="S2437">
        <v>0</v>
      </c>
    </row>
    <row r="2438" spans="1:19" x14ac:dyDescent="0.3">
      <c r="A2438">
        <v>65.283333335133889</v>
      </c>
      <c r="B2438">
        <v>920.09299999999996</v>
      </c>
      <c r="C2438">
        <v>1023.675</v>
      </c>
      <c r="D2438">
        <v>1033.7539999999999</v>
      </c>
      <c r="E2438">
        <v>1051.623</v>
      </c>
      <c r="F2438">
        <v>1059.299</v>
      </c>
      <c r="G2438">
        <v>1088.3009999999999</v>
      </c>
      <c r="H2438">
        <v>1099.479</v>
      </c>
      <c r="I2438">
        <v>1114.021</v>
      </c>
      <c r="J2438">
        <v>1124.6669999999999</v>
      </c>
      <c r="K2438">
        <v>1113.606</v>
      </c>
      <c r="L2438">
        <v>1137.3320000000001</v>
      </c>
      <c r="M2438">
        <v>1126.8309999999999</v>
      </c>
      <c r="P2438">
        <v>0</v>
      </c>
      <c r="Q2438">
        <v>0</v>
      </c>
      <c r="S2438">
        <v>0</v>
      </c>
    </row>
    <row r="2439" spans="1:19" x14ac:dyDescent="0.3">
      <c r="A2439">
        <v>65.300000005696589</v>
      </c>
      <c r="B2439">
        <v>931.86199999999997</v>
      </c>
      <c r="C2439">
        <v>1025.271</v>
      </c>
      <c r="D2439">
        <v>1032.741</v>
      </c>
      <c r="E2439">
        <v>1052.2329999999999</v>
      </c>
      <c r="F2439">
        <v>1061.192</v>
      </c>
      <c r="G2439">
        <v>1089.799</v>
      </c>
      <c r="H2439">
        <v>1100.57</v>
      </c>
      <c r="I2439">
        <v>1113.662</v>
      </c>
      <c r="J2439">
        <v>1122.921</v>
      </c>
      <c r="K2439">
        <v>1108.769</v>
      </c>
      <c r="L2439">
        <v>1135.222</v>
      </c>
      <c r="M2439">
        <v>1123.7560000000001</v>
      </c>
      <c r="P2439">
        <v>0</v>
      </c>
      <c r="Q2439">
        <v>0</v>
      </c>
      <c r="S2439">
        <v>0</v>
      </c>
    </row>
    <row r="2440" spans="1:19" x14ac:dyDescent="0.3">
      <c r="A2440">
        <v>65.333333336344609</v>
      </c>
      <c r="B2440">
        <v>933.54700000000003</v>
      </c>
      <c r="C2440">
        <v>1028.894</v>
      </c>
      <c r="D2440">
        <v>1033.5340000000001</v>
      </c>
      <c r="E2440">
        <v>1054.623</v>
      </c>
      <c r="F2440">
        <v>1060.135</v>
      </c>
      <c r="G2440">
        <v>1086.373</v>
      </c>
      <c r="H2440">
        <v>1098.4829999999999</v>
      </c>
      <c r="I2440">
        <v>1108.375</v>
      </c>
      <c r="J2440">
        <v>1115.3440000000001</v>
      </c>
      <c r="K2440">
        <v>1106.231</v>
      </c>
      <c r="L2440">
        <v>1132.944</v>
      </c>
      <c r="M2440">
        <v>1123.3579999999999</v>
      </c>
      <c r="P2440">
        <v>0</v>
      </c>
      <c r="Q2440">
        <v>0</v>
      </c>
      <c r="S2440">
        <v>0</v>
      </c>
    </row>
    <row r="2441" spans="1:19" x14ac:dyDescent="0.3">
      <c r="A2441">
        <v>65.366666666992629</v>
      </c>
      <c r="B2441">
        <v>934.56700000000001</v>
      </c>
      <c r="C2441">
        <v>1029.481</v>
      </c>
      <c r="D2441">
        <v>1035.0039999999999</v>
      </c>
      <c r="E2441">
        <v>1053.711</v>
      </c>
      <c r="F2441">
        <v>1058.6659999999999</v>
      </c>
      <c r="G2441">
        <v>1086.258</v>
      </c>
      <c r="H2441">
        <v>1096.732</v>
      </c>
      <c r="I2441">
        <v>1107.7139999999999</v>
      </c>
      <c r="J2441">
        <v>1119.6310000000001</v>
      </c>
      <c r="K2441">
        <v>1107.1310000000001</v>
      </c>
      <c r="L2441">
        <v>1128.614</v>
      </c>
      <c r="M2441">
        <v>1118.5160000000001</v>
      </c>
      <c r="P2441">
        <v>0</v>
      </c>
      <c r="Q2441">
        <v>0</v>
      </c>
      <c r="S2441">
        <v>0</v>
      </c>
    </row>
    <row r="2442" spans="1:19" x14ac:dyDescent="0.3">
      <c r="A2442">
        <v>65.383333337555328</v>
      </c>
      <c r="B2442">
        <v>935.32299999999998</v>
      </c>
      <c r="C2442">
        <v>1025.7850000000001</v>
      </c>
      <c r="D2442">
        <v>1032.963</v>
      </c>
      <c r="E2442">
        <v>1053.8430000000001</v>
      </c>
      <c r="F2442">
        <v>1062.0650000000001</v>
      </c>
      <c r="G2442">
        <v>1088.039</v>
      </c>
      <c r="H2442">
        <v>1101.06</v>
      </c>
      <c r="I2442">
        <v>1113.663</v>
      </c>
      <c r="J2442">
        <v>1126.1679999999999</v>
      </c>
      <c r="K2442">
        <v>1110.6400000000001</v>
      </c>
      <c r="L2442">
        <v>1135.8869999999999</v>
      </c>
      <c r="M2442">
        <v>1122.4100000000001</v>
      </c>
      <c r="P2442">
        <v>0</v>
      </c>
      <c r="Q2442">
        <v>0</v>
      </c>
      <c r="S2442">
        <v>0</v>
      </c>
    </row>
    <row r="2443" spans="1:19" x14ac:dyDescent="0.3">
      <c r="A2443">
        <v>65.416666668203348</v>
      </c>
      <c r="B2443">
        <v>935.18</v>
      </c>
      <c r="C2443">
        <v>1025.8579999999999</v>
      </c>
      <c r="D2443">
        <v>1029.115</v>
      </c>
      <c r="E2443">
        <v>1051.4570000000001</v>
      </c>
      <c r="F2443">
        <v>1059.2249999999999</v>
      </c>
      <c r="G2443">
        <v>1087.2339999999999</v>
      </c>
      <c r="H2443">
        <v>1100.1379999999999</v>
      </c>
      <c r="I2443">
        <v>1113.606</v>
      </c>
      <c r="J2443">
        <v>1126.0540000000001</v>
      </c>
      <c r="K2443">
        <v>1112.057</v>
      </c>
      <c r="L2443">
        <v>1136.095</v>
      </c>
      <c r="M2443">
        <v>1121.5029999999999</v>
      </c>
      <c r="P2443">
        <v>0</v>
      </c>
      <c r="Q2443">
        <v>0</v>
      </c>
      <c r="S2443">
        <v>0</v>
      </c>
    </row>
    <row r="2444" spans="1:19" x14ac:dyDescent="0.3">
      <c r="A2444">
        <v>65.433333338766047</v>
      </c>
      <c r="B2444">
        <v>929.10799999999995</v>
      </c>
      <c r="C2444">
        <v>1024.08</v>
      </c>
      <c r="D2444">
        <v>1029.6310000000001</v>
      </c>
      <c r="E2444">
        <v>1051.4570000000001</v>
      </c>
      <c r="F2444">
        <v>1058.817</v>
      </c>
      <c r="G2444">
        <v>1084.7249999999999</v>
      </c>
      <c r="H2444">
        <v>1099.104</v>
      </c>
      <c r="I2444">
        <v>1112.454</v>
      </c>
      <c r="J2444">
        <v>1123.1300000000001</v>
      </c>
      <c r="K2444">
        <v>1111.8489999999999</v>
      </c>
      <c r="L2444">
        <v>1136.4559999999999</v>
      </c>
      <c r="M2444">
        <v>1124.421</v>
      </c>
      <c r="P2444">
        <v>0</v>
      </c>
      <c r="Q2444">
        <v>0</v>
      </c>
      <c r="S2444">
        <v>0</v>
      </c>
    </row>
    <row r="2445" spans="1:19" x14ac:dyDescent="0.3">
      <c r="A2445">
        <v>65.466666669414067</v>
      </c>
      <c r="B2445">
        <v>926.31799999999998</v>
      </c>
      <c r="C2445">
        <v>1024.097</v>
      </c>
      <c r="D2445">
        <v>1029.335</v>
      </c>
      <c r="E2445">
        <v>1051.383</v>
      </c>
      <c r="F2445">
        <v>1058.5940000000001</v>
      </c>
      <c r="G2445">
        <v>1081.692</v>
      </c>
      <c r="H2445">
        <v>1097.636</v>
      </c>
      <c r="I2445">
        <v>1109.241</v>
      </c>
      <c r="J2445">
        <v>1120.048</v>
      </c>
      <c r="K2445">
        <v>1111.32</v>
      </c>
      <c r="L2445">
        <v>1139.9649999999999</v>
      </c>
      <c r="M2445">
        <v>1123.8699999999999</v>
      </c>
      <c r="P2445">
        <v>0</v>
      </c>
      <c r="Q2445">
        <v>0</v>
      </c>
      <c r="S2445">
        <v>0</v>
      </c>
    </row>
    <row r="2446" spans="1:19" x14ac:dyDescent="0.3">
      <c r="A2446">
        <v>65.500000000062087</v>
      </c>
      <c r="B2446">
        <v>937.31500000000005</v>
      </c>
      <c r="C2446">
        <v>1027.2919999999999</v>
      </c>
      <c r="D2446">
        <v>1029.6669999999999</v>
      </c>
      <c r="E2446">
        <v>1050.81</v>
      </c>
      <c r="F2446">
        <v>1059.4849999999999</v>
      </c>
      <c r="G2446">
        <v>1081.6179999999999</v>
      </c>
      <c r="H2446">
        <v>1098.239</v>
      </c>
      <c r="I2446">
        <v>1110.6969999999999</v>
      </c>
      <c r="J2446">
        <v>1122.297</v>
      </c>
      <c r="K2446">
        <v>1109.0909999999999</v>
      </c>
      <c r="L2446">
        <v>1135.5640000000001</v>
      </c>
      <c r="M2446">
        <v>1122.184</v>
      </c>
      <c r="P2446">
        <v>0</v>
      </c>
      <c r="Q2446">
        <v>0</v>
      </c>
      <c r="S2446">
        <v>0</v>
      </c>
    </row>
    <row r="2447" spans="1:19" x14ac:dyDescent="0.3">
      <c r="A2447">
        <v>65.516666670624787</v>
      </c>
      <c r="B2447">
        <v>937.24400000000003</v>
      </c>
      <c r="C2447">
        <v>1026.759</v>
      </c>
      <c r="D2447">
        <v>1031.4359999999999</v>
      </c>
      <c r="E2447">
        <v>1051.31</v>
      </c>
      <c r="F2447">
        <v>1060.4880000000001</v>
      </c>
      <c r="G2447">
        <v>1083.153</v>
      </c>
      <c r="H2447">
        <v>1098.8040000000001</v>
      </c>
      <c r="I2447">
        <v>1111.963</v>
      </c>
      <c r="J2447">
        <v>1119.9739999999999</v>
      </c>
      <c r="K2447">
        <v>1105.6479999999999</v>
      </c>
      <c r="L2447">
        <v>1129.6610000000001</v>
      </c>
      <c r="M2447">
        <v>1118.1790000000001</v>
      </c>
      <c r="P2447">
        <v>0</v>
      </c>
      <c r="Q2447">
        <v>0</v>
      </c>
      <c r="S2447">
        <v>0</v>
      </c>
    </row>
    <row r="2448" spans="1:19" x14ac:dyDescent="0.3">
      <c r="A2448">
        <v>65.550000001272807</v>
      </c>
      <c r="B2448">
        <v>939.32500000000005</v>
      </c>
      <c r="C2448">
        <v>1026.317</v>
      </c>
      <c r="D2448">
        <v>1027.8630000000001</v>
      </c>
      <c r="E2448">
        <v>1047.575</v>
      </c>
      <c r="F2448">
        <v>1058.075</v>
      </c>
      <c r="G2448">
        <v>1079.6210000000001</v>
      </c>
      <c r="H2448">
        <v>1094.068</v>
      </c>
      <c r="I2448">
        <v>1105.4970000000001</v>
      </c>
      <c r="J2448">
        <v>1117.7059999999999</v>
      </c>
      <c r="K2448">
        <v>1108.1110000000001</v>
      </c>
      <c r="L2448">
        <v>1131.4829999999999</v>
      </c>
      <c r="M2448">
        <v>1118.405</v>
      </c>
      <c r="P2448">
        <v>0</v>
      </c>
      <c r="Q2448">
        <v>0</v>
      </c>
      <c r="S2448">
        <v>0</v>
      </c>
    </row>
    <row r="2449" spans="1:19" x14ac:dyDescent="0.3">
      <c r="A2449">
        <v>65.566666671835506</v>
      </c>
      <c r="B2449">
        <v>942.91499999999996</v>
      </c>
      <c r="C2449">
        <v>1027.385</v>
      </c>
      <c r="D2449">
        <v>1030.0730000000001</v>
      </c>
      <c r="E2449">
        <v>1047.1690000000001</v>
      </c>
      <c r="F2449">
        <v>1056.479</v>
      </c>
      <c r="G2449">
        <v>1078.316</v>
      </c>
      <c r="H2449">
        <v>1093.9369999999999</v>
      </c>
      <c r="I2449">
        <v>1107.3599999999999</v>
      </c>
      <c r="J2449">
        <v>1121.731</v>
      </c>
      <c r="K2449">
        <v>1110.905</v>
      </c>
      <c r="L2449">
        <v>1130.895</v>
      </c>
      <c r="M2449">
        <v>1120.2570000000001</v>
      </c>
      <c r="P2449">
        <v>0</v>
      </c>
      <c r="Q2449">
        <v>0</v>
      </c>
      <c r="S2449">
        <v>0</v>
      </c>
    </row>
    <row r="2450" spans="1:19" x14ac:dyDescent="0.3">
      <c r="A2450">
        <v>65.600000002483526</v>
      </c>
      <c r="B2450">
        <v>940.20500000000004</v>
      </c>
      <c r="C2450">
        <v>1027.2380000000001</v>
      </c>
      <c r="D2450">
        <v>1030.441</v>
      </c>
      <c r="E2450">
        <v>1045.7460000000001</v>
      </c>
      <c r="F2450">
        <v>1057.184</v>
      </c>
      <c r="G2450">
        <v>1079.4159999999999</v>
      </c>
      <c r="H2450">
        <v>1097.374</v>
      </c>
      <c r="I2450">
        <v>1107.585</v>
      </c>
      <c r="J2450">
        <v>1121.769</v>
      </c>
      <c r="K2450">
        <v>1106.325</v>
      </c>
      <c r="L2450">
        <v>1129.2619999999999</v>
      </c>
      <c r="M2450">
        <v>1119.558</v>
      </c>
      <c r="P2450">
        <v>0</v>
      </c>
      <c r="Q2450">
        <v>0</v>
      </c>
      <c r="S2450">
        <v>0</v>
      </c>
    </row>
    <row r="2451" spans="1:19" x14ac:dyDescent="0.3">
      <c r="A2451">
        <v>65.633333333131546</v>
      </c>
      <c r="B2451">
        <v>935.827</v>
      </c>
      <c r="C2451">
        <v>1026.944</v>
      </c>
      <c r="D2451">
        <v>1030.2760000000001</v>
      </c>
      <c r="E2451">
        <v>1045.7460000000001</v>
      </c>
      <c r="F2451">
        <v>1054.9760000000001</v>
      </c>
      <c r="G2451">
        <v>1083.21</v>
      </c>
      <c r="H2451">
        <v>1098.296</v>
      </c>
      <c r="I2451">
        <v>1109.1869999999999</v>
      </c>
      <c r="J2451">
        <v>1123.075</v>
      </c>
      <c r="K2451">
        <v>1107.116</v>
      </c>
      <c r="L2451">
        <v>1130.269</v>
      </c>
      <c r="M2451">
        <v>1121.9580000000001</v>
      </c>
      <c r="P2451">
        <v>0</v>
      </c>
      <c r="Q2451">
        <v>0</v>
      </c>
      <c r="S2451">
        <v>0</v>
      </c>
    </row>
    <row r="2452" spans="1:19" x14ac:dyDescent="0.3">
      <c r="A2452">
        <v>65.650000003694245</v>
      </c>
      <c r="B2452">
        <v>937.101</v>
      </c>
      <c r="C2452">
        <v>1028.1579999999999</v>
      </c>
      <c r="D2452">
        <v>1029.373</v>
      </c>
      <c r="E2452">
        <v>1045.5060000000001</v>
      </c>
      <c r="F2452">
        <v>1053.1400000000001</v>
      </c>
      <c r="G2452">
        <v>1087.1410000000001</v>
      </c>
      <c r="H2452">
        <v>1101.606</v>
      </c>
      <c r="I2452">
        <v>1111.2260000000001</v>
      </c>
      <c r="J2452">
        <v>1122.6189999999999</v>
      </c>
      <c r="K2452">
        <v>1106.9839999999999</v>
      </c>
      <c r="L2452">
        <v>1129.7560000000001</v>
      </c>
      <c r="M2452">
        <v>1121.769</v>
      </c>
      <c r="P2452">
        <v>0</v>
      </c>
      <c r="Q2452">
        <v>0</v>
      </c>
      <c r="S2452">
        <v>0</v>
      </c>
    </row>
    <row r="2453" spans="1:19" x14ac:dyDescent="0.3">
      <c r="A2453">
        <v>65.683333334342265</v>
      </c>
      <c r="B2453">
        <v>941.06700000000001</v>
      </c>
      <c r="C2453">
        <v>1028.232</v>
      </c>
      <c r="D2453">
        <v>1027.845</v>
      </c>
      <c r="E2453">
        <v>1044.3409999999999</v>
      </c>
      <c r="F2453">
        <v>1053.9179999999999</v>
      </c>
      <c r="G2453">
        <v>1082.76</v>
      </c>
      <c r="H2453">
        <v>1099.067</v>
      </c>
      <c r="I2453">
        <v>1108.037</v>
      </c>
      <c r="J2453">
        <v>1121.4280000000001</v>
      </c>
      <c r="K2453">
        <v>1107.961</v>
      </c>
      <c r="L2453">
        <v>1132.7360000000001</v>
      </c>
      <c r="M2453">
        <v>1122.789</v>
      </c>
      <c r="P2453">
        <v>0</v>
      </c>
      <c r="Q2453">
        <v>0</v>
      </c>
      <c r="S2453">
        <v>0</v>
      </c>
    </row>
    <row r="2454" spans="1:19" x14ac:dyDescent="0.3">
      <c r="A2454">
        <v>65.716666664990285</v>
      </c>
      <c r="B2454">
        <v>947.42700000000002</v>
      </c>
      <c r="C2454">
        <v>1028.934</v>
      </c>
      <c r="D2454">
        <v>1028.6389999999999</v>
      </c>
      <c r="E2454">
        <v>1045.5820000000001</v>
      </c>
      <c r="F2454">
        <v>1054.83</v>
      </c>
      <c r="G2454">
        <v>1083.0429999999999</v>
      </c>
      <c r="H2454">
        <v>1099.596</v>
      </c>
      <c r="I2454">
        <v>1111.3420000000001</v>
      </c>
      <c r="J2454">
        <v>1121.374</v>
      </c>
      <c r="K2454">
        <v>1108.81</v>
      </c>
      <c r="L2454">
        <v>1137.374</v>
      </c>
      <c r="M2454">
        <v>1124.2719999999999</v>
      </c>
      <c r="P2454">
        <v>0</v>
      </c>
      <c r="Q2454">
        <v>0</v>
      </c>
      <c r="S2454">
        <v>0</v>
      </c>
    </row>
    <row r="2455" spans="1:19" x14ac:dyDescent="0.3">
      <c r="A2455">
        <v>65.733333335552985</v>
      </c>
      <c r="B2455">
        <v>940.36699999999996</v>
      </c>
      <c r="C2455">
        <v>1026.3910000000001</v>
      </c>
      <c r="D2455">
        <v>1028.8579999999999</v>
      </c>
      <c r="E2455">
        <v>1044.2850000000001</v>
      </c>
      <c r="F2455">
        <v>1052.124</v>
      </c>
      <c r="G2455">
        <v>1080.05</v>
      </c>
      <c r="H2455">
        <v>1098.4649999999999</v>
      </c>
      <c r="I2455">
        <v>1108.94</v>
      </c>
      <c r="J2455">
        <v>1118.2539999999999</v>
      </c>
      <c r="K2455">
        <v>1107.529</v>
      </c>
      <c r="L2455">
        <v>1136.665</v>
      </c>
      <c r="M2455">
        <v>1124.5360000000001</v>
      </c>
      <c r="P2455">
        <v>0</v>
      </c>
      <c r="Q2455">
        <v>0</v>
      </c>
      <c r="S2455">
        <v>0</v>
      </c>
    </row>
    <row r="2456" spans="1:19" x14ac:dyDescent="0.3">
      <c r="A2456">
        <v>65.766666666201004</v>
      </c>
      <c r="B2456">
        <v>944.17100000000005</v>
      </c>
      <c r="C2456">
        <v>1026.943</v>
      </c>
      <c r="D2456">
        <v>1026.4829999999999</v>
      </c>
      <c r="E2456">
        <v>1043.768</v>
      </c>
      <c r="F2456">
        <v>1051.384</v>
      </c>
      <c r="G2456">
        <v>1077.7760000000001</v>
      </c>
      <c r="H2456">
        <v>1095.306</v>
      </c>
      <c r="I2456">
        <v>1106.307</v>
      </c>
      <c r="J2456">
        <v>1114.627</v>
      </c>
      <c r="K2456">
        <v>1103.712</v>
      </c>
      <c r="L2456">
        <v>1132.2429999999999</v>
      </c>
      <c r="M2456">
        <v>1123.1120000000001</v>
      </c>
      <c r="P2456">
        <v>0</v>
      </c>
      <c r="Q2456">
        <v>0</v>
      </c>
      <c r="S2456">
        <v>0</v>
      </c>
    </row>
    <row r="2457" spans="1:19" x14ac:dyDescent="0.3">
      <c r="A2457">
        <v>65.783333336763704</v>
      </c>
      <c r="B2457">
        <v>933.601</v>
      </c>
      <c r="C2457">
        <v>1024.52</v>
      </c>
      <c r="D2457">
        <v>1025.2360000000001</v>
      </c>
      <c r="E2457">
        <v>1042.7329999999999</v>
      </c>
      <c r="F2457">
        <v>1050.7190000000001</v>
      </c>
      <c r="G2457">
        <v>1077.31</v>
      </c>
      <c r="H2457">
        <v>1095.325</v>
      </c>
      <c r="I2457">
        <v>1109.6020000000001</v>
      </c>
      <c r="J2457">
        <v>1119.2370000000001</v>
      </c>
      <c r="K2457">
        <v>1110.2059999999999</v>
      </c>
      <c r="L2457">
        <v>1134.3119999999999</v>
      </c>
      <c r="M2457">
        <v>1122.675</v>
      </c>
      <c r="P2457">
        <v>0</v>
      </c>
      <c r="Q2457">
        <v>0</v>
      </c>
      <c r="S2457">
        <v>0</v>
      </c>
    </row>
    <row r="2458" spans="1:19" x14ac:dyDescent="0.3">
      <c r="A2458">
        <v>65.816666667411724</v>
      </c>
      <c r="B2458">
        <v>940.67200000000003</v>
      </c>
      <c r="C2458">
        <v>1025.8409999999999</v>
      </c>
      <c r="D2458">
        <v>1028.895</v>
      </c>
      <c r="E2458">
        <v>1045.5429999999999</v>
      </c>
      <c r="F2458">
        <v>1055.7370000000001</v>
      </c>
      <c r="G2458">
        <v>1080.404</v>
      </c>
      <c r="H2458">
        <v>1098.71</v>
      </c>
      <c r="I2458">
        <v>1112.2650000000001</v>
      </c>
      <c r="J2458">
        <v>1120.144</v>
      </c>
      <c r="K2458">
        <v>1109.0540000000001</v>
      </c>
      <c r="L2458">
        <v>1131.8820000000001</v>
      </c>
      <c r="M2458">
        <v>1122.808</v>
      </c>
      <c r="P2458">
        <v>0</v>
      </c>
      <c r="Q2458">
        <v>0</v>
      </c>
      <c r="S2458">
        <v>0</v>
      </c>
    </row>
    <row r="2459" spans="1:19" x14ac:dyDescent="0.3">
      <c r="A2459">
        <v>65.849999998059744</v>
      </c>
      <c r="B2459">
        <v>929.36</v>
      </c>
      <c r="C2459">
        <v>1029.2080000000001</v>
      </c>
      <c r="D2459">
        <v>1032.5219999999999</v>
      </c>
      <c r="E2459">
        <v>1048.057</v>
      </c>
      <c r="F2459">
        <v>1061.027</v>
      </c>
      <c r="G2459">
        <v>1083.4159999999999</v>
      </c>
      <c r="H2459">
        <v>1099.5940000000001</v>
      </c>
      <c r="I2459">
        <v>1111.9829999999999</v>
      </c>
      <c r="J2459">
        <v>1120.579</v>
      </c>
      <c r="K2459">
        <v>1107.078</v>
      </c>
      <c r="L2459">
        <v>1132.0719999999999</v>
      </c>
      <c r="M2459">
        <v>1121.9770000000001</v>
      </c>
      <c r="P2459">
        <v>0</v>
      </c>
      <c r="Q2459">
        <v>0</v>
      </c>
      <c r="S2459">
        <v>0</v>
      </c>
    </row>
    <row r="2460" spans="1:19" x14ac:dyDescent="0.3">
      <c r="A2460">
        <v>65.866666668622443</v>
      </c>
      <c r="B2460">
        <v>945.75300000000004</v>
      </c>
      <c r="C2460">
        <v>1031.162</v>
      </c>
      <c r="D2460">
        <v>1034.9000000000001</v>
      </c>
      <c r="E2460">
        <v>1052.0709999999999</v>
      </c>
      <c r="F2460">
        <v>1060.287</v>
      </c>
      <c r="G2460">
        <v>1085.403</v>
      </c>
      <c r="H2460">
        <v>1100.48</v>
      </c>
      <c r="I2460">
        <v>1111.588</v>
      </c>
      <c r="J2460">
        <v>1121.7529999999999</v>
      </c>
      <c r="K2460">
        <v>1107.682</v>
      </c>
      <c r="L2460">
        <v>1131.258</v>
      </c>
      <c r="M2460">
        <v>1118.9190000000001</v>
      </c>
      <c r="P2460">
        <v>0</v>
      </c>
      <c r="Q2460">
        <v>0</v>
      </c>
      <c r="S2460">
        <v>0</v>
      </c>
    </row>
    <row r="2461" spans="1:19" x14ac:dyDescent="0.3">
      <c r="A2461">
        <v>65.899999999270463</v>
      </c>
      <c r="B2461">
        <v>950.43399999999997</v>
      </c>
      <c r="C2461">
        <v>1031.4380000000001</v>
      </c>
      <c r="D2461">
        <v>1034.8989999999999</v>
      </c>
      <c r="E2461">
        <v>1052.4590000000001</v>
      </c>
      <c r="F2461">
        <v>1058.597</v>
      </c>
      <c r="G2461">
        <v>1082.819</v>
      </c>
      <c r="H2461">
        <v>1099.3699999999999</v>
      </c>
      <c r="I2461">
        <v>1110.2840000000001</v>
      </c>
      <c r="J2461">
        <v>1120.845</v>
      </c>
      <c r="K2461">
        <v>1105.952</v>
      </c>
      <c r="L2461">
        <v>1131.6559999999999</v>
      </c>
      <c r="M2461">
        <v>1120.9580000000001</v>
      </c>
      <c r="P2461">
        <v>0</v>
      </c>
      <c r="Q2461">
        <v>0</v>
      </c>
      <c r="S2461">
        <v>0</v>
      </c>
    </row>
    <row r="2462" spans="1:19" x14ac:dyDescent="0.3">
      <c r="A2462">
        <v>65.916666669833162</v>
      </c>
      <c r="B2462">
        <v>939.95399999999995</v>
      </c>
      <c r="C2462">
        <v>1031.491</v>
      </c>
      <c r="D2462">
        <v>1036.3699999999999</v>
      </c>
      <c r="E2462">
        <v>1053.6020000000001</v>
      </c>
      <c r="F2462">
        <v>1061.472</v>
      </c>
      <c r="G2462">
        <v>1084.539</v>
      </c>
      <c r="H2462">
        <v>1103.373</v>
      </c>
      <c r="I2462">
        <v>1116.6300000000001</v>
      </c>
      <c r="J2462">
        <v>1126.548</v>
      </c>
      <c r="K2462">
        <v>1114.684</v>
      </c>
      <c r="L2462">
        <v>1133.875</v>
      </c>
      <c r="M2462">
        <v>1122.6189999999999</v>
      </c>
      <c r="P2462">
        <v>0</v>
      </c>
      <c r="Q2462">
        <v>0</v>
      </c>
      <c r="S2462">
        <v>0</v>
      </c>
    </row>
    <row r="2463" spans="1:19" x14ac:dyDescent="0.3">
      <c r="A2463">
        <v>65.950000000481182</v>
      </c>
      <c r="B2463">
        <v>942.46699999999998</v>
      </c>
      <c r="C2463">
        <v>1032.2460000000001</v>
      </c>
      <c r="D2463">
        <v>1039.4449999999999</v>
      </c>
      <c r="E2463">
        <v>1056.2380000000001</v>
      </c>
      <c r="F2463">
        <v>1063.143</v>
      </c>
      <c r="G2463">
        <v>1087.5350000000001</v>
      </c>
      <c r="H2463">
        <v>1103.731</v>
      </c>
      <c r="I2463">
        <v>1116.404</v>
      </c>
      <c r="J2463">
        <v>1125.732</v>
      </c>
      <c r="K2463">
        <v>1114.741</v>
      </c>
      <c r="L2463">
        <v>1134.635</v>
      </c>
      <c r="M2463">
        <v>1122.771</v>
      </c>
      <c r="P2463">
        <v>0</v>
      </c>
      <c r="Q2463">
        <v>0</v>
      </c>
      <c r="S2463">
        <v>0</v>
      </c>
    </row>
    <row r="2464" spans="1:19" x14ac:dyDescent="0.3">
      <c r="A2464">
        <v>65.983333331129202</v>
      </c>
      <c r="B2464">
        <v>936.54499999999996</v>
      </c>
      <c r="C2464">
        <v>1030.0550000000001</v>
      </c>
      <c r="D2464">
        <v>1036.518</v>
      </c>
      <c r="E2464">
        <v>1056.424</v>
      </c>
      <c r="F2464">
        <v>1066.1500000000001</v>
      </c>
      <c r="G2464">
        <v>1090.4929999999999</v>
      </c>
      <c r="H2464">
        <v>1107.21</v>
      </c>
      <c r="I2464">
        <v>1119.067</v>
      </c>
      <c r="J2464">
        <v>1127.6869999999999</v>
      </c>
      <c r="K2464">
        <v>1113.9100000000001</v>
      </c>
      <c r="L2464">
        <v>1133.6859999999999</v>
      </c>
      <c r="M2464">
        <v>1118.7840000000001</v>
      </c>
      <c r="P2464">
        <v>0</v>
      </c>
      <c r="Q2464">
        <v>0</v>
      </c>
      <c r="S2464">
        <v>0</v>
      </c>
    </row>
    <row r="2465" spans="1:19" x14ac:dyDescent="0.3">
      <c r="A2465">
        <v>66.000000001691902</v>
      </c>
      <c r="B2465">
        <v>938.03399999999999</v>
      </c>
      <c r="C2465">
        <v>1028.325</v>
      </c>
      <c r="D2465">
        <v>1037.144</v>
      </c>
      <c r="E2465">
        <v>1058.02</v>
      </c>
      <c r="F2465">
        <v>1068.4929999999999</v>
      </c>
      <c r="G2465">
        <v>1091.4100000000001</v>
      </c>
      <c r="H2465">
        <v>1106.1569999999999</v>
      </c>
      <c r="I2465">
        <v>1116.498</v>
      </c>
      <c r="J2465">
        <v>1127.498</v>
      </c>
      <c r="K2465">
        <v>1114.4010000000001</v>
      </c>
      <c r="L2465">
        <v>1135.1659999999999</v>
      </c>
      <c r="M2465">
        <v>1121.278</v>
      </c>
      <c r="P2465">
        <v>0</v>
      </c>
      <c r="Q2465">
        <v>0</v>
      </c>
      <c r="S2465">
        <v>0</v>
      </c>
    </row>
    <row r="2466" spans="1:19" x14ac:dyDescent="0.3">
      <c r="A2466">
        <v>66.033333332339922</v>
      </c>
      <c r="B2466">
        <v>935.30799999999999</v>
      </c>
      <c r="C2466">
        <v>1023.367</v>
      </c>
      <c r="D2466">
        <v>1034.825</v>
      </c>
      <c r="E2466">
        <v>1057.9290000000001</v>
      </c>
      <c r="F2466">
        <v>1069.204</v>
      </c>
      <c r="G2466">
        <v>1091.8240000000001</v>
      </c>
      <c r="H2466">
        <v>1105.895</v>
      </c>
      <c r="I2466">
        <v>1116.3679999999999</v>
      </c>
      <c r="J2466">
        <v>1130.5930000000001</v>
      </c>
      <c r="K2466">
        <v>1116.6890000000001</v>
      </c>
      <c r="L2466">
        <v>1134.94</v>
      </c>
      <c r="M2466">
        <v>1119.0309999999999</v>
      </c>
      <c r="P2466">
        <v>0</v>
      </c>
      <c r="Q2466">
        <v>0</v>
      </c>
      <c r="S2466">
        <v>0</v>
      </c>
    </row>
    <row r="2467" spans="1:19" x14ac:dyDescent="0.3">
      <c r="A2467">
        <v>66.050000002902621</v>
      </c>
      <c r="B2467">
        <v>934.15800000000002</v>
      </c>
      <c r="C2467">
        <v>1024.558</v>
      </c>
      <c r="D2467">
        <v>1035.56</v>
      </c>
      <c r="E2467">
        <v>1057.501</v>
      </c>
      <c r="F2467">
        <v>1072.296</v>
      </c>
      <c r="G2467">
        <v>1094.3119999999999</v>
      </c>
      <c r="H2467">
        <v>1104.8969999999999</v>
      </c>
      <c r="I2467">
        <v>1116.1959999999999</v>
      </c>
      <c r="J2467">
        <v>1126.529</v>
      </c>
      <c r="K2467">
        <v>1110.547</v>
      </c>
      <c r="L2467">
        <v>1129.1110000000001</v>
      </c>
      <c r="M2467">
        <v>1115.856</v>
      </c>
      <c r="P2467">
        <v>0</v>
      </c>
      <c r="Q2467">
        <v>0</v>
      </c>
      <c r="S2467">
        <v>0</v>
      </c>
    </row>
    <row r="2468" spans="1:19" x14ac:dyDescent="0.3">
      <c r="A2468">
        <v>66.083333333550641</v>
      </c>
      <c r="B2468">
        <v>942.86400000000003</v>
      </c>
      <c r="C2468">
        <v>1027.02</v>
      </c>
      <c r="D2468">
        <v>1034.2739999999999</v>
      </c>
      <c r="E2468">
        <v>1055.2760000000001</v>
      </c>
      <c r="F2468">
        <v>1066.82</v>
      </c>
      <c r="G2468">
        <v>1089.26</v>
      </c>
      <c r="H2468">
        <v>1100.7249999999999</v>
      </c>
      <c r="I2468">
        <v>1110.3040000000001</v>
      </c>
      <c r="J2468">
        <v>1122.357</v>
      </c>
      <c r="K2468">
        <v>1109.548</v>
      </c>
      <c r="L2468">
        <v>1129.721</v>
      </c>
      <c r="M2468">
        <v>1118.05</v>
      </c>
      <c r="P2468">
        <v>0</v>
      </c>
      <c r="Q2468">
        <v>0</v>
      </c>
      <c r="S2468">
        <v>0</v>
      </c>
    </row>
    <row r="2469" spans="1:19" x14ac:dyDescent="0.3">
      <c r="A2469">
        <v>66.116666664198661</v>
      </c>
      <c r="B2469">
        <v>944.42499999999995</v>
      </c>
      <c r="C2469">
        <v>1029.6890000000001</v>
      </c>
      <c r="D2469">
        <v>1035.452</v>
      </c>
      <c r="E2469">
        <v>1055.22</v>
      </c>
      <c r="F2469">
        <v>1063.9059999999999</v>
      </c>
      <c r="G2469">
        <v>1085.4970000000001</v>
      </c>
      <c r="H2469">
        <v>1100.2170000000001</v>
      </c>
      <c r="I2469">
        <v>1107.7760000000001</v>
      </c>
      <c r="J2469">
        <v>1119.6369999999999</v>
      </c>
      <c r="K2469">
        <v>1108.2090000000001</v>
      </c>
      <c r="L2469">
        <v>1127.405</v>
      </c>
      <c r="M2469">
        <v>1117.596</v>
      </c>
      <c r="P2469">
        <v>0</v>
      </c>
      <c r="Q2469">
        <v>0</v>
      </c>
      <c r="S2469">
        <v>0</v>
      </c>
    </row>
    <row r="2470" spans="1:19" x14ac:dyDescent="0.3">
      <c r="A2470">
        <v>66.13333333476136</v>
      </c>
      <c r="B2470">
        <v>950.92</v>
      </c>
      <c r="C2470">
        <v>1030.83</v>
      </c>
      <c r="D2470">
        <v>1036.2249999999999</v>
      </c>
      <c r="E2470">
        <v>1054.087</v>
      </c>
      <c r="F2470">
        <v>1060.9169999999999</v>
      </c>
      <c r="G2470">
        <v>1085.9829999999999</v>
      </c>
      <c r="H2470">
        <v>1102.83</v>
      </c>
      <c r="I2470">
        <v>1108.49</v>
      </c>
      <c r="J2470">
        <v>1120.9960000000001</v>
      </c>
      <c r="K2470">
        <v>1109.7170000000001</v>
      </c>
      <c r="L2470">
        <v>1129.9860000000001</v>
      </c>
      <c r="M2470">
        <v>1119.9380000000001</v>
      </c>
      <c r="P2470">
        <v>0</v>
      </c>
      <c r="Q2470">
        <v>0</v>
      </c>
      <c r="S2470">
        <v>0</v>
      </c>
    </row>
    <row r="2471" spans="1:19" x14ac:dyDescent="0.3">
      <c r="A2471">
        <v>66.16666666540938</v>
      </c>
      <c r="B2471">
        <v>950.23599999999999</v>
      </c>
      <c r="C2471">
        <v>1031.143</v>
      </c>
      <c r="D2471">
        <v>1038.011</v>
      </c>
      <c r="E2471">
        <v>1054.7919999999999</v>
      </c>
      <c r="F2471">
        <v>1065.261</v>
      </c>
      <c r="G2471">
        <v>1091.9549999999999</v>
      </c>
      <c r="H2471">
        <v>1104.9739999999999</v>
      </c>
      <c r="I2471">
        <v>1116.2919999999999</v>
      </c>
      <c r="J2471">
        <v>1127.1579999999999</v>
      </c>
      <c r="K2471">
        <v>1110.3779999999999</v>
      </c>
      <c r="L2471">
        <v>1130.0429999999999</v>
      </c>
      <c r="M2471">
        <v>1121.317</v>
      </c>
      <c r="P2471">
        <v>0</v>
      </c>
      <c r="Q2471">
        <v>0</v>
      </c>
      <c r="S2471">
        <v>0</v>
      </c>
    </row>
    <row r="2472" spans="1:19" x14ac:dyDescent="0.3">
      <c r="A2472">
        <v>66.200000006534779</v>
      </c>
      <c r="B2472">
        <v>949.03</v>
      </c>
      <c r="C2472">
        <v>1032.7460000000001</v>
      </c>
      <c r="D2472">
        <v>1038.711</v>
      </c>
      <c r="E2472">
        <v>1057.7809999999999</v>
      </c>
      <c r="F2472">
        <v>1070.3779999999999</v>
      </c>
      <c r="G2472">
        <v>1091.6559999999999</v>
      </c>
      <c r="H2472">
        <v>1103.357</v>
      </c>
      <c r="I2472">
        <v>1114.97</v>
      </c>
      <c r="J2472">
        <v>1125.5260000000001</v>
      </c>
      <c r="K2472">
        <v>1108.134</v>
      </c>
      <c r="L2472">
        <v>1129.816</v>
      </c>
      <c r="M2472">
        <v>1121.299</v>
      </c>
      <c r="P2472">
        <v>0</v>
      </c>
      <c r="Q2472">
        <v>0</v>
      </c>
      <c r="S2472">
        <v>0</v>
      </c>
    </row>
    <row r="2473" spans="1:19" x14ac:dyDescent="0.3">
      <c r="A2473">
        <v>66.2166666666201</v>
      </c>
      <c r="B2473">
        <v>941.85699999999997</v>
      </c>
      <c r="C2473">
        <v>1030.3499999999999</v>
      </c>
      <c r="D2473">
        <v>1034.971</v>
      </c>
      <c r="E2473">
        <v>1056.2380000000001</v>
      </c>
      <c r="F2473">
        <v>1072.259</v>
      </c>
      <c r="G2473">
        <v>1091.579</v>
      </c>
      <c r="H2473">
        <v>1102.7909999999999</v>
      </c>
      <c r="I2473">
        <v>1118.501</v>
      </c>
      <c r="J2473">
        <v>1129.7</v>
      </c>
      <c r="K2473">
        <v>1114.722</v>
      </c>
      <c r="L2473">
        <v>1136.116</v>
      </c>
      <c r="M2473">
        <v>1127.0229999999999</v>
      </c>
      <c r="P2473">
        <v>0</v>
      </c>
      <c r="Q2473">
        <v>0</v>
      </c>
      <c r="S2473">
        <v>0</v>
      </c>
    </row>
    <row r="2474" spans="1:19" x14ac:dyDescent="0.3">
      <c r="A2474">
        <v>66.24999999726812</v>
      </c>
      <c r="B2474">
        <v>948.77599999999995</v>
      </c>
      <c r="C2474">
        <v>1029.816</v>
      </c>
      <c r="D2474">
        <v>1034.548</v>
      </c>
      <c r="E2474">
        <v>1056.201</v>
      </c>
      <c r="F2474">
        <v>1074.999</v>
      </c>
      <c r="G2474">
        <v>1091.242</v>
      </c>
      <c r="H2474">
        <v>1104.8030000000001</v>
      </c>
      <c r="I2474">
        <v>1121.731</v>
      </c>
      <c r="J2474">
        <v>1130.8009999999999</v>
      </c>
      <c r="K2474">
        <v>1115.0619999999999</v>
      </c>
      <c r="L2474">
        <v>1139.299</v>
      </c>
      <c r="M2474">
        <v>1126.9849999999999</v>
      </c>
      <c r="P2474">
        <v>0</v>
      </c>
      <c r="Q2474">
        <v>0</v>
      </c>
      <c r="S2474">
        <v>0</v>
      </c>
    </row>
    <row r="2475" spans="1:19" x14ac:dyDescent="0.3">
      <c r="A2475">
        <v>66.266666667830819</v>
      </c>
      <c r="B2475">
        <v>941.42899999999997</v>
      </c>
      <c r="C2475">
        <v>1030.261</v>
      </c>
      <c r="D2475">
        <v>1033.4829999999999</v>
      </c>
      <c r="E2475">
        <v>1055.6469999999999</v>
      </c>
      <c r="F2475">
        <v>1070.1369999999999</v>
      </c>
      <c r="G2475">
        <v>1092.0119999999999</v>
      </c>
      <c r="H2475">
        <v>1102.4359999999999</v>
      </c>
      <c r="I2475">
        <v>1118.4280000000001</v>
      </c>
      <c r="J2475">
        <v>1129.816</v>
      </c>
      <c r="K2475">
        <v>1114.498</v>
      </c>
      <c r="L2475">
        <v>1133.518</v>
      </c>
      <c r="M2475">
        <v>1122.2260000000001</v>
      </c>
      <c r="P2475">
        <v>0</v>
      </c>
      <c r="Q2475">
        <v>0</v>
      </c>
      <c r="S2475">
        <v>0</v>
      </c>
    </row>
    <row r="2476" spans="1:19" x14ac:dyDescent="0.3">
      <c r="A2476">
        <v>66.299999998478839</v>
      </c>
      <c r="B2476">
        <v>939.00599999999997</v>
      </c>
      <c r="C2476">
        <v>1026.0820000000001</v>
      </c>
      <c r="D2476">
        <v>1034.7339999999999</v>
      </c>
      <c r="E2476">
        <v>1056.4449999999999</v>
      </c>
      <c r="F2476">
        <v>1068.011</v>
      </c>
      <c r="G2476">
        <v>1091.375</v>
      </c>
      <c r="H2476">
        <v>1101.8530000000001</v>
      </c>
      <c r="I2476">
        <v>1111.72</v>
      </c>
      <c r="J2476">
        <v>1123.134</v>
      </c>
      <c r="K2476">
        <v>1112.797</v>
      </c>
      <c r="L2476">
        <v>1131.5050000000001</v>
      </c>
      <c r="M2476">
        <v>1123.001</v>
      </c>
      <c r="P2476">
        <v>0</v>
      </c>
      <c r="Q2476">
        <v>0</v>
      </c>
      <c r="S2476">
        <v>0</v>
      </c>
    </row>
    <row r="2477" spans="1:19" x14ac:dyDescent="0.3">
      <c r="A2477">
        <v>66.333333339604238</v>
      </c>
      <c r="B2477">
        <v>939.04200000000003</v>
      </c>
      <c r="C2477">
        <v>1029.8</v>
      </c>
      <c r="D2477">
        <v>1038.527</v>
      </c>
      <c r="E2477">
        <v>1059.47</v>
      </c>
      <c r="F2477">
        <v>1071.944</v>
      </c>
      <c r="G2477">
        <v>1094.221</v>
      </c>
      <c r="H2477">
        <v>1103.508</v>
      </c>
      <c r="I2477">
        <v>1114.876</v>
      </c>
      <c r="J2477">
        <v>1131.5050000000001</v>
      </c>
      <c r="K2477">
        <v>1116.973</v>
      </c>
      <c r="L2477">
        <v>1134.6369999999999</v>
      </c>
      <c r="M2477">
        <v>1122.2249999999999</v>
      </c>
      <c r="P2477">
        <v>0</v>
      </c>
      <c r="Q2477">
        <v>0</v>
      </c>
      <c r="S2477">
        <v>0</v>
      </c>
    </row>
    <row r="2478" spans="1:19" x14ac:dyDescent="0.3">
      <c r="A2478">
        <v>66.349999999689558</v>
      </c>
      <c r="B2478">
        <v>952.95500000000004</v>
      </c>
      <c r="C2478">
        <v>1032.0450000000001</v>
      </c>
      <c r="D2478">
        <v>1041.0340000000001</v>
      </c>
      <c r="E2478">
        <v>1061.9380000000001</v>
      </c>
      <c r="F2478">
        <v>1073.4159999999999</v>
      </c>
      <c r="G2478">
        <v>1095.6659999999999</v>
      </c>
      <c r="H2478">
        <v>1104.9169999999999</v>
      </c>
      <c r="I2478">
        <v>1119.107</v>
      </c>
      <c r="J2478">
        <v>1130.7829999999999</v>
      </c>
      <c r="K2478">
        <v>1116.1410000000001</v>
      </c>
      <c r="L2478">
        <v>1137.107</v>
      </c>
      <c r="M2478">
        <v>1123.836</v>
      </c>
      <c r="P2478">
        <v>0</v>
      </c>
      <c r="Q2478">
        <v>0</v>
      </c>
      <c r="S2478">
        <v>0</v>
      </c>
    </row>
    <row r="2479" spans="1:19" x14ac:dyDescent="0.3">
      <c r="A2479">
        <v>66.383333330337578</v>
      </c>
      <c r="B2479">
        <v>953.20799999999997</v>
      </c>
      <c r="C2479">
        <v>1032.4690000000001</v>
      </c>
      <c r="D2479">
        <v>1040.037</v>
      </c>
      <c r="E2479">
        <v>1062.4960000000001</v>
      </c>
      <c r="F2479">
        <v>1075.3</v>
      </c>
      <c r="G2479">
        <v>1093.884</v>
      </c>
      <c r="H2479">
        <v>1103.2629999999999</v>
      </c>
      <c r="I2479">
        <v>1116.8969999999999</v>
      </c>
      <c r="J2479">
        <v>1130.0060000000001</v>
      </c>
      <c r="K2479">
        <v>1114.0820000000001</v>
      </c>
      <c r="L2479">
        <v>1138.595</v>
      </c>
      <c r="M2479">
        <v>1125.7729999999999</v>
      </c>
      <c r="P2479">
        <v>0</v>
      </c>
      <c r="Q2479">
        <v>0</v>
      </c>
      <c r="S2479">
        <v>0</v>
      </c>
    </row>
    <row r="2480" spans="1:19" x14ac:dyDescent="0.3">
      <c r="A2480">
        <v>66.400000000900278</v>
      </c>
      <c r="B2480">
        <v>949.87699999999995</v>
      </c>
      <c r="C2480">
        <v>1031.4939999999999</v>
      </c>
      <c r="D2480">
        <v>1038.711</v>
      </c>
      <c r="E2480">
        <v>1058.58</v>
      </c>
      <c r="F2480">
        <v>1072.7280000000001</v>
      </c>
      <c r="G2480">
        <v>1092.3679999999999</v>
      </c>
      <c r="H2480">
        <v>1102.2860000000001</v>
      </c>
      <c r="I2480">
        <v>1116.18</v>
      </c>
      <c r="J2480">
        <v>1130.1389999999999</v>
      </c>
      <c r="K2480">
        <v>1115.915</v>
      </c>
      <c r="L2480">
        <v>1134.885</v>
      </c>
      <c r="M2480">
        <v>1122.2819999999999</v>
      </c>
      <c r="P2480">
        <v>0</v>
      </c>
      <c r="Q2480">
        <v>0</v>
      </c>
      <c r="S2480">
        <v>0</v>
      </c>
    </row>
    <row r="2481" spans="1:19" x14ac:dyDescent="0.3">
      <c r="A2481">
        <v>66.433333331548297</v>
      </c>
      <c r="B2481">
        <v>944.24599999999998</v>
      </c>
      <c r="C2481">
        <v>1029.7260000000001</v>
      </c>
      <c r="D2481">
        <v>1037.4770000000001</v>
      </c>
      <c r="E2481">
        <v>1056.538</v>
      </c>
      <c r="F2481">
        <v>1066.431</v>
      </c>
      <c r="G2481">
        <v>1089.0350000000001</v>
      </c>
      <c r="H2481">
        <v>1100.5550000000001</v>
      </c>
      <c r="I2481">
        <v>1113.4590000000001</v>
      </c>
      <c r="J2481">
        <v>1128.943</v>
      </c>
      <c r="K2481">
        <v>1116.066</v>
      </c>
      <c r="L2481">
        <v>1136.346</v>
      </c>
      <c r="M2481">
        <v>1125.317</v>
      </c>
      <c r="P2481">
        <v>0</v>
      </c>
      <c r="Q2481">
        <v>0</v>
      </c>
      <c r="S2481">
        <v>0</v>
      </c>
    </row>
    <row r="2482" spans="1:19" x14ac:dyDescent="0.3">
      <c r="A2482">
        <v>66.466666672673696</v>
      </c>
      <c r="B2482">
        <v>936.63699999999994</v>
      </c>
      <c r="C2482">
        <v>1020.544</v>
      </c>
      <c r="D2482">
        <v>1034.8630000000001</v>
      </c>
      <c r="E2482">
        <v>1055.498</v>
      </c>
      <c r="F2482">
        <v>1070.1179999999999</v>
      </c>
      <c r="G2482">
        <v>1092.5170000000001</v>
      </c>
      <c r="H2482">
        <v>1102.981</v>
      </c>
      <c r="I2482">
        <v>1113.0999999999999</v>
      </c>
      <c r="J2482">
        <v>1125.867</v>
      </c>
      <c r="K2482">
        <v>1116.009</v>
      </c>
      <c r="L2482">
        <v>1137.9280000000001</v>
      </c>
      <c r="M2482">
        <v>1128.05</v>
      </c>
      <c r="P2482">
        <v>0</v>
      </c>
      <c r="Q2482">
        <v>0</v>
      </c>
      <c r="S2482">
        <v>0</v>
      </c>
    </row>
    <row r="2483" spans="1:19" x14ac:dyDescent="0.3">
      <c r="A2483">
        <v>66.483333332759017</v>
      </c>
      <c r="B2483">
        <v>933.048</v>
      </c>
      <c r="C2483">
        <v>1024.817</v>
      </c>
      <c r="D2483">
        <v>1034.789</v>
      </c>
      <c r="E2483">
        <v>1054.069</v>
      </c>
      <c r="F2483">
        <v>1068.7940000000001</v>
      </c>
      <c r="G2483">
        <v>1094.914</v>
      </c>
      <c r="H2483">
        <v>1103.5830000000001</v>
      </c>
      <c r="I2483">
        <v>1114.0440000000001</v>
      </c>
      <c r="J2483">
        <v>1124.33</v>
      </c>
      <c r="K2483">
        <v>1113.836</v>
      </c>
      <c r="L2483">
        <v>1133.422</v>
      </c>
      <c r="M2483">
        <v>1123.741</v>
      </c>
      <c r="P2483">
        <v>0</v>
      </c>
      <c r="Q2483">
        <v>0</v>
      </c>
      <c r="S2483">
        <v>0</v>
      </c>
    </row>
    <row r="2484" spans="1:19" x14ac:dyDescent="0.3">
      <c r="A2484">
        <v>66.516666663407037</v>
      </c>
      <c r="B2484">
        <v>930.73900000000003</v>
      </c>
      <c r="C2484">
        <v>1025.018</v>
      </c>
      <c r="D2484">
        <v>1032.5250000000001</v>
      </c>
      <c r="E2484">
        <v>1051.0730000000001</v>
      </c>
      <c r="F2484">
        <v>1064.519</v>
      </c>
      <c r="G2484">
        <v>1089.335</v>
      </c>
      <c r="H2484">
        <v>1100.01</v>
      </c>
      <c r="I2484">
        <v>1110.492</v>
      </c>
      <c r="J2484">
        <v>1121.885</v>
      </c>
      <c r="K2484">
        <v>1111.3620000000001</v>
      </c>
      <c r="L2484">
        <v>1134.713</v>
      </c>
      <c r="M2484">
        <v>1122.8109999999999</v>
      </c>
      <c r="P2484">
        <v>0</v>
      </c>
      <c r="Q2484">
        <v>0</v>
      </c>
      <c r="S2484">
        <v>0</v>
      </c>
    </row>
    <row r="2485" spans="1:19" x14ac:dyDescent="0.3">
      <c r="A2485">
        <v>66.533333333969736</v>
      </c>
      <c r="B2485">
        <v>933.17399999999998</v>
      </c>
      <c r="C2485">
        <v>1024.0650000000001</v>
      </c>
      <c r="D2485">
        <v>1031.2360000000001</v>
      </c>
      <c r="E2485">
        <v>1052.5519999999999</v>
      </c>
      <c r="F2485">
        <v>1063.758</v>
      </c>
      <c r="G2485">
        <v>1087.95</v>
      </c>
      <c r="H2485">
        <v>1099.4280000000001</v>
      </c>
      <c r="I2485">
        <v>1108.604</v>
      </c>
      <c r="J2485">
        <v>1123.5519999999999</v>
      </c>
      <c r="K2485">
        <v>1109.114</v>
      </c>
      <c r="L2485">
        <v>1129.4749999999999</v>
      </c>
      <c r="M2485">
        <v>1118.9760000000001</v>
      </c>
      <c r="P2485">
        <v>0</v>
      </c>
      <c r="Q2485">
        <v>0</v>
      </c>
      <c r="S2485">
        <v>0</v>
      </c>
    </row>
    <row r="2486" spans="1:19" x14ac:dyDescent="0.3">
      <c r="A2486">
        <v>66.566666664617756</v>
      </c>
      <c r="B2486">
        <v>936.49400000000003</v>
      </c>
      <c r="C2486">
        <v>1026.2840000000001</v>
      </c>
      <c r="D2486">
        <v>1030.482</v>
      </c>
      <c r="E2486">
        <v>1052.4970000000001</v>
      </c>
      <c r="F2486">
        <v>1066.4680000000001</v>
      </c>
      <c r="G2486">
        <v>1090.9829999999999</v>
      </c>
      <c r="H2486">
        <v>1100.913</v>
      </c>
      <c r="I2486">
        <v>1113.0440000000001</v>
      </c>
      <c r="J2486">
        <v>1126.779</v>
      </c>
      <c r="K2486">
        <v>1111.3620000000001</v>
      </c>
      <c r="L2486">
        <v>1132.664</v>
      </c>
      <c r="M2486">
        <v>1120.261</v>
      </c>
      <c r="P2486">
        <v>0</v>
      </c>
      <c r="Q2486">
        <v>0</v>
      </c>
      <c r="S2486">
        <v>0</v>
      </c>
    </row>
    <row r="2487" spans="1:19" x14ac:dyDescent="0.3">
      <c r="A2487">
        <v>66.600000005743155</v>
      </c>
      <c r="B2487">
        <v>937.60699999999997</v>
      </c>
      <c r="C2487">
        <v>1024.7439999999999</v>
      </c>
      <c r="D2487">
        <v>1031.144</v>
      </c>
      <c r="E2487">
        <v>1050.5740000000001</v>
      </c>
      <c r="F2487">
        <v>1061.68</v>
      </c>
      <c r="G2487">
        <v>1089.8030000000001</v>
      </c>
      <c r="H2487">
        <v>1099.5409999999999</v>
      </c>
      <c r="I2487">
        <v>1111.721</v>
      </c>
      <c r="J2487">
        <v>1125.356</v>
      </c>
      <c r="K2487">
        <v>1110.4739999999999</v>
      </c>
      <c r="L2487">
        <v>1131.923</v>
      </c>
      <c r="M2487">
        <v>1120.809</v>
      </c>
      <c r="P2487">
        <v>0</v>
      </c>
      <c r="Q2487">
        <v>0</v>
      </c>
      <c r="S2487">
        <v>0</v>
      </c>
    </row>
    <row r="2488" spans="1:19" x14ac:dyDescent="0.3">
      <c r="A2488">
        <v>66.616666665828475</v>
      </c>
      <c r="B2488">
        <v>941.28599999999994</v>
      </c>
      <c r="C2488">
        <v>1028.4010000000001</v>
      </c>
      <c r="D2488">
        <v>1033.0219999999999</v>
      </c>
      <c r="E2488">
        <v>1051.739</v>
      </c>
      <c r="F2488">
        <v>1061.884</v>
      </c>
      <c r="G2488">
        <v>1087.931</v>
      </c>
      <c r="H2488">
        <v>1100.6120000000001</v>
      </c>
      <c r="I2488">
        <v>1112.798</v>
      </c>
      <c r="J2488">
        <v>1123.04</v>
      </c>
      <c r="K2488">
        <v>1109.9449999999999</v>
      </c>
      <c r="L2488">
        <v>1132.778</v>
      </c>
      <c r="M2488">
        <v>1120.752</v>
      </c>
      <c r="P2488">
        <v>0</v>
      </c>
      <c r="Q2488">
        <v>0</v>
      </c>
      <c r="S2488">
        <v>0</v>
      </c>
    </row>
    <row r="2489" spans="1:19" x14ac:dyDescent="0.3">
      <c r="A2489">
        <v>66.649999996476495</v>
      </c>
      <c r="B2489">
        <v>938.57600000000002</v>
      </c>
      <c r="C2489">
        <v>1028.585</v>
      </c>
      <c r="D2489">
        <v>1032.5989999999999</v>
      </c>
      <c r="E2489">
        <v>1051.8499999999999</v>
      </c>
      <c r="F2489">
        <v>1060.9369999999999</v>
      </c>
      <c r="G2489">
        <v>1087.2570000000001</v>
      </c>
      <c r="H2489">
        <v>1102.3240000000001</v>
      </c>
      <c r="I2489">
        <v>1112.6469999999999</v>
      </c>
      <c r="J2489">
        <v>1124.1030000000001</v>
      </c>
      <c r="K2489">
        <v>1113.856</v>
      </c>
      <c r="L2489">
        <v>1133.7460000000001</v>
      </c>
      <c r="M2489">
        <v>1121.2049999999999</v>
      </c>
      <c r="P2489">
        <v>0</v>
      </c>
      <c r="Q2489">
        <v>0</v>
      </c>
      <c r="S2489">
        <v>0</v>
      </c>
    </row>
    <row r="2490" spans="1:19" x14ac:dyDescent="0.3">
      <c r="A2490">
        <v>66.666666667039195</v>
      </c>
      <c r="B2490">
        <v>940.54899999999998</v>
      </c>
      <c r="C2490">
        <v>1029.7449999999999</v>
      </c>
      <c r="D2490">
        <v>1030.8309999999999</v>
      </c>
      <c r="E2490">
        <v>1052.5519999999999</v>
      </c>
      <c r="F2490">
        <v>1063.5350000000001</v>
      </c>
      <c r="G2490">
        <v>1088.885</v>
      </c>
      <c r="H2490">
        <v>1104.0909999999999</v>
      </c>
      <c r="I2490">
        <v>1112.136</v>
      </c>
      <c r="J2490">
        <v>1123.4949999999999</v>
      </c>
      <c r="K2490">
        <v>1113.9690000000001</v>
      </c>
      <c r="L2490">
        <v>1133.2139999999999</v>
      </c>
      <c r="M2490">
        <v>1123.229</v>
      </c>
      <c r="P2490">
        <v>0</v>
      </c>
      <c r="Q2490">
        <v>0</v>
      </c>
      <c r="S2490">
        <v>0</v>
      </c>
    </row>
    <row r="2491" spans="1:19" x14ac:dyDescent="0.3">
      <c r="A2491">
        <v>66.699999997687215</v>
      </c>
      <c r="B2491">
        <v>936.69100000000003</v>
      </c>
      <c r="C2491">
        <v>1029.2850000000001</v>
      </c>
      <c r="D2491">
        <v>1031.4570000000001</v>
      </c>
      <c r="E2491">
        <v>1053.2180000000001</v>
      </c>
      <c r="F2491">
        <v>1068.1420000000001</v>
      </c>
      <c r="G2491">
        <v>1093.3599999999999</v>
      </c>
      <c r="H2491">
        <v>1107.758</v>
      </c>
      <c r="I2491">
        <v>1116.2739999999999</v>
      </c>
      <c r="J2491">
        <v>1127.9749999999999</v>
      </c>
      <c r="K2491">
        <v>1112.6659999999999</v>
      </c>
      <c r="L2491">
        <v>1128.943</v>
      </c>
      <c r="M2491">
        <v>1120.298</v>
      </c>
      <c r="P2491">
        <v>0</v>
      </c>
      <c r="Q2491">
        <v>0</v>
      </c>
      <c r="S2491">
        <v>0</v>
      </c>
    </row>
    <row r="2492" spans="1:19" x14ac:dyDescent="0.3">
      <c r="A2492">
        <v>66.733333338812614</v>
      </c>
      <c r="B2492">
        <v>928.11099999999999</v>
      </c>
      <c r="C2492">
        <v>1030.5740000000001</v>
      </c>
      <c r="D2492">
        <v>1032.5440000000001</v>
      </c>
      <c r="E2492">
        <v>1052.2380000000001</v>
      </c>
      <c r="F2492">
        <v>1066.357</v>
      </c>
      <c r="G2492">
        <v>1091.694</v>
      </c>
      <c r="H2492">
        <v>1103.019</v>
      </c>
      <c r="I2492">
        <v>1113.6099999999999</v>
      </c>
      <c r="J2492">
        <v>1124.8620000000001</v>
      </c>
      <c r="K2492">
        <v>1109.8130000000001</v>
      </c>
      <c r="L2492">
        <v>1129.721</v>
      </c>
      <c r="M2492">
        <v>1121.394</v>
      </c>
      <c r="P2492">
        <v>0</v>
      </c>
      <c r="Q2492">
        <v>0</v>
      </c>
      <c r="S2492">
        <v>0</v>
      </c>
    </row>
    <row r="2493" spans="1:19" x14ac:dyDescent="0.3">
      <c r="A2493">
        <v>66.749999998897934</v>
      </c>
      <c r="B2493">
        <v>931.76099999999997</v>
      </c>
      <c r="C2493">
        <v>1031.9010000000001</v>
      </c>
      <c r="D2493">
        <v>1033.0419999999999</v>
      </c>
      <c r="E2493">
        <v>1055.6679999999999</v>
      </c>
      <c r="F2493">
        <v>1066.971</v>
      </c>
      <c r="G2493">
        <v>1091.153</v>
      </c>
      <c r="H2493">
        <v>1100.482</v>
      </c>
      <c r="I2493">
        <v>1113.8389999999999</v>
      </c>
      <c r="J2493">
        <v>1125.395</v>
      </c>
      <c r="K2493">
        <v>1108.4929999999999</v>
      </c>
      <c r="L2493">
        <v>1128.7739999999999</v>
      </c>
      <c r="M2493">
        <v>1123.44</v>
      </c>
      <c r="P2493">
        <v>0</v>
      </c>
      <c r="Q2493">
        <v>0</v>
      </c>
      <c r="S2493">
        <v>0</v>
      </c>
    </row>
    <row r="2494" spans="1:19" x14ac:dyDescent="0.3">
      <c r="A2494">
        <v>66.783333340023333</v>
      </c>
      <c r="B2494">
        <v>937.91200000000003</v>
      </c>
      <c r="C2494">
        <v>1030.7950000000001</v>
      </c>
      <c r="D2494">
        <v>1031.347</v>
      </c>
      <c r="E2494">
        <v>1058.394</v>
      </c>
      <c r="F2494">
        <v>1070.528</v>
      </c>
      <c r="G2494">
        <v>1093.7539999999999</v>
      </c>
      <c r="H2494">
        <v>1101.1769999999999</v>
      </c>
      <c r="I2494">
        <v>1113.5350000000001</v>
      </c>
      <c r="J2494">
        <v>1122.6790000000001</v>
      </c>
      <c r="K2494">
        <v>1109.605</v>
      </c>
      <c r="L2494">
        <v>1128.0129999999999</v>
      </c>
      <c r="M2494">
        <v>1120.204</v>
      </c>
      <c r="P2494">
        <v>0</v>
      </c>
      <c r="Q2494">
        <v>0</v>
      </c>
      <c r="S2494">
        <v>0</v>
      </c>
    </row>
    <row r="2495" spans="1:19" x14ac:dyDescent="0.3">
      <c r="A2495">
        <v>66.800000000108653</v>
      </c>
      <c r="B2495">
        <v>932.70799999999997</v>
      </c>
      <c r="C2495">
        <v>1031.2919999999999</v>
      </c>
      <c r="D2495">
        <v>1032.415</v>
      </c>
      <c r="E2495">
        <v>1057.875</v>
      </c>
      <c r="F2495">
        <v>1069.652</v>
      </c>
      <c r="G2495">
        <v>1094.8019999999999</v>
      </c>
      <c r="H2495">
        <v>1103.1320000000001</v>
      </c>
      <c r="I2495">
        <v>1111.721</v>
      </c>
      <c r="J2495">
        <v>1122.0930000000001</v>
      </c>
      <c r="K2495">
        <v>1110.002</v>
      </c>
      <c r="L2495">
        <v>1128.45</v>
      </c>
      <c r="M2495">
        <v>1121.6210000000001</v>
      </c>
      <c r="P2495">
        <v>0</v>
      </c>
      <c r="Q2495">
        <v>0</v>
      </c>
      <c r="S2495">
        <v>0</v>
      </c>
    </row>
    <row r="2496" spans="1:19" x14ac:dyDescent="0.3">
      <c r="A2496">
        <v>66.833333330756673</v>
      </c>
      <c r="B2496">
        <v>942.596</v>
      </c>
      <c r="C2496">
        <v>1028.4749999999999</v>
      </c>
      <c r="D2496">
        <v>1033.0039999999999</v>
      </c>
      <c r="E2496">
        <v>1056.26</v>
      </c>
      <c r="F2496">
        <v>1067.49</v>
      </c>
      <c r="G2496">
        <v>1091.2449999999999</v>
      </c>
      <c r="H2496">
        <v>1098.0170000000001</v>
      </c>
      <c r="I2496">
        <v>1110.172</v>
      </c>
      <c r="J2496">
        <v>1124.1220000000001</v>
      </c>
      <c r="K2496">
        <v>1114.423</v>
      </c>
      <c r="L2496">
        <v>1131.923</v>
      </c>
      <c r="M2496">
        <v>1122.6030000000001</v>
      </c>
      <c r="P2496">
        <v>0</v>
      </c>
      <c r="Q2496">
        <v>0</v>
      </c>
      <c r="S2496">
        <v>0</v>
      </c>
    </row>
    <row r="2497" spans="1:19" x14ac:dyDescent="0.3">
      <c r="A2497">
        <v>66.866666671882072</v>
      </c>
      <c r="B2497">
        <v>930.29300000000001</v>
      </c>
      <c r="C2497">
        <v>1028.8610000000001</v>
      </c>
      <c r="D2497">
        <v>1033.5930000000001</v>
      </c>
      <c r="E2497">
        <v>1053.2550000000001</v>
      </c>
      <c r="F2497">
        <v>1064.575</v>
      </c>
      <c r="G2497">
        <v>1089.279</v>
      </c>
      <c r="H2497">
        <v>1097.867</v>
      </c>
      <c r="I2497">
        <v>1112.4960000000001</v>
      </c>
      <c r="J2497">
        <v>1122.0930000000001</v>
      </c>
      <c r="K2497">
        <v>1112.212</v>
      </c>
      <c r="L2497">
        <v>1131.5630000000001</v>
      </c>
      <c r="M2497">
        <v>1122.0740000000001</v>
      </c>
      <c r="P2497">
        <v>0</v>
      </c>
      <c r="Q2497">
        <v>0</v>
      </c>
      <c r="S2497">
        <v>0</v>
      </c>
    </row>
    <row r="2498" spans="1:19" x14ac:dyDescent="0.3">
      <c r="A2498">
        <v>66.883333331967393</v>
      </c>
      <c r="B2498">
        <v>931.99400000000003</v>
      </c>
      <c r="C2498">
        <v>1029.5999999999999</v>
      </c>
      <c r="D2498">
        <v>1032.1959999999999</v>
      </c>
      <c r="E2498">
        <v>1049.67</v>
      </c>
      <c r="F2498">
        <v>1061.607</v>
      </c>
      <c r="G2498">
        <v>1086.7349999999999</v>
      </c>
      <c r="H2498">
        <v>1098.7149999999999</v>
      </c>
      <c r="I2498">
        <v>1111.269</v>
      </c>
      <c r="J2498">
        <v>1117.5419999999999</v>
      </c>
      <c r="K2498">
        <v>1108.155</v>
      </c>
      <c r="L2498">
        <v>1131.6210000000001</v>
      </c>
      <c r="M2498">
        <v>1123.6869999999999</v>
      </c>
      <c r="P2498">
        <v>0</v>
      </c>
      <c r="Q2498">
        <v>0</v>
      </c>
      <c r="S2498">
        <v>0</v>
      </c>
    </row>
    <row r="2499" spans="1:19" x14ac:dyDescent="0.3">
      <c r="A2499">
        <v>66.916666673092791</v>
      </c>
      <c r="B2499">
        <v>928.96900000000005</v>
      </c>
      <c r="C2499">
        <v>1030.5550000000001</v>
      </c>
      <c r="D2499">
        <v>1032.1569999999999</v>
      </c>
      <c r="E2499">
        <v>1050.1679999999999</v>
      </c>
      <c r="F2499">
        <v>1057.7819999999999</v>
      </c>
      <c r="G2499">
        <v>1085.797</v>
      </c>
      <c r="H2499">
        <v>1099.1079999999999</v>
      </c>
      <c r="I2499">
        <v>1109.454</v>
      </c>
      <c r="J2499">
        <v>1119.4860000000001</v>
      </c>
      <c r="K2499">
        <v>1112.5709999999999</v>
      </c>
      <c r="L2499">
        <v>1134.3530000000001</v>
      </c>
      <c r="M2499">
        <v>1123.856</v>
      </c>
      <c r="P2499">
        <v>0</v>
      </c>
      <c r="Q2499">
        <v>0</v>
      </c>
      <c r="S2499">
        <v>0</v>
      </c>
    </row>
    <row r="2500" spans="1:19" x14ac:dyDescent="0.3">
      <c r="A2500">
        <v>66.950000003740811</v>
      </c>
      <c r="B2500">
        <v>920.29600000000005</v>
      </c>
      <c r="C2500">
        <v>1029.9860000000001</v>
      </c>
      <c r="D2500">
        <v>1032.4349999999999</v>
      </c>
      <c r="E2500">
        <v>1052.7940000000001</v>
      </c>
      <c r="F2500">
        <v>1064.2239999999999</v>
      </c>
      <c r="G2500">
        <v>1088.7940000000001</v>
      </c>
      <c r="H2500">
        <v>1101.1969999999999</v>
      </c>
      <c r="I2500">
        <v>1113.2149999999999</v>
      </c>
      <c r="J2500">
        <v>1124.579</v>
      </c>
      <c r="K2500">
        <v>1110.9100000000001</v>
      </c>
      <c r="L2500">
        <v>1134.829</v>
      </c>
      <c r="M2500">
        <v>1124.5029999999999</v>
      </c>
      <c r="P2500">
        <v>0</v>
      </c>
      <c r="Q2500">
        <v>0</v>
      </c>
      <c r="S2500">
        <v>0</v>
      </c>
    </row>
    <row r="2501" spans="1:19" x14ac:dyDescent="0.3">
      <c r="A2501">
        <v>66.966666663826132</v>
      </c>
      <c r="B2501">
        <v>925.572</v>
      </c>
      <c r="C2501">
        <v>1026.7639999999999</v>
      </c>
      <c r="D2501">
        <v>1030.944</v>
      </c>
      <c r="E2501">
        <v>1053.127</v>
      </c>
      <c r="F2501">
        <v>1068.2180000000001</v>
      </c>
      <c r="G2501">
        <v>1088.326</v>
      </c>
      <c r="H2501">
        <v>1100.4639999999999</v>
      </c>
      <c r="I2501">
        <v>1111.6659999999999</v>
      </c>
      <c r="J2501">
        <v>1121.0940000000001</v>
      </c>
      <c r="K2501">
        <v>1108.098</v>
      </c>
      <c r="L2501">
        <v>1133.1780000000001</v>
      </c>
      <c r="M2501">
        <v>1124.826</v>
      </c>
      <c r="P2501">
        <v>0</v>
      </c>
      <c r="Q2501">
        <v>0</v>
      </c>
      <c r="S2501">
        <v>0</v>
      </c>
    </row>
    <row r="2502" spans="1:19" x14ac:dyDescent="0.3">
      <c r="A2502">
        <v>67.000000004951531</v>
      </c>
      <c r="B2502">
        <v>923.94500000000005</v>
      </c>
      <c r="C2502">
        <v>1023.003</v>
      </c>
      <c r="D2502">
        <v>1027.5740000000001</v>
      </c>
      <c r="E2502">
        <v>1049.5219999999999</v>
      </c>
      <c r="F2502">
        <v>1070.3989999999999</v>
      </c>
      <c r="G2502">
        <v>1089.7860000000001</v>
      </c>
      <c r="H2502">
        <v>1097.925</v>
      </c>
      <c r="I2502">
        <v>1108.7190000000001</v>
      </c>
      <c r="J2502">
        <v>1118.184</v>
      </c>
      <c r="K2502">
        <v>1107.1020000000001</v>
      </c>
      <c r="L2502">
        <v>1130.3499999999999</v>
      </c>
      <c r="M2502">
        <v>1122.133</v>
      </c>
      <c r="P2502">
        <v>0</v>
      </c>
      <c r="Q2502">
        <v>0</v>
      </c>
      <c r="S2502">
        <v>0</v>
      </c>
    </row>
    <row r="2503" spans="1:19" x14ac:dyDescent="0.3">
      <c r="A2503">
        <v>67.016666665036851</v>
      </c>
      <c r="B2503">
        <v>921.54899999999998</v>
      </c>
      <c r="C2503">
        <v>1025.6079999999999</v>
      </c>
      <c r="D2503">
        <v>1028.348</v>
      </c>
      <c r="E2503">
        <v>1047.674</v>
      </c>
      <c r="F2503">
        <v>1066.3589999999999</v>
      </c>
      <c r="G2503">
        <v>1089.806</v>
      </c>
      <c r="H2503">
        <v>1098.133</v>
      </c>
      <c r="I2503">
        <v>1112.895</v>
      </c>
      <c r="J2503">
        <v>1122.2280000000001</v>
      </c>
      <c r="K2503">
        <v>1110.6089999999999</v>
      </c>
      <c r="L2503">
        <v>1137.644</v>
      </c>
      <c r="M2503">
        <v>1127.2940000000001</v>
      </c>
      <c r="P2503">
        <v>0</v>
      </c>
      <c r="Q2503">
        <v>0</v>
      </c>
      <c r="S2503">
        <v>0</v>
      </c>
    </row>
    <row r="2504" spans="1:19" x14ac:dyDescent="0.3">
      <c r="A2504">
        <v>67.05000000616225</v>
      </c>
      <c r="B2504">
        <v>922.78</v>
      </c>
      <c r="C2504">
        <v>1025.8620000000001</v>
      </c>
      <c r="D2504">
        <v>1030.039</v>
      </c>
      <c r="E2504">
        <v>1050.5550000000001</v>
      </c>
      <c r="F2504">
        <v>1067.8989999999999</v>
      </c>
      <c r="G2504">
        <v>1091.6369999999999</v>
      </c>
      <c r="H2504">
        <v>1102.135</v>
      </c>
      <c r="I2504">
        <v>1112.76</v>
      </c>
      <c r="J2504">
        <v>1123.722</v>
      </c>
      <c r="K2504">
        <v>1111.9469999999999</v>
      </c>
      <c r="L2504">
        <v>1132.587</v>
      </c>
      <c r="M2504">
        <v>1123.779</v>
      </c>
      <c r="P2504">
        <v>0</v>
      </c>
      <c r="Q2504">
        <v>0</v>
      </c>
      <c r="S2504">
        <v>0</v>
      </c>
    </row>
    <row r="2505" spans="1:19" x14ac:dyDescent="0.3">
      <c r="A2505">
        <v>67.08333333681027</v>
      </c>
      <c r="B2505">
        <v>918.08299999999997</v>
      </c>
      <c r="C2505">
        <v>1023.645</v>
      </c>
      <c r="D2505">
        <v>1027.4090000000001</v>
      </c>
      <c r="E2505">
        <v>1050.6130000000001</v>
      </c>
      <c r="F2505">
        <v>1065.9870000000001</v>
      </c>
      <c r="G2505">
        <v>1089.5989999999999</v>
      </c>
      <c r="H2505">
        <v>1098.884</v>
      </c>
      <c r="I2505">
        <v>1110.4000000000001</v>
      </c>
      <c r="J2505">
        <v>1122.038</v>
      </c>
      <c r="K2505">
        <v>1110.268</v>
      </c>
      <c r="L2505">
        <v>1129.135</v>
      </c>
      <c r="M2505">
        <v>1120.1869999999999</v>
      </c>
      <c r="P2505">
        <v>0</v>
      </c>
      <c r="Q2505">
        <v>0</v>
      </c>
      <c r="S2505">
        <v>0</v>
      </c>
    </row>
    <row r="2506" spans="1:19" x14ac:dyDescent="0.3">
      <c r="A2506">
        <v>67.09999999689559</v>
      </c>
      <c r="B2506">
        <v>917.673</v>
      </c>
      <c r="C2506">
        <v>1023.1130000000001</v>
      </c>
      <c r="D2506">
        <v>1024.874</v>
      </c>
      <c r="E2506">
        <v>1048.5609999999999</v>
      </c>
      <c r="F2506">
        <v>1062.684</v>
      </c>
      <c r="G2506">
        <v>1086.248</v>
      </c>
      <c r="H2506">
        <v>1096.1949999999999</v>
      </c>
      <c r="I2506">
        <v>1106.2180000000001</v>
      </c>
      <c r="J2506">
        <v>1116.087</v>
      </c>
      <c r="K2506">
        <v>1104.2059999999999</v>
      </c>
      <c r="L2506">
        <v>1123.7439999999999</v>
      </c>
      <c r="M2506">
        <v>1118.845</v>
      </c>
      <c r="P2506">
        <v>0</v>
      </c>
      <c r="Q2506">
        <v>0</v>
      </c>
      <c r="S2506">
        <v>0</v>
      </c>
    </row>
    <row r="2507" spans="1:19" x14ac:dyDescent="0.3">
      <c r="A2507">
        <v>67.133333338020989</v>
      </c>
      <c r="B2507">
        <v>912.84299999999996</v>
      </c>
      <c r="C2507">
        <v>1025.1130000000001</v>
      </c>
      <c r="D2507">
        <v>1023.921</v>
      </c>
      <c r="E2507">
        <v>1048.8019999999999</v>
      </c>
      <c r="F2507">
        <v>1059.807</v>
      </c>
      <c r="G2507">
        <v>1087.203</v>
      </c>
      <c r="H2507">
        <v>1098.6400000000001</v>
      </c>
      <c r="I2507">
        <v>1105.579</v>
      </c>
      <c r="J2507">
        <v>1115.067</v>
      </c>
      <c r="K2507">
        <v>1105.654</v>
      </c>
      <c r="L2507">
        <v>1126.99</v>
      </c>
      <c r="M2507">
        <v>1119.885</v>
      </c>
      <c r="P2507">
        <v>0</v>
      </c>
      <c r="Q2507">
        <v>0</v>
      </c>
      <c r="S2507">
        <v>0</v>
      </c>
    </row>
    <row r="2508" spans="1:19" x14ac:dyDescent="0.3">
      <c r="A2508">
        <v>67.14999999810631</v>
      </c>
      <c r="B2508">
        <v>913.96500000000003</v>
      </c>
      <c r="C2508">
        <v>1023.48</v>
      </c>
      <c r="D2508">
        <v>1020.491</v>
      </c>
      <c r="E2508">
        <v>1046.509</v>
      </c>
      <c r="F2508">
        <v>1064.2059999999999</v>
      </c>
      <c r="G2508">
        <v>1092.239</v>
      </c>
      <c r="H2508">
        <v>1101.9490000000001</v>
      </c>
      <c r="I2508">
        <v>1112.403</v>
      </c>
      <c r="J2508">
        <v>1120.81</v>
      </c>
      <c r="K2508">
        <v>1109.664</v>
      </c>
      <c r="L2508">
        <v>1130.501</v>
      </c>
      <c r="M2508">
        <v>1120.357</v>
      </c>
      <c r="P2508">
        <v>0</v>
      </c>
      <c r="Q2508">
        <v>0</v>
      </c>
      <c r="S2508">
        <v>0</v>
      </c>
    </row>
    <row r="2509" spans="1:19" x14ac:dyDescent="0.3">
      <c r="A2509">
        <v>67.183333339231709</v>
      </c>
      <c r="B2509">
        <v>915.125</v>
      </c>
      <c r="C2509">
        <v>1022.967</v>
      </c>
      <c r="D2509">
        <v>1021.335</v>
      </c>
      <c r="E2509">
        <v>1047.8779999999999</v>
      </c>
      <c r="F2509">
        <v>1062.3499999999999</v>
      </c>
      <c r="G2509">
        <v>1088.7380000000001</v>
      </c>
      <c r="H2509">
        <v>1098.809</v>
      </c>
      <c r="I2509">
        <v>1108.5129999999999</v>
      </c>
      <c r="J2509">
        <v>1119.413</v>
      </c>
      <c r="K2509">
        <v>1110.212</v>
      </c>
      <c r="L2509">
        <v>1130.9770000000001</v>
      </c>
      <c r="M2509">
        <v>1122.681</v>
      </c>
      <c r="P2509">
        <v>0</v>
      </c>
      <c r="Q2509">
        <v>0</v>
      </c>
      <c r="S2509">
        <v>0</v>
      </c>
    </row>
    <row r="2510" spans="1:19" x14ac:dyDescent="0.3">
      <c r="A2510">
        <v>67.216666669879729</v>
      </c>
      <c r="B2510">
        <v>918.11900000000003</v>
      </c>
      <c r="C2510">
        <v>1022.38</v>
      </c>
      <c r="D2510">
        <v>1021.628</v>
      </c>
      <c r="E2510">
        <v>1045.807</v>
      </c>
      <c r="F2510">
        <v>1058.8610000000001</v>
      </c>
      <c r="G2510">
        <v>1086.4359999999999</v>
      </c>
      <c r="H2510">
        <v>1098.7149999999999</v>
      </c>
      <c r="I2510">
        <v>1106.7070000000001</v>
      </c>
      <c r="J2510">
        <v>1119.0160000000001</v>
      </c>
      <c r="K2510">
        <v>1108.72</v>
      </c>
      <c r="L2510">
        <v>1130.2550000000001</v>
      </c>
      <c r="M2510">
        <v>1125.1679999999999</v>
      </c>
      <c r="P2510">
        <v>0</v>
      </c>
      <c r="Q2510">
        <v>0</v>
      </c>
      <c r="S2510">
        <v>0</v>
      </c>
    </row>
    <row r="2511" spans="1:19" x14ac:dyDescent="0.3">
      <c r="A2511">
        <v>67.233333329965049</v>
      </c>
      <c r="B2511">
        <v>928.05899999999997</v>
      </c>
      <c r="C2511">
        <v>1021.775</v>
      </c>
      <c r="D2511">
        <v>1019.831</v>
      </c>
      <c r="E2511">
        <v>1044.2719999999999</v>
      </c>
      <c r="F2511">
        <v>1056.336</v>
      </c>
      <c r="G2511">
        <v>1084.825</v>
      </c>
      <c r="H2511">
        <v>1098.884</v>
      </c>
      <c r="I2511">
        <v>1108.8510000000001</v>
      </c>
      <c r="J2511">
        <v>1124.066</v>
      </c>
      <c r="K2511">
        <v>1113.7070000000001</v>
      </c>
      <c r="L2511">
        <v>1135.057</v>
      </c>
      <c r="M2511">
        <v>1124.9590000000001</v>
      </c>
      <c r="P2511">
        <v>0</v>
      </c>
      <c r="Q2511">
        <v>0</v>
      </c>
      <c r="S2511">
        <v>0</v>
      </c>
    </row>
    <row r="2512" spans="1:19" x14ac:dyDescent="0.3">
      <c r="A2512">
        <v>67.266666671090448</v>
      </c>
      <c r="B2512">
        <v>926.95100000000002</v>
      </c>
      <c r="C2512">
        <v>1022.546</v>
      </c>
      <c r="D2512">
        <v>1022.748</v>
      </c>
      <c r="E2512">
        <v>1042.5540000000001</v>
      </c>
      <c r="F2512">
        <v>1055.001</v>
      </c>
      <c r="G2512">
        <v>1085.201</v>
      </c>
      <c r="H2512">
        <v>1101.875</v>
      </c>
      <c r="I2512">
        <v>1112.442</v>
      </c>
      <c r="J2512">
        <v>1127.769</v>
      </c>
      <c r="K2512">
        <v>1115.03</v>
      </c>
      <c r="L2512">
        <v>1135.248</v>
      </c>
      <c r="M2512">
        <v>1127.2190000000001</v>
      </c>
      <c r="P2512">
        <v>0</v>
      </c>
      <c r="Q2512">
        <v>0</v>
      </c>
      <c r="S2512">
        <v>0</v>
      </c>
    </row>
    <row r="2513" spans="1:19" x14ac:dyDescent="0.3">
      <c r="A2513">
        <v>67.283333331175768</v>
      </c>
      <c r="B2513">
        <v>926.59299999999996</v>
      </c>
      <c r="C2513">
        <v>1024.7280000000001</v>
      </c>
      <c r="D2513">
        <v>1025.058</v>
      </c>
      <c r="E2513">
        <v>1046.288</v>
      </c>
      <c r="F2513">
        <v>1057.153</v>
      </c>
      <c r="G2513">
        <v>1087.222</v>
      </c>
      <c r="H2513">
        <v>1100.972</v>
      </c>
      <c r="I2513">
        <v>1109.74</v>
      </c>
      <c r="J2513">
        <v>1119.7339999999999</v>
      </c>
      <c r="K2513">
        <v>1109.8530000000001</v>
      </c>
      <c r="L2513">
        <v>1135.5129999999999</v>
      </c>
      <c r="M2513">
        <v>1127.75</v>
      </c>
      <c r="P2513">
        <v>0</v>
      </c>
      <c r="Q2513">
        <v>0</v>
      </c>
      <c r="S2513">
        <v>0</v>
      </c>
    </row>
    <row r="2514" spans="1:19" x14ac:dyDescent="0.3">
      <c r="A2514">
        <v>67.316666672301167</v>
      </c>
      <c r="B2514">
        <v>926.53899999999999</v>
      </c>
      <c r="C2514">
        <v>1022.105</v>
      </c>
      <c r="D2514">
        <v>1022.582</v>
      </c>
      <c r="E2514">
        <v>1047.711</v>
      </c>
      <c r="F2514">
        <v>1057.5609999999999</v>
      </c>
      <c r="G2514">
        <v>1086.3050000000001</v>
      </c>
      <c r="H2514">
        <v>1097.3989999999999</v>
      </c>
      <c r="I2514">
        <v>1108.663</v>
      </c>
      <c r="J2514">
        <v>1122.606</v>
      </c>
      <c r="K2514">
        <v>1109.097</v>
      </c>
      <c r="L2514">
        <v>1133.8620000000001</v>
      </c>
      <c r="M2514">
        <v>1126.155</v>
      </c>
      <c r="P2514">
        <v>0</v>
      </c>
      <c r="Q2514">
        <v>0</v>
      </c>
      <c r="S2514">
        <v>0</v>
      </c>
    </row>
    <row r="2515" spans="1:19" x14ac:dyDescent="0.3">
      <c r="A2515">
        <v>67.350000002949187</v>
      </c>
      <c r="B2515">
        <v>929.36500000000001</v>
      </c>
      <c r="C2515">
        <v>1021.904</v>
      </c>
      <c r="D2515">
        <v>1022.215</v>
      </c>
      <c r="E2515">
        <v>1044.2729999999999</v>
      </c>
      <c r="F2515">
        <v>1059.009</v>
      </c>
      <c r="G2515">
        <v>1088.008</v>
      </c>
      <c r="H2515">
        <v>1098.7909999999999</v>
      </c>
      <c r="I2515">
        <v>1110.5329999999999</v>
      </c>
      <c r="J2515">
        <v>1127.3510000000001</v>
      </c>
      <c r="K2515">
        <v>1111.402</v>
      </c>
      <c r="L2515">
        <v>1131.1099999999999</v>
      </c>
      <c r="M2515">
        <v>1126.25</v>
      </c>
      <c r="P2515">
        <v>0</v>
      </c>
      <c r="Q2515">
        <v>0</v>
      </c>
      <c r="S2515">
        <v>0</v>
      </c>
    </row>
    <row r="2516" spans="1:19" x14ac:dyDescent="0.3">
      <c r="A2516">
        <v>67.366666663034508</v>
      </c>
      <c r="B2516">
        <v>929.49</v>
      </c>
      <c r="C2516">
        <v>1022.454</v>
      </c>
      <c r="D2516">
        <v>1021.2430000000001</v>
      </c>
      <c r="E2516">
        <v>1043.866</v>
      </c>
      <c r="F2516">
        <v>1057.116</v>
      </c>
      <c r="G2516">
        <v>1086.4169999999999</v>
      </c>
      <c r="H2516">
        <v>1097.3989999999999</v>
      </c>
      <c r="I2516">
        <v>1108.644</v>
      </c>
      <c r="J2516">
        <v>1128.8130000000001</v>
      </c>
      <c r="K2516">
        <v>1115.03</v>
      </c>
      <c r="L2516">
        <v>1135.836</v>
      </c>
      <c r="M2516">
        <v>1128.1479999999999</v>
      </c>
      <c r="P2516">
        <v>0</v>
      </c>
      <c r="Q2516">
        <v>0</v>
      </c>
      <c r="S2516">
        <v>0</v>
      </c>
    </row>
    <row r="2517" spans="1:19" x14ac:dyDescent="0.3">
      <c r="A2517">
        <v>67.400000004159907</v>
      </c>
      <c r="B2517">
        <v>923.78399999999999</v>
      </c>
      <c r="C2517">
        <v>1022.802</v>
      </c>
      <c r="D2517">
        <v>1020.1609999999999</v>
      </c>
      <c r="E2517">
        <v>1044.79</v>
      </c>
      <c r="F2517">
        <v>1055.1859999999999</v>
      </c>
      <c r="G2517">
        <v>1083.9269999999999</v>
      </c>
      <c r="H2517">
        <v>1097.173</v>
      </c>
      <c r="I2517">
        <v>1111.421</v>
      </c>
      <c r="J2517">
        <v>1128.471</v>
      </c>
      <c r="K2517">
        <v>1116.768</v>
      </c>
      <c r="L2517">
        <v>1138.732</v>
      </c>
      <c r="M2517">
        <v>1126.44</v>
      </c>
      <c r="P2517">
        <v>0</v>
      </c>
      <c r="Q2517">
        <v>0</v>
      </c>
      <c r="S2517">
        <v>0</v>
      </c>
    </row>
    <row r="2518" spans="1:19" x14ac:dyDescent="0.3">
      <c r="A2518">
        <v>67.416666664245227</v>
      </c>
      <c r="B2518">
        <v>923.17700000000002</v>
      </c>
      <c r="C2518">
        <v>1020.804</v>
      </c>
      <c r="D2518">
        <v>1021.556</v>
      </c>
      <c r="E2518">
        <v>1046.2329999999999</v>
      </c>
      <c r="F2518">
        <v>1059.4739999999999</v>
      </c>
      <c r="G2518">
        <v>1086.1369999999999</v>
      </c>
      <c r="H2518">
        <v>1098.961</v>
      </c>
      <c r="I2518">
        <v>1114.105</v>
      </c>
      <c r="J2518">
        <v>1125.605</v>
      </c>
      <c r="K2518">
        <v>1112.0260000000001</v>
      </c>
      <c r="L2518">
        <v>1135.4570000000001</v>
      </c>
      <c r="M2518">
        <v>1126.1559999999999</v>
      </c>
      <c r="P2518">
        <v>0</v>
      </c>
      <c r="Q2518">
        <v>0</v>
      </c>
      <c r="S2518">
        <v>0</v>
      </c>
    </row>
    <row r="2519" spans="1:19" x14ac:dyDescent="0.3">
      <c r="A2519">
        <v>67.450000005370626</v>
      </c>
      <c r="B2519">
        <v>927.09400000000005</v>
      </c>
      <c r="C2519">
        <v>1022.931</v>
      </c>
      <c r="D2519">
        <v>1024.82</v>
      </c>
      <c r="E2519">
        <v>1045.7339999999999</v>
      </c>
      <c r="F2519">
        <v>1058.6389999999999</v>
      </c>
      <c r="G2519">
        <v>1083.703</v>
      </c>
      <c r="H2519">
        <v>1098.6030000000001</v>
      </c>
      <c r="I2519">
        <v>1109.3440000000001</v>
      </c>
      <c r="J2519">
        <v>1119.6780000000001</v>
      </c>
      <c r="K2519">
        <v>1112.366</v>
      </c>
      <c r="L2519">
        <v>1133.008</v>
      </c>
      <c r="M2519">
        <v>1126.915</v>
      </c>
      <c r="P2519">
        <v>0</v>
      </c>
      <c r="Q2519">
        <v>0</v>
      </c>
      <c r="S2519">
        <v>0</v>
      </c>
    </row>
    <row r="2520" spans="1:19" x14ac:dyDescent="0.3">
      <c r="A2520">
        <v>67.483333336018646</v>
      </c>
      <c r="B2520">
        <v>927.68399999999997</v>
      </c>
      <c r="C2520">
        <v>1022.655</v>
      </c>
      <c r="D2520">
        <v>1025.461</v>
      </c>
      <c r="E2520">
        <v>1047.915</v>
      </c>
      <c r="F2520">
        <v>1059.306</v>
      </c>
      <c r="G2520">
        <v>1082.7850000000001</v>
      </c>
      <c r="H2520">
        <v>1097.8130000000001</v>
      </c>
      <c r="I2520">
        <v>1105.579</v>
      </c>
      <c r="J2520">
        <v>1116.8810000000001</v>
      </c>
      <c r="K2520">
        <v>1112.5550000000001</v>
      </c>
      <c r="L2520">
        <v>1129.306</v>
      </c>
      <c r="M2520">
        <v>1122.4359999999999</v>
      </c>
      <c r="P2520">
        <v>0</v>
      </c>
      <c r="Q2520">
        <v>0</v>
      </c>
      <c r="S2520">
        <v>0</v>
      </c>
    </row>
    <row r="2521" spans="1:19" x14ac:dyDescent="0.3">
      <c r="A2521">
        <v>67.500000006581345</v>
      </c>
      <c r="B2521">
        <v>930.72500000000002</v>
      </c>
      <c r="C2521">
        <v>1023.793</v>
      </c>
      <c r="D2521">
        <v>1023.793</v>
      </c>
      <c r="E2521">
        <v>1044.9939999999999</v>
      </c>
      <c r="F2521">
        <v>1055.7249999999999</v>
      </c>
      <c r="G2521">
        <v>1082.374</v>
      </c>
      <c r="H2521">
        <v>1096.817</v>
      </c>
      <c r="I2521">
        <v>1108.4939999999999</v>
      </c>
      <c r="J2521">
        <v>1120.8869999999999</v>
      </c>
      <c r="K2521">
        <v>1112.404</v>
      </c>
      <c r="L2521">
        <v>1133.578</v>
      </c>
      <c r="M2521">
        <v>1125.8140000000001</v>
      </c>
      <c r="P2521">
        <v>0</v>
      </c>
      <c r="Q2521">
        <v>0</v>
      </c>
      <c r="S2521">
        <v>0</v>
      </c>
    </row>
    <row r="2522" spans="1:19" x14ac:dyDescent="0.3">
      <c r="A2522">
        <v>67.533333337229365</v>
      </c>
      <c r="B2522">
        <v>923.12300000000005</v>
      </c>
      <c r="C2522">
        <v>1022.032</v>
      </c>
      <c r="D2522">
        <v>1025.499</v>
      </c>
      <c r="E2522">
        <v>1046.6210000000001</v>
      </c>
      <c r="F2522">
        <v>1060.328</v>
      </c>
      <c r="G2522">
        <v>1085.7809999999999</v>
      </c>
      <c r="H2522">
        <v>1096.9110000000001</v>
      </c>
      <c r="I2522">
        <v>1108.796</v>
      </c>
      <c r="J2522">
        <v>1121.643</v>
      </c>
      <c r="K2522">
        <v>1114.067</v>
      </c>
      <c r="L2522">
        <v>1132.3440000000001</v>
      </c>
      <c r="M2522">
        <v>1122.4169999999999</v>
      </c>
      <c r="P2522">
        <v>0</v>
      </c>
      <c r="Q2522">
        <v>0</v>
      </c>
      <c r="S2522">
        <v>0</v>
      </c>
    </row>
    <row r="2523" spans="1:19" x14ac:dyDescent="0.3">
      <c r="A2523">
        <v>67.549999997314686</v>
      </c>
      <c r="B2523">
        <v>915.51700000000005</v>
      </c>
      <c r="C2523">
        <v>1019.574</v>
      </c>
      <c r="D2523">
        <v>1022.197</v>
      </c>
      <c r="E2523">
        <v>1045.752</v>
      </c>
      <c r="F2523">
        <v>1063.816</v>
      </c>
      <c r="G2523">
        <v>1087.578</v>
      </c>
      <c r="H2523">
        <v>1099.1289999999999</v>
      </c>
      <c r="I2523">
        <v>1115.8989999999999</v>
      </c>
      <c r="J2523">
        <v>1127.769</v>
      </c>
      <c r="K2523">
        <v>1114.463</v>
      </c>
      <c r="L2523">
        <v>1131.337</v>
      </c>
      <c r="M2523">
        <v>1120.49</v>
      </c>
      <c r="P2523">
        <v>0</v>
      </c>
      <c r="Q2523">
        <v>0</v>
      </c>
      <c r="S2523">
        <v>0</v>
      </c>
    </row>
    <row r="2524" spans="1:19" x14ac:dyDescent="0.3">
      <c r="A2524">
        <v>67.583333338440085</v>
      </c>
      <c r="B2524">
        <v>909.86599999999999</v>
      </c>
      <c r="C2524">
        <v>1018.1079999999999</v>
      </c>
      <c r="D2524">
        <v>1018.603</v>
      </c>
      <c r="E2524">
        <v>1044.0150000000001</v>
      </c>
      <c r="F2524">
        <v>1060.068</v>
      </c>
      <c r="G2524">
        <v>1084.5640000000001</v>
      </c>
      <c r="H2524">
        <v>1096.873</v>
      </c>
      <c r="I2524">
        <v>1112.2719999999999</v>
      </c>
      <c r="J2524">
        <v>1122.21</v>
      </c>
      <c r="K2524">
        <v>1111.271</v>
      </c>
      <c r="L2524">
        <v>1131.49</v>
      </c>
      <c r="M2524">
        <v>1119.886</v>
      </c>
      <c r="P2524">
        <v>0</v>
      </c>
      <c r="Q2524">
        <v>0</v>
      </c>
      <c r="S2524">
        <v>0</v>
      </c>
    </row>
    <row r="2525" spans="1:19" x14ac:dyDescent="0.3">
      <c r="A2525">
        <v>67.616666669088104</v>
      </c>
      <c r="B2525">
        <v>908.44</v>
      </c>
      <c r="C2525">
        <v>1016.7140000000001</v>
      </c>
      <c r="D2525">
        <v>1018.951</v>
      </c>
      <c r="E2525">
        <v>1042.499</v>
      </c>
      <c r="F2525">
        <v>1056.4480000000001</v>
      </c>
      <c r="G2525">
        <v>1080.2429999999999</v>
      </c>
      <c r="H2525">
        <v>1093.251</v>
      </c>
      <c r="I2525">
        <v>1108.4000000000001</v>
      </c>
      <c r="J2525">
        <v>1121.492</v>
      </c>
      <c r="K2525">
        <v>1112.2719999999999</v>
      </c>
      <c r="L2525">
        <v>1132.7619999999999</v>
      </c>
      <c r="M2525">
        <v>1122.021</v>
      </c>
      <c r="P2525">
        <v>0</v>
      </c>
      <c r="Q2525">
        <v>0</v>
      </c>
      <c r="S2525">
        <v>0</v>
      </c>
    </row>
    <row r="2526" spans="1:19" x14ac:dyDescent="0.3">
      <c r="A2526">
        <v>67.633333339650804</v>
      </c>
      <c r="B2526">
        <v>915.678</v>
      </c>
      <c r="C2526">
        <v>1017.576</v>
      </c>
      <c r="D2526">
        <v>1020.107</v>
      </c>
      <c r="E2526">
        <v>1044.347</v>
      </c>
      <c r="F2526">
        <v>1057.098</v>
      </c>
      <c r="G2526">
        <v>1078.9570000000001</v>
      </c>
      <c r="H2526">
        <v>1092.24</v>
      </c>
      <c r="I2526">
        <v>1109.325</v>
      </c>
      <c r="J2526">
        <v>1123.365</v>
      </c>
      <c r="K2526">
        <v>1112.971</v>
      </c>
      <c r="L2526">
        <v>1134.6980000000001</v>
      </c>
      <c r="M2526">
        <v>1123.7260000000001</v>
      </c>
      <c r="P2526">
        <v>0</v>
      </c>
      <c r="Q2526">
        <v>0</v>
      </c>
      <c r="S2526">
        <v>0</v>
      </c>
    </row>
    <row r="2527" spans="1:19" x14ac:dyDescent="0.3">
      <c r="A2527">
        <v>67.666666670298824</v>
      </c>
      <c r="B2527">
        <v>906.31899999999996</v>
      </c>
      <c r="C2527">
        <v>1012.443</v>
      </c>
      <c r="D2527">
        <v>1019.098</v>
      </c>
      <c r="E2527">
        <v>1041.038</v>
      </c>
      <c r="F2527">
        <v>1054.778</v>
      </c>
      <c r="G2527">
        <v>1078.9380000000001</v>
      </c>
      <c r="H2527">
        <v>1088.8140000000001</v>
      </c>
      <c r="I2527">
        <v>1104.6959999999999</v>
      </c>
      <c r="J2527">
        <v>1117.921</v>
      </c>
      <c r="K2527">
        <v>1109.3620000000001</v>
      </c>
      <c r="L2527">
        <v>1132.857</v>
      </c>
      <c r="M2527">
        <v>1123.7449999999999</v>
      </c>
      <c r="P2527">
        <v>0</v>
      </c>
      <c r="Q2527">
        <v>0</v>
      </c>
      <c r="S2527">
        <v>0</v>
      </c>
    </row>
    <row r="2528" spans="1:19" x14ac:dyDescent="0.3">
      <c r="A2528">
        <v>67.700000000946844</v>
      </c>
      <c r="B2528">
        <v>901.75300000000004</v>
      </c>
      <c r="C2528">
        <v>1014.843</v>
      </c>
      <c r="D2528">
        <v>1019.997</v>
      </c>
      <c r="E2528">
        <v>1040.8530000000001</v>
      </c>
      <c r="F2528">
        <v>1055.4090000000001</v>
      </c>
      <c r="G2528">
        <v>1079.9069999999999</v>
      </c>
      <c r="H2528">
        <v>1088.8699999999999</v>
      </c>
      <c r="I2528">
        <v>1103.944</v>
      </c>
      <c r="J2528">
        <v>1119.848</v>
      </c>
      <c r="K2528">
        <v>1116.4849999999999</v>
      </c>
      <c r="L2528">
        <v>1138.3510000000001</v>
      </c>
      <c r="M2528">
        <v>1126.8009999999999</v>
      </c>
      <c r="P2528">
        <v>0</v>
      </c>
      <c r="Q2528">
        <v>0</v>
      </c>
      <c r="S2528">
        <v>0</v>
      </c>
    </row>
    <row r="2529" spans="1:19" x14ac:dyDescent="0.3">
      <c r="A2529">
        <v>67.716666671509543</v>
      </c>
      <c r="B2529">
        <v>900.50900000000001</v>
      </c>
      <c r="C2529">
        <v>1012.936</v>
      </c>
      <c r="D2529">
        <v>1018.383</v>
      </c>
      <c r="E2529">
        <v>1041.5930000000001</v>
      </c>
      <c r="F2529">
        <v>1057.172</v>
      </c>
      <c r="G2529">
        <v>1080.653</v>
      </c>
      <c r="H2529">
        <v>1095.2560000000001</v>
      </c>
      <c r="I2529">
        <v>1112.366</v>
      </c>
      <c r="J2529">
        <v>1125.2449999999999</v>
      </c>
      <c r="K2529">
        <v>1117.373</v>
      </c>
      <c r="L2529">
        <v>1137.2629999999999</v>
      </c>
      <c r="M2529">
        <v>1125.8520000000001</v>
      </c>
      <c r="P2529">
        <v>0</v>
      </c>
      <c r="Q2529">
        <v>0</v>
      </c>
      <c r="S2529">
        <v>0</v>
      </c>
    </row>
    <row r="2530" spans="1:19" x14ac:dyDescent="0.3">
      <c r="A2530">
        <v>67.750000002157563</v>
      </c>
      <c r="B2530">
        <v>904.29399999999998</v>
      </c>
      <c r="C2530">
        <v>1013.981</v>
      </c>
      <c r="D2530">
        <v>1020.657</v>
      </c>
      <c r="E2530">
        <v>1044.902</v>
      </c>
      <c r="F2530">
        <v>1061.46</v>
      </c>
      <c r="G2530">
        <v>1084.845</v>
      </c>
      <c r="H2530">
        <v>1098.7349999999999</v>
      </c>
      <c r="I2530">
        <v>1108.9659999999999</v>
      </c>
      <c r="J2530">
        <v>1121.3030000000001</v>
      </c>
      <c r="K2530">
        <v>1117.316</v>
      </c>
      <c r="L2530">
        <v>1136.2159999999999</v>
      </c>
      <c r="M2530">
        <v>1126.877</v>
      </c>
      <c r="P2530">
        <v>0</v>
      </c>
      <c r="Q2530">
        <v>0</v>
      </c>
      <c r="S2530">
        <v>0</v>
      </c>
    </row>
    <row r="2531" spans="1:19" x14ac:dyDescent="0.3">
      <c r="A2531">
        <v>67.766666672720262</v>
      </c>
      <c r="B2531">
        <v>905.76800000000003</v>
      </c>
      <c r="C2531">
        <v>1018.676</v>
      </c>
      <c r="D2531">
        <v>1021.904</v>
      </c>
      <c r="E2531">
        <v>1042.1289999999999</v>
      </c>
      <c r="F2531">
        <v>1057.5619999999999</v>
      </c>
      <c r="G2531">
        <v>1082.0740000000001</v>
      </c>
      <c r="H2531">
        <v>1093.5509999999999</v>
      </c>
      <c r="I2531">
        <v>1103.248</v>
      </c>
      <c r="J2531">
        <v>1115.748</v>
      </c>
      <c r="K2531">
        <v>1115.3140000000001</v>
      </c>
      <c r="L2531">
        <v>1132.4010000000001</v>
      </c>
      <c r="M2531">
        <v>1125.2449999999999</v>
      </c>
      <c r="P2531">
        <v>0</v>
      </c>
      <c r="Q2531">
        <v>0</v>
      </c>
      <c r="S2531">
        <v>0</v>
      </c>
    </row>
    <row r="2532" spans="1:19" x14ac:dyDescent="0.3">
      <c r="A2532">
        <v>67.800000003368282</v>
      </c>
      <c r="B2532">
        <v>910.72199999999998</v>
      </c>
      <c r="C2532">
        <v>1021.189</v>
      </c>
      <c r="D2532">
        <v>1021.317</v>
      </c>
      <c r="E2532">
        <v>1043.6079999999999</v>
      </c>
      <c r="F2532">
        <v>1055.576</v>
      </c>
      <c r="G2532">
        <v>1079.8889999999999</v>
      </c>
      <c r="H2532">
        <v>1091.098</v>
      </c>
      <c r="I2532">
        <v>1103.079</v>
      </c>
      <c r="J2532">
        <v>1120.8679999999999</v>
      </c>
      <c r="K2532">
        <v>1118.223</v>
      </c>
      <c r="L2532">
        <v>1134.8309999999999</v>
      </c>
      <c r="M2532">
        <v>1125.0740000000001</v>
      </c>
      <c r="P2532">
        <v>0</v>
      </c>
      <c r="Q2532">
        <v>0</v>
      </c>
      <c r="S2532">
        <v>0</v>
      </c>
    </row>
    <row r="2533" spans="1:19" x14ac:dyDescent="0.3">
      <c r="A2533">
        <v>67.833333334016302</v>
      </c>
      <c r="B2533">
        <v>910.40099999999995</v>
      </c>
      <c r="C2533">
        <v>1020.5650000000001</v>
      </c>
      <c r="D2533">
        <v>1023.756</v>
      </c>
      <c r="E2533">
        <v>1043.3309999999999</v>
      </c>
      <c r="F2533">
        <v>1055.038</v>
      </c>
      <c r="G2533">
        <v>1079.777</v>
      </c>
      <c r="H2533">
        <v>1090.7239999999999</v>
      </c>
      <c r="I2533">
        <v>1104</v>
      </c>
      <c r="J2533">
        <v>1121.019</v>
      </c>
      <c r="K2533">
        <v>1115.9939999999999</v>
      </c>
      <c r="L2533">
        <v>1136.2729999999999</v>
      </c>
      <c r="M2533">
        <v>1128.0540000000001</v>
      </c>
      <c r="P2533">
        <v>0</v>
      </c>
      <c r="Q2533">
        <v>0</v>
      </c>
      <c r="S2533">
        <v>0</v>
      </c>
    </row>
    <row r="2534" spans="1:19" x14ac:dyDescent="0.3">
      <c r="A2534">
        <v>67.850000004579002</v>
      </c>
      <c r="B2534">
        <v>903.81399999999996</v>
      </c>
      <c r="C2534">
        <v>1017.467</v>
      </c>
      <c r="D2534">
        <v>1024.8389999999999</v>
      </c>
      <c r="E2534">
        <v>1046.123</v>
      </c>
      <c r="F2534">
        <v>1059.1769999999999</v>
      </c>
      <c r="G2534">
        <v>1083.5909999999999</v>
      </c>
      <c r="H2534">
        <v>1096.404</v>
      </c>
      <c r="I2534">
        <v>1109.0609999999999</v>
      </c>
      <c r="J2534">
        <v>1121.001</v>
      </c>
      <c r="K2534">
        <v>1113.7650000000001</v>
      </c>
      <c r="L2534">
        <v>1133.692</v>
      </c>
      <c r="M2534">
        <v>1125.9480000000001</v>
      </c>
      <c r="P2534">
        <v>0</v>
      </c>
      <c r="Q2534">
        <v>0</v>
      </c>
      <c r="S2534">
        <v>0</v>
      </c>
    </row>
    <row r="2535" spans="1:19" x14ac:dyDescent="0.3">
      <c r="A2535">
        <v>67.883333335227022</v>
      </c>
      <c r="B2535">
        <v>906.31899999999996</v>
      </c>
      <c r="C2535">
        <v>1016.5309999999999</v>
      </c>
      <c r="D2535">
        <v>1022.234</v>
      </c>
      <c r="E2535">
        <v>1044.9760000000001</v>
      </c>
      <c r="F2535">
        <v>1060.1790000000001</v>
      </c>
      <c r="G2535">
        <v>1082.8420000000001</v>
      </c>
      <c r="H2535">
        <v>1093.588</v>
      </c>
      <c r="I2535">
        <v>1108.0239999999999</v>
      </c>
      <c r="J2535">
        <v>1120.7929999999999</v>
      </c>
      <c r="K2535">
        <v>1114.671</v>
      </c>
      <c r="L2535">
        <v>1131.547</v>
      </c>
      <c r="M2535">
        <v>1126.384</v>
      </c>
      <c r="P2535">
        <v>0</v>
      </c>
      <c r="Q2535">
        <v>0</v>
      </c>
      <c r="S2535">
        <v>0</v>
      </c>
    </row>
    <row r="2536" spans="1:19" x14ac:dyDescent="0.3">
      <c r="A2536">
        <v>67.900000005789721</v>
      </c>
      <c r="B2536">
        <v>913.16399999999999</v>
      </c>
      <c r="C2536">
        <v>1020.217</v>
      </c>
      <c r="D2536">
        <v>1027.6120000000001</v>
      </c>
      <c r="E2536">
        <v>1047.527</v>
      </c>
      <c r="F2536">
        <v>1062.258</v>
      </c>
      <c r="G2536">
        <v>1085.182</v>
      </c>
      <c r="H2536">
        <v>1095.557</v>
      </c>
      <c r="I2536">
        <v>1107.0840000000001</v>
      </c>
      <c r="J2536">
        <v>1121.8689999999999</v>
      </c>
      <c r="K2536">
        <v>1113.67</v>
      </c>
      <c r="L2536">
        <v>1130.8440000000001</v>
      </c>
      <c r="M2536">
        <v>1125.396</v>
      </c>
      <c r="P2536">
        <v>0</v>
      </c>
      <c r="Q2536">
        <v>0</v>
      </c>
      <c r="S2536">
        <v>0</v>
      </c>
    </row>
    <row r="2537" spans="1:19" x14ac:dyDescent="0.3">
      <c r="A2537">
        <v>67.933333336437741</v>
      </c>
      <c r="B2537">
        <v>915.46400000000006</v>
      </c>
      <c r="C2537">
        <v>1022.216</v>
      </c>
      <c r="D2537">
        <v>1026.3969999999999</v>
      </c>
      <c r="E2537">
        <v>1048.5619999999999</v>
      </c>
      <c r="F2537">
        <v>1060.55</v>
      </c>
      <c r="G2537">
        <v>1083.4590000000001</v>
      </c>
      <c r="H2537">
        <v>1096.2339999999999</v>
      </c>
      <c r="I2537">
        <v>1104.1130000000001</v>
      </c>
      <c r="J2537">
        <v>1118.96</v>
      </c>
      <c r="K2537">
        <v>1113.7080000000001</v>
      </c>
      <c r="L2537">
        <v>1131.7560000000001</v>
      </c>
      <c r="M2537">
        <v>1127.94</v>
      </c>
      <c r="P2537">
        <v>0</v>
      </c>
      <c r="Q2537">
        <v>0</v>
      </c>
      <c r="S2537">
        <v>0</v>
      </c>
    </row>
    <row r="2538" spans="1:19" x14ac:dyDescent="0.3">
      <c r="A2538">
        <v>67.966666667085761</v>
      </c>
      <c r="B2538">
        <v>911.32799999999997</v>
      </c>
      <c r="C2538">
        <v>1018.97</v>
      </c>
      <c r="D2538">
        <v>1023.225</v>
      </c>
      <c r="E2538">
        <v>1045.6600000000001</v>
      </c>
      <c r="F2538">
        <v>1056.7639999999999</v>
      </c>
      <c r="G2538">
        <v>1086.6610000000001</v>
      </c>
      <c r="H2538">
        <v>1095.2180000000001</v>
      </c>
      <c r="I2538">
        <v>1104.1510000000001</v>
      </c>
      <c r="J2538">
        <v>1117.5429999999999</v>
      </c>
      <c r="K2538">
        <v>1113.8779999999999</v>
      </c>
      <c r="L2538">
        <v>1133.0650000000001</v>
      </c>
      <c r="M2538">
        <v>1128.2629999999999</v>
      </c>
      <c r="P2538">
        <v>0</v>
      </c>
      <c r="Q2538">
        <v>0</v>
      </c>
      <c r="S2538">
        <v>0</v>
      </c>
    </row>
    <row r="2539" spans="1:19" x14ac:dyDescent="0.3">
      <c r="A2539">
        <v>67.98333333764846</v>
      </c>
      <c r="B2539">
        <v>919.97500000000002</v>
      </c>
      <c r="C2539">
        <v>1020.785</v>
      </c>
      <c r="D2539">
        <v>1023.059</v>
      </c>
      <c r="E2539">
        <v>1045.7339999999999</v>
      </c>
      <c r="F2539">
        <v>1058.8240000000001</v>
      </c>
      <c r="G2539">
        <v>1086.0239999999999</v>
      </c>
      <c r="H2539">
        <v>1096.93</v>
      </c>
      <c r="I2539">
        <v>1106.069</v>
      </c>
      <c r="J2539">
        <v>1119.432</v>
      </c>
      <c r="K2539">
        <v>1115.5029999999999</v>
      </c>
      <c r="L2539">
        <v>1134.8309999999999</v>
      </c>
      <c r="M2539">
        <v>1127.598</v>
      </c>
      <c r="P2539">
        <v>0</v>
      </c>
      <c r="Q2539">
        <v>0</v>
      </c>
      <c r="S2539">
        <v>0</v>
      </c>
    </row>
    <row r="2540" spans="1:19" x14ac:dyDescent="0.3">
      <c r="A2540">
        <v>68.01666666829648</v>
      </c>
      <c r="B2540">
        <v>919.92200000000003</v>
      </c>
      <c r="C2540">
        <v>1021.6660000000001</v>
      </c>
      <c r="D2540">
        <v>1019.942</v>
      </c>
      <c r="E2540">
        <v>1044.3109999999999</v>
      </c>
      <c r="F2540">
        <v>1057.5440000000001</v>
      </c>
      <c r="G2540">
        <v>1084.6959999999999</v>
      </c>
      <c r="H2540">
        <v>1097.269</v>
      </c>
      <c r="I2540">
        <v>1110.0429999999999</v>
      </c>
      <c r="J2540">
        <v>1123.67</v>
      </c>
      <c r="K2540">
        <v>1116.6559999999999</v>
      </c>
      <c r="L2540">
        <v>1136.559</v>
      </c>
      <c r="M2540">
        <v>1128.662</v>
      </c>
      <c r="P2540">
        <v>0</v>
      </c>
      <c r="Q2540">
        <v>0</v>
      </c>
      <c r="S2540">
        <v>0</v>
      </c>
    </row>
    <row r="2541" spans="1:19" x14ac:dyDescent="0.3">
      <c r="A2541">
        <v>68.03333333885918</v>
      </c>
      <c r="B2541">
        <v>921.42499999999995</v>
      </c>
      <c r="C2541">
        <v>1022.492</v>
      </c>
      <c r="D2541">
        <v>1021.153</v>
      </c>
      <c r="E2541">
        <v>1046.6590000000001</v>
      </c>
      <c r="F2541">
        <v>1058.027</v>
      </c>
      <c r="G2541">
        <v>1084.377</v>
      </c>
      <c r="H2541">
        <v>1094.8989999999999</v>
      </c>
      <c r="I2541">
        <v>1110.723</v>
      </c>
      <c r="J2541">
        <v>1122.9480000000001</v>
      </c>
      <c r="K2541">
        <v>1116.1079999999999</v>
      </c>
      <c r="L2541">
        <v>1135.6859999999999</v>
      </c>
      <c r="M2541">
        <v>1126.498</v>
      </c>
      <c r="P2541">
        <v>0</v>
      </c>
      <c r="Q2541">
        <v>0</v>
      </c>
      <c r="S2541">
        <v>0</v>
      </c>
    </row>
    <row r="2542" spans="1:19" x14ac:dyDescent="0.3">
      <c r="A2542">
        <v>68.0666666695072</v>
      </c>
      <c r="B2542">
        <v>916.678</v>
      </c>
      <c r="C2542">
        <v>1023.777</v>
      </c>
      <c r="D2542">
        <v>1019.577</v>
      </c>
      <c r="E2542">
        <v>1042.9449999999999</v>
      </c>
      <c r="F2542">
        <v>1058.511</v>
      </c>
      <c r="G2542">
        <v>1084.81</v>
      </c>
      <c r="H2542">
        <v>1094.807</v>
      </c>
      <c r="I2542">
        <v>1107.951</v>
      </c>
      <c r="J2542">
        <v>1121.664</v>
      </c>
      <c r="K2542">
        <v>1113.9939999999999</v>
      </c>
      <c r="L2542">
        <v>1132.289</v>
      </c>
      <c r="M2542">
        <v>1123.482</v>
      </c>
      <c r="P2542">
        <v>0</v>
      </c>
      <c r="Q2542">
        <v>0</v>
      </c>
      <c r="S2542">
        <v>0</v>
      </c>
    </row>
    <row r="2543" spans="1:19" x14ac:dyDescent="0.3">
      <c r="A2543">
        <v>68.100000000155219</v>
      </c>
      <c r="B2543">
        <v>919.904</v>
      </c>
      <c r="C2543">
        <v>1022.1609999999999</v>
      </c>
      <c r="D2543">
        <v>1017.412</v>
      </c>
      <c r="E2543">
        <v>1042.98</v>
      </c>
      <c r="F2543">
        <v>1056.7280000000001</v>
      </c>
      <c r="G2543">
        <v>1082.674</v>
      </c>
      <c r="H2543">
        <v>1092.69</v>
      </c>
      <c r="I2543">
        <v>1103.587</v>
      </c>
      <c r="J2543">
        <v>1117.4490000000001</v>
      </c>
      <c r="K2543">
        <v>1113.085</v>
      </c>
      <c r="L2543">
        <v>1132.269</v>
      </c>
      <c r="M2543">
        <v>1123.9169999999999</v>
      </c>
      <c r="P2543">
        <v>0</v>
      </c>
      <c r="Q2543">
        <v>0</v>
      </c>
      <c r="S2543">
        <v>0</v>
      </c>
    </row>
    <row r="2544" spans="1:19" x14ac:dyDescent="0.3">
      <c r="A2544">
        <v>68.116666670717919</v>
      </c>
      <c r="B2544">
        <v>921.8</v>
      </c>
      <c r="C2544">
        <v>1021.923</v>
      </c>
      <c r="D2544">
        <v>1016.2190000000001</v>
      </c>
      <c r="E2544">
        <v>1039.5619999999999</v>
      </c>
      <c r="F2544">
        <v>1052.8510000000001</v>
      </c>
      <c r="G2544">
        <v>1080.038</v>
      </c>
      <c r="H2544">
        <v>1092.222</v>
      </c>
      <c r="I2544">
        <v>1105.825</v>
      </c>
      <c r="J2544">
        <v>1125.0170000000001</v>
      </c>
      <c r="K2544">
        <v>1118.0540000000001</v>
      </c>
      <c r="L2544">
        <v>1137.0350000000001</v>
      </c>
      <c r="M2544">
        <v>1127.3900000000001</v>
      </c>
      <c r="P2544">
        <v>0</v>
      </c>
      <c r="Q2544">
        <v>0</v>
      </c>
      <c r="S2544">
        <v>0</v>
      </c>
    </row>
    <row r="2545" spans="1:19" x14ac:dyDescent="0.3">
      <c r="A2545">
        <v>68.150000001365939</v>
      </c>
      <c r="B2545">
        <v>922.01499999999999</v>
      </c>
      <c r="C2545">
        <v>1019.851</v>
      </c>
      <c r="D2545">
        <v>1015.669</v>
      </c>
      <c r="E2545">
        <v>1040.2629999999999</v>
      </c>
      <c r="F2545">
        <v>1056.078</v>
      </c>
      <c r="G2545">
        <v>1081.307</v>
      </c>
      <c r="H2545">
        <v>1096.78</v>
      </c>
      <c r="I2545">
        <v>1110.4590000000001</v>
      </c>
      <c r="J2545">
        <v>1126.9159999999999</v>
      </c>
      <c r="K2545">
        <v>1119.1679999999999</v>
      </c>
      <c r="L2545">
        <v>1137.1500000000001</v>
      </c>
      <c r="M2545">
        <v>1125.8530000000001</v>
      </c>
      <c r="P2545">
        <v>0</v>
      </c>
      <c r="Q2545">
        <v>0</v>
      </c>
      <c r="S2545">
        <v>0</v>
      </c>
    </row>
    <row r="2546" spans="1:19" x14ac:dyDescent="0.3">
      <c r="A2546">
        <v>68.183333332013959</v>
      </c>
      <c r="B2546">
        <v>924.41300000000001</v>
      </c>
      <c r="C2546">
        <v>1015.928</v>
      </c>
      <c r="D2546">
        <v>1018.9349999999999</v>
      </c>
      <c r="E2546">
        <v>1043.203</v>
      </c>
      <c r="F2546">
        <v>1059.1420000000001</v>
      </c>
      <c r="G2546">
        <v>1083.7049999999999</v>
      </c>
      <c r="H2546">
        <v>1097.0820000000001</v>
      </c>
      <c r="I2546">
        <v>1113.049</v>
      </c>
      <c r="J2546">
        <v>1128.2460000000001</v>
      </c>
      <c r="K2546">
        <v>1121.0219999999999</v>
      </c>
      <c r="L2546">
        <v>1140.7190000000001</v>
      </c>
      <c r="M2546">
        <v>1126.8040000000001</v>
      </c>
      <c r="P2546">
        <v>0</v>
      </c>
      <c r="Q2546">
        <v>0</v>
      </c>
      <c r="S2546">
        <v>0</v>
      </c>
    </row>
    <row r="2547" spans="1:19" x14ac:dyDescent="0.3">
      <c r="A2547">
        <v>68.200000002576658</v>
      </c>
      <c r="B2547">
        <v>911.93499999999995</v>
      </c>
      <c r="C2547">
        <v>1016.843</v>
      </c>
      <c r="D2547">
        <v>1023.06</v>
      </c>
      <c r="E2547">
        <v>1046.6400000000001</v>
      </c>
      <c r="F2547">
        <v>1060.829</v>
      </c>
      <c r="G2547">
        <v>1084.808</v>
      </c>
      <c r="H2547">
        <v>1096.0650000000001</v>
      </c>
      <c r="I2547">
        <v>1114.3510000000001</v>
      </c>
      <c r="J2547">
        <v>1125.4159999999999</v>
      </c>
      <c r="K2547">
        <v>1118.2429999999999</v>
      </c>
      <c r="L2547">
        <v>1136.8630000000001</v>
      </c>
      <c r="M2547">
        <v>1125.0930000000001</v>
      </c>
      <c r="P2547">
        <v>0</v>
      </c>
      <c r="Q2547">
        <v>0</v>
      </c>
      <c r="S2547">
        <v>0</v>
      </c>
    </row>
    <row r="2548" spans="1:19" x14ac:dyDescent="0.3">
      <c r="A2548">
        <v>68.233333333224678</v>
      </c>
      <c r="B2548">
        <v>901.06</v>
      </c>
      <c r="C2548">
        <v>1013.432</v>
      </c>
      <c r="D2548">
        <v>1022.143</v>
      </c>
      <c r="E2548">
        <v>1045.9190000000001</v>
      </c>
      <c r="F2548">
        <v>1056.2080000000001</v>
      </c>
      <c r="G2548">
        <v>1081.27</v>
      </c>
      <c r="H2548">
        <v>1095.7639999999999</v>
      </c>
      <c r="I2548">
        <v>1108.627</v>
      </c>
      <c r="J2548">
        <v>1120.2260000000001</v>
      </c>
      <c r="K2548">
        <v>1113.7270000000001</v>
      </c>
      <c r="L2548">
        <v>1131.604</v>
      </c>
      <c r="M2548">
        <v>1121.8510000000001</v>
      </c>
      <c r="P2548">
        <v>0</v>
      </c>
      <c r="Q2548">
        <v>0</v>
      </c>
      <c r="S2548">
        <v>0</v>
      </c>
    </row>
    <row r="2549" spans="1:19" x14ac:dyDescent="0.3">
      <c r="A2549">
        <v>68.250000003787378</v>
      </c>
      <c r="B2549">
        <v>897.73800000000006</v>
      </c>
      <c r="C2549">
        <v>1015.8339999999999</v>
      </c>
      <c r="D2549">
        <v>1020.401</v>
      </c>
      <c r="E2549">
        <v>1044.5329999999999</v>
      </c>
      <c r="F2549">
        <v>1056.059</v>
      </c>
      <c r="G2549">
        <v>1082.356</v>
      </c>
      <c r="H2549">
        <v>1098.171</v>
      </c>
      <c r="I2549">
        <v>1109.9490000000001</v>
      </c>
      <c r="J2549">
        <v>1124.3340000000001</v>
      </c>
      <c r="K2549">
        <v>1116.5989999999999</v>
      </c>
      <c r="L2549">
        <v>1132.6479999999999</v>
      </c>
      <c r="M2549">
        <v>1122.4749999999999</v>
      </c>
      <c r="P2549">
        <v>0</v>
      </c>
      <c r="Q2549">
        <v>0</v>
      </c>
      <c r="S2549">
        <v>0</v>
      </c>
    </row>
    <row r="2550" spans="1:19" x14ac:dyDescent="0.3">
      <c r="A2550">
        <v>68.283333334435397</v>
      </c>
      <c r="B2550">
        <v>901.49</v>
      </c>
      <c r="C2550">
        <v>1016.0940000000001</v>
      </c>
      <c r="D2550">
        <v>1021.688</v>
      </c>
      <c r="E2550">
        <v>1046.31</v>
      </c>
      <c r="F2550">
        <v>1058.345</v>
      </c>
      <c r="G2550">
        <v>1082.883</v>
      </c>
      <c r="H2550">
        <v>1101.183</v>
      </c>
      <c r="I2550">
        <v>1113.9000000000001</v>
      </c>
      <c r="J2550">
        <v>1124.1279999999999</v>
      </c>
      <c r="K2550">
        <v>1116.394</v>
      </c>
      <c r="L2550">
        <v>1136.6379999999999</v>
      </c>
      <c r="M2550">
        <v>1123.749</v>
      </c>
      <c r="P2550">
        <v>0</v>
      </c>
      <c r="Q2550">
        <v>0</v>
      </c>
      <c r="S2550">
        <v>0</v>
      </c>
    </row>
    <row r="2551" spans="1:19" x14ac:dyDescent="0.3">
      <c r="A2551">
        <v>68.316666665083417</v>
      </c>
      <c r="B2551">
        <v>896.245</v>
      </c>
      <c r="C2551">
        <v>1011.566</v>
      </c>
      <c r="D2551">
        <v>1022.932</v>
      </c>
      <c r="E2551">
        <v>1045.2719999999999</v>
      </c>
      <c r="F2551">
        <v>1058.3979999999999</v>
      </c>
      <c r="G2551">
        <v>1081.588</v>
      </c>
      <c r="H2551">
        <v>1098.002</v>
      </c>
      <c r="I2551">
        <v>1107.367</v>
      </c>
      <c r="J2551">
        <v>1119.2249999999999</v>
      </c>
      <c r="K2551">
        <v>1113.8030000000001</v>
      </c>
      <c r="L2551">
        <v>1133.5219999999999</v>
      </c>
      <c r="M2551">
        <v>1123.442</v>
      </c>
      <c r="P2551">
        <v>0</v>
      </c>
      <c r="Q2551">
        <v>0</v>
      </c>
      <c r="S2551">
        <v>0</v>
      </c>
    </row>
    <row r="2552" spans="1:19" x14ac:dyDescent="0.3">
      <c r="A2552">
        <v>68.333333335646117</v>
      </c>
      <c r="B2552">
        <v>900.529</v>
      </c>
      <c r="C2552">
        <v>1009.139</v>
      </c>
      <c r="D2552">
        <v>1022.476</v>
      </c>
      <c r="E2552">
        <v>1045.4960000000001</v>
      </c>
      <c r="F2552">
        <v>1058.7529999999999</v>
      </c>
      <c r="G2552">
        <v>1082.732</v>
      </c>
      <c r="H2552">
        <v>1096.8389999999999</v>
      </c>
      <c r="I2552">
        <v>1105.376</v>
      </c>
      <c r="J2552">
        <v>1115.77</v>
      </c>
      <c r="K2552">
        <v>1109.8</v>
      </c>
      <c r="L2552">
        <v>1131.9100000000001</v>
      </c>
      <c r="M2552">
        <v>1124.355</v>
      </c>
      <c r="P2552">
        <v>0</v>
      </c>
      <c r="Q2552">
        <v>0</v>
      </c>
      <c r="S2552">
        <v>0</v>
      </c>
    </row>
    <row r="2553" spans="1:19" x14ac:dyDescent="0.3">
      <c r="A2553">
        <v>68.366666666294137</v>
      </c>
      <c r="B2553">
        <v>910.13599999999997</v>
      </c>
      <c r="C2553">
        <v>1013.4160000000001</v>
      </c>
      <c r="D2553">
        <v>1025.538</v>
      </c>
      <c r="E2553">
        <v>1049.933</v>
      </c>
      <c r="F2553">
        <v>1063.82</v>
      </c>
      <c r="G2553">
        <v>1085.0719999999999</v>
      </c>
      <c r="H2553">
        <v>1095.221</v>
      </c>
      <c r="I2553">
        <v>1103.1759999999999</v>
      </c>
      <c r="J2553">
        <v>1113.3520000000001</v>
      </c>
      <c r="K2553">
        <v>1105.5450000000001</v>
      </c>
      <c r="L2553">
        <v>1125.153</v>
      </c>
      <c r="M2553">
        <v>1120.3040000000001</v>
      </c>
      <c r="P2553">
        <v>0</v>
      </c>
      <c r="Q2553">
        <v>0</v>
      </c>
      <c r="S2553">
        <v>0</v>
      </c>
    </row>
    <row r="2554" spans="1:19" x14ac:dyDescent="0.3">
      <c r="A2554">
        <v>68.383333336856836</v>
      </c>
      <c r="B2554">
        <v>905.38</v>
      </c>
      <c r="C2554">
        <v>1014.992</v>
      </c>
      <c r="D2554">
        <v>1026.6569999999999</v>
      </c>
      <c r="E2554">
        <v>1048.4169999999999</v>
      </c>
      <c r="F2554">
        <v>1060.7380000000001</v>
      </c>
      <c r="G2554">
        <v>1083.7429999999999</v>
      </c>
      <c r="H2554">
        <v>1097.44</v>
      </c>
      <c r="I2554">
        <v>1103.9649999999999</v>
      </c>
      <c r="J2554">
        <v>1117.7719999999999</v>
      </c>
      <c r="K2554">
        <v>1112.1420000000001</v>
      </c>
      <c r="L2554">
        <v>1131.511</v>
      </c>
      <c r="M2554">
        <v>1122.6089999999999</v>
      </c>
      <c r="P2554">
        <v>0</v>
      </c>
      <c r="Q2554">
        <v>0</v>
      </c>
      <c r="S2554">
        <v>0</v>
      </c>
    </row>
    <row r="2555" spans="1:19" x14ac:dyDescent="0.3">
      <c r="A2555">
        <v>68.416666667504856</v>
      </c>
      <c r="B2555">
        <v>921.28399999999999</v>
      </c>
      <c r="C2555">
        <v>1020.954</v>
      </c>
      <c r="D2555">
        <v>1026.327</v>
      </c>
      <c r="E2555">
        <v>1046.5319999999999</v>
      </c>
      <c r="F2555">
        <v>1056.8420000000001</v>
      </c>
      <c r="G2555">
        <v>1083.9870000000001</v>
      </c>
      <c r="H2555">
        <v>1103.797</v>
      </c>
      <c r="I2555">
        <v>1112.634</v>
      </c>
      <c r="J2555">
        <v>1125.115</v>
      </c>
      <c r="K2555">
        <v>1116.5830000000001</v>
      </c>
      <c r="L2555">
        <v>1135.6130000000001</v>
      </c>
      <c r="M2555">
        <v>1126.0640000000001</v>
      </c>
      <c r="P2555">
        <v>0</v>
      </c>
      <c r="Q2555">
        <v>0</v>
      </c>
      <c r="S2555">
        <v>0</v>
      </c>
    </row>
    <row r="2556" spans="1:19" x14ac:dyDescent="0.3">
      <c r="A2556">
        <v>68.449999998152876</v>
      </c>
      <c r="B2556">
        <v>926.22</v>
      </c>
      <c r="C2556">
        <v>1023.668</v>
      </c>
      <c r="D2556">
        <v>1026.308</v>
      </c>
      <c r="E2556">
        <v>1046.5129999999999</v>
      </c>
      <c r="F2556">
        <v>1061.463</v>
      </c>
      <c r="G2556">
        <v>1087.338</v>
      </c>
      <c r="H2556">
        <v>1105.0940000000001</v>
      </c>
      <c r="I2556">
        <v>1113.3900000000001</v>
      </c>
      <c r="J2556">
        <v>1125.4559999999999</v>
      </c>
      <c r="K2556">
        <v>1116.771</v>
      </c>
      <c r="L2556">
        <v>1134.0550000000001</v>
      </c>
      <c r="M2556">
        <v>1126.9369999999999</v>
      </c>
      <c r="P2556">
        <v>0</v>
      </c>
      <c r="Q2556">
        <v>0</v>
      </c>
      <c r="S2556">
        <v>0</v>
      </c>
    </row>
    <row r="2557" spans="1:19" x14ac:dyDescent="0.3">
      <c r="A2557">
        <v>68.466666668715575</v>
      </c>
      <c r="B2557">
        <v>934.63300000000004</v>
      </c>
      <c r="C2557">
        <v>1024.877</v>
      </c>
      <c r="D2557">
        <v>1026.2339999999999</v>
      </c>
      <c r="E2557">
        <v>1045.163</v>
      </c>
      <c r="F2557">
        <v>1061.258</v>
      </c>
      <c r="G2557">
        <v>1086.4949999999999</v>
      </c>
      <c r="H2557">
        <v>1102.6489999999999</v>
      </c>
      <c r="I2557">
        <v>1115.146</v>
      </c>
      <c r="J2557">
        <v>1130.0119999999999</v>
      </c>
      <c r="K2557">
        <v>1116.865</v>
      </c>
      <c r="L2557">
        <v>1134.8520000000001</v>
      </c>
      <c r="M2557">
        <v>1126.8040000000001</v>
      </c>
      <c r="P2557">
        <v>0</v>
      </c>
      <c r="Q2557">
        <v>0</v>
      </c>
      <c r="S2557">
        <v>0</v>
      </c>
    </row>
    <row r="2558" spans="1:19" x14ac:dyDescent="0.3">
      <c r="A2558">
        <v>68.499999999363595</v>
      </c>
      <c r="B2558">
        <v>930.85400000000004</v>
      </c>
      <c r="C2558">
        <v>1023.246</v>
      </c>
      <c r="D2558">
        <v>1027.597</v>
      </c>
      <c r="E2558">
        <v>1046.902</v>
      </c>
      <c r="F2558">
        <v>1061.3330000000001</v>
      </c>
      <c r="G2558">
        <v>1089.117</v>
      </c>
      <c r="H2558">
        <v>1101.164</v>
      </c>
      <c r="I2558">
        <v>1112.653</v>
      </c>
      <c r="J2558">
        <v>1129.0830000000001</v>
      </c>
      <c r="K2558">
        <v>1117.1500000000001</v>
      </c>
      <c r="L2558">
        <v>1133.221</v>
      </c>
      <c r="M2558">
        <v>1123.578</v>
      </c>
      <c r="P2558">
        <v>0</v>
      </c>
      <c r="Q2558">
        <v>0</v>
      </c>
      <c r="S2558">
        <v>0</v>
      </c>
    </row>
    <row r="2559" spans="1:19" x14ac:dyDescent="0.3">
      <c r="A2559">
        <v>68.516666669926295</v>
      </c>
      <c r="B2559">
        <v>932.91099999999994</v>
      </c>
      <c r="C2559">
        <v>1023.081</v>
      </c>
      <c r="D2559">
        <v>1024.8599999999999</v>
      </c>
      <c r="E2559">
        <v>1045.0719999999999</v>
      </c>
      <c r="F2559">
        <v>1059.125</v>
      </c>
      <c r="G2559">
        <v>1088.2929999999999</v>
      </c>
      <c r="H2559">
        <v>1101.653</v>
      </c>
      <c r="I2559">
        <v>1112.8800000000001</v>
      </c>
      <c r="J2559">
        <v>1125.6279999999999</v>
      </c>
      <c r="K2559">
        <v>1117.1880000000001</v>
      </c>
      <c r="L2559">
        <v>1135.8779999999999</v>
      </c>
      <c r="M2559">
        <v>1123.0650000000001</v>
      </c>
      <c r="P2559">
        <v>0</v>
      </c>
      <c r="Q2559">
        <v>0</v>
      </c>
      <c r="S2559">
        <v>0</v>
      </c>
    </row>
    <row r="2560" spans="1:19" x14ac:dyDescent="0.3">
      <c r="A2560">
        <v>68.550000000574315</v>
      </c>
      <c r="B2560">
        <v>931.58600000000001</v>
      </c>
      <c r="C2560">
        <v>1019.981</v>
      </c>
      <c r="D2560">
        <v>1022.713</v>
      </c>
      <c r="E2560">
        <v>1042.335</v>
      </c>
      <c r="F2560">
        <v>1056.8409999999999</v>
      </c>
      <c r="G2560">
        <v>1086.027</v>
      </c>
      <c r="H2560">
        <v>1100.693</v>
      </c>
      <c r="I2560">
        <v>1112.8599999999999</v>
      </c>
      <c r="J2560">
        <v>1127.6389999999999</v>
      </c>
      <c r="K2560">
        <v>1116.204</v>
      </c>
      <c r="L2560">
        <v>1133.277</v>
      </c>
      <c r="M2560">
        <v>1122.0229999999999</v>
      </c>
      <c r="P2560">
        <v>0</v>
      </c>
      <c r="Q2560">
        <v>0</v>
      </c>
      <c r="S2560">
        <v>0</v>
      </c>
    </row>
    <row r="2561" spans="1:19" x14ac:dyDescent="0.3">
      <c r="A2561">
        <v>68.583333331222335</v>
      </c>
      <c r="B2561">
        <v>939.74699999999996</v>
      </c>
      <c r="C2561">
        <v>1019.962</v>
      </c>
      <c r="D2561">
        <v>1024.6759999999999</v>
      </c>
      <c r="E2561">
        <v>1044.165</v>
      </c>
      <c r="F2561">
        <v>1062.1859999999999</v>
      </c>
      <c r="G2561">
        <v>1089.6210000000001</v>
      </c>
      <c r="H2561">
        <v>1102.5550000000001</v>
      </c>
      <c r="I2561">
        <v>1116.6949999999999</v>
      </c>
      <c r="J2561">
        <v>1128.075</v>
      </c>
      <c r="K2561">
        <v>1117.2809999999999</v>
      </c>
      <c r="L2561">
        <v>1132.7449999999999</v>
      </c>
      <c r="M2561">
        <v>1119.1130000000001</v>
      </c>
      <c r="P2561">
        <v>0</v>
      </c>
      <c r="Q2561">
        <v>0</v>
      </c>
      <c r="S2561">
        <v>0</v>
      </c>
    </row>
    <row r="2562" spans="1:19" x14ac:dyDescent="0.3">
      <c r="A2562">
        <v>68.600000001785034</v>
      </c>
      <c r="B2562">
        <v>924.71799999999996</v>
      </c>
      <c r="C2562">
        <v>1021.1369999999999</v>
      </c>
      <c r="D2562">
        <v>1024.713</v>
      </c>
      <c r="E2562">
        <v>1044.4059999999999</v>
      </c>
      <c r="F2562">
        <v>1060.739</v>
      </c>
      <c r="G2562">
        <v>1087.825</v>
      </c>
      <c r="H2562">
        <v>1102.5740000000001</v>
      </c>
      <c r="I2562">
        <v>1114.807</v>
      </c>
      <c r="J2562">
        <v>1129.2909999999999</v>
      </c>
      <c r="K2562">
        <v>1119.3979999999999</v>
      </c>
      <c r="L2562">
        <v>1134.3779999999999</v>
      </c>
      <c r="M2562">
        <v>1122.269</v>
      </c>
      <c r="P2562">
        <v>0</v>
      </c>
      <c r="Q2562">
        <v>0</v>
      </c>
      <c r="S2562">
        <v>0</v>
      </c>
    </row>
    <row r="2563" spans="1:19" x14ac:dyDescent="0.3">
      <c r="A2563">
        <v>68.633333332433054</v>
      </c>
      <c r="B2563">
        <v>923.80600000000004</v>
      </c>
      <c r="C2563">
        <v>1021.614</v>
      </c>
      <c r="D2563">
        <v>1025.502</v>
      </c>
      <c r="E2563">
        <v>1048.1579999999999</v>
      </c>
      <c r="F2563">
        <v>1061.518</v>
      </c>
      <c r="G2563">
        <v>1087.1690000000001</v>
      </c>
      <c r="H2563">
        <v>1099.001</v>
      </c>
      <c r="I2563">
        <v>1113.4079999999999</v>
      </c>
      <c r="J2563">
        <v>1128.5129999999999</v>
      </c>
      <c r="K2563">
        <v>1117.6969999999999</v>
      </c>
      <c r="L2563">
        <v>1134.511</v>
      </c>
      <c r="M2563">
        <v>1125.077</v>
      </c>
      <c r="P2563">
        <v>0</v>
      </c>
      <c r="Q2563">
        <v>0</v>
      </c>
      <c r="S2563">
        <v>0</v>
      </c>
    </row>
    <row r="2564" spans="1:19" x14ac:dyDescent="0.3">
      <c r="A2564">
        <v>68.650000002995753</v>
      </c>
      <c r="B2564">
        <v>932.89200000000005</v>
      </c>
      <c r="C2564">
        <v>1022.5119999999999</v>
      </c>
      <c r="D2564">
        <v>1023.5940000000001</v>
      </c>
      <c r="E2564">
        <v>1046.4390000000001</v>
      </c>
      <c r="F2564">
        <v>1060.962</v>
      </c>
      <c r="G2564">
        <v>1088.2550000000001</v>
      </c>
      <c r="H2564">
        <v>1097.0640000000001</v>
      </c>
      <c r="I2564">
        <v>1111.538</v>
      </c>
      <c r="J2564">
        <v>1129.0250000000001</v>
      </c>
      <c r="K2564">
        <v>1120.134</v>
      </c>
      <c r="L2564">
        <v>1136.6369999999999</v>
      </c>
      <c r="M2564">
        <v>1128</v>
      </c>
      <c r="P2564">
        <v>0</v>
      </c>
      <c r="Q2564">
        <v>0</v>
      </c>
      <c r="S2564">
        <v>0</v>
      </c>
    </row>
    <row r="2565" spans="1:19" x14ac:dyDescent="0.3">
      <c r="A2565">
        <v>68.683333333643773</v>
      </c>
      <c r="B2565">
        <v>928.40200000000004</v>
      </c>
      <c r="C2565">
        <v>1022.658</v>
      </c>
      <c r="D2565">
        <v>1023.098</v>
      </c>
      <c r="E2565">
        <v>1045.9390000000001</v>
      </c>
      <c r="F2565">
        <v>1054.78</v>
      </c>
      <c r="G2565">
        <v>1083.817</v>
      </c>
      <c r="H2565">
        <v>1099.452</v>
      </c>
      <c r="I2565">
        <v>1112.9359999999999</v>
      </c>
      <c r="J2565">
        <v>1127.5060000000001</v>
      </c>
      <c r="K2565">
        <v>1117.6780000000001</v>
      </c>
      <c r="L2565">
        <v>1135.7819999999999</v>
      </c>
      <c r="M2565">
        <v>1125.3989999999999</v>
      </c>
      <c r="P2565">
        <v>0</v>
      </c>
      <c r="Q2565">
        <v>0</v>
      </c>
      <c r="S2565">
        <v>0</v>
      </c>
    </row>
    <row r="2566" spans="1:19" x14ac:dyDescent="0.3">
      <c r="A2566">
        <v>68.716666664291793</v>
      </c>
      <c r="B2566">
        <v>927.45500000000004</v>
      </c>
      <c r="C2566">
        <v>1026.4000000000001</v>
      </c>
      <c r="D2566">
        <v>1026.0150000000001</v>
      </c>
      <c r="E2566">
        <v>1047.123</v>
      </c>
      <c r="F2566">
        <v>1054.7249999999999</v>
      </c>
      <c r="G2566">
        <v>1081.9090000000001</v>
      </c>
      <c r="H2566">
        <v>1100.374</v>
      </c>
      <c r="I2566">
        <v>1118.3019999999999</v>
      </c>
      <c r="J2566">
        <v>1132.404</v>
      </c>
      <c r="K2566">
        <v>1121.4000000000001</v>
      </c>
      <c r="L2566">
        <v>1138.144</v>
      </c>
      <c r="M2566">
        <v>1121.8720000000001</v>
      </c>
      <c r="P2566">
        <v>0</v>
      </c>
      <c r="Q2566">
        <v>0</v>
      </c>
      <c r="S2566">
        <v>0</v>
      </c>
    </row>
    <row r="2567" spans="1:19" x14ac:dyDescent="0.3">
      <c r="A2567">
        <v>68.733333334854493</v>
      </c>
      <c r="B2567">
        <v>938.13300000000004</v>
      </c>
      <c r="C2567">
        <v>1026.585</v>
      </c>
      <c r="D2567">
        <v>1027.653</v>
      </c>
      <c r="E2567">
        <v>1045.9590000000001</v>
      </c>
      <c r="F2567">
        <v>1052.355</v>
      </c>
      <c r="G2567">
        <v>1081.067</v>
      </c>
      <c r="H2567">
        <v>1104.3050000000001</v>
      </c>
      <c r="I2567">
        <v>1121.816</v>
      </c>
      <c r="J2567">
        <v>1134.2650000000001</v>
      </c>
      <c r="K2567">
        <v>1124.47</v>
      </c>
      <c r="L2567">
        <v>1139.079</v>
      </c>
      <c r="M2567">
        <v>1126.748</v>
      </c>
      <c r="P2567">
        <v>0</v>
      </c>
      <c r="Q2567">
        <v>0</v>
      </c>
      <c r="S2567">
        <v>0</v>
      </c>
    </row>
    <row r="2568" spans="1:19" x14ac:dyDescent="0.3">
      <c r="A2568">
        <v>68.766666665502513</v>
      </c>
      <c r="B2568">
        <v>938.25800000000004</v>
      </c>
      <c r="C2568">
        <v>1025.758</v>
      </c>
      <c r="D2568">
        <v>1026.4179999999999</v>
      </c>
      <c r="E2568">
        <v>1046.587</v>
      </c>
      <c r="F2568">
        <v>1056.934</v>
      </c>
      <c r="G2568">
        <v>1083.9870000000001</v>
      </c>
      <c r="H2568">
        <v>1104.06</v>
      </c>
      <c r="I2568">
        <v>1121.4000000000001</v>
      </c>
      <c r="J2568">
        <v>1134.2260000000001</v>
      </c>
      <c r="K2568">
        <v>1126.33</v>
      </c>
      <c r="L2568">
        <v>1139.556</v>
      </c>
      <c r="M2568">
        <v>1126.8800000000001</v>
      </c>
      <c r="P2568">
        <v>0</v>
      </c>
      <c r="Q2568">
        <v>0</v>
      </c>
      <c r="S2568">
        <v>0</v>
      </c>
    </row>
    <row r="2569" spans="1:19" x14ac:dyDescent="0.3">
      <c r="A2569">
        <v>68.783333336065212</v>
      </c>
      <c r="B2569">
        <v>936.71500000000003</v>
      </c>
      <c r="C2569">
        <v>1025.4459999999999</v>
      </c>
      <c r="D2569">
        <v>1024.2909999999999</v>
      </c>
      <c r="E2569">
        <v>1044.886</v>
      </c>
      <c r="F2569">
        <v>1057.8430000000001</v>
      </c>
      <c r="G2569">
        <v>1084.3050000000001</v>
      </c>
      <c r="H2569">
        <v>1099.546</v>
      </c>
      <c r="I2569">
        <v>1116.0530000000001</v>
      </c>
      <c r="J2569">
        <v>1127.7719999999999</v>
      </c>
      <c r="K2569">
        <v>1118.2260000000001</v>
      </c>
      <c r="L2569">
        <v>1132.499</v>
      </c>
      <c r="M2569">
        <v>1125.3050000000001</v>
      </c>
      <c r="P2569">
        <v>0</v>
      </c>
      <c r="Q2569">
        <v>0</v>
      </c>
      <c r="S2569">
        <v>0</v>
      </c>
    </row>
    <row r="2570" spans="1:19" x14ac:dyDescent="0.3">
      <c r="A2570">
        <v>68.816666666713232</v>
      </c>
      <c r="B2570">
        <v>935.13699999999994</v>
      </c>
      <c r="C2570">
        <v>1024.366</v>
      </c>
      <c r="D2570">
        <v>1019.249</v>
      </c>
      <c r="E2570">
        <v>1041.7449999999999</v>
      </c>
      <c r="F2570">
        <v>1056.453</v>
      </c>
      <c r="G2570">
        <v>1082.5840000000001</v>
      </c>
      <c r="H2570">
        <v>1097.1590000000001</v>
      </c>
      <c r="I2570">
        <v>1108.97</v>
      </c>
      <c r="J2570">
        <v>1120.9290000000001</v>
      </c>
      <c r="K2570">
        <v>1114.713</v>
      </c>
      <c r="L2570">
        <v>1134</v>
      </c>
      <c r="M2570">
        <v>1129.672</v>
      </c>
      <c r="P2570">
        <v>0</v>
      </c>
      <c r="Q2570">
        <v>0</v>
      </c>
      <c r="S2570">
        <v>0</v>
      </c>
    </row>
    <row r="2571" spans="1:19" x14ac:dyDescent="0.3">
      <c r="A2571">
        <v>68.849999997361252</v>
      </c>
      <c r="B2571">
        <v>932.76700000000005</v>
      </c>
      <c r="C2571">
        <v>1020.55</v>
      </c>
      <c r="D2571">
        <v>1021.7430000000001</v>
      </c>
      <c r="E2571">
        <v>1042.317</v>
      </c>
      <c r="F2571">
        <v>1057.1759999999999</v>
      </c>
      <c r="G2571">
        <v>1082.415</v>
      </c>
      <c r="H2571">
        <v>1096.557</v>
      </c>
      <c r="I2571">
        <v>1106.9369999999999</v>
      </c>
      <c r="J2571">
        <v>1121.93</v>
      </c>
      <c r="K2571">
        <v>1117.2439999999999</v>
      </c>
      <c r="L2571">
        <v>1136.068</v>
      </c>
      <c r="M2571">
        <v>1129.0450000000001</v>
      </c>
      <c r="P2571">
        <v>0</v>
      </c>
      <c r="Q2571">
        <v>0</v>
      </c>
      <c r="S2571">
        <v>0</v>
      </c>
    </row>
    <row r="2572" spans="1:19" x14ac:dyDescent="0.3">
      <c r="A2572">
        <v>68.866666667923951</v>
      </c>
      <c r="B2572">
        <v>906.21600000000001</v>
      </c>
      <c r="C2572">
        <v>1008.737</v>
      </c>
      <c r="D2572">
        <v>1018.845</v>
      </c>
      <c r="E2572">
        <v>1043.2049999999999</v>
      </c>
      <c r="F2572">
        <v>1055.2080000000001</v>
      </c>
      <c r="G2572">
        <v>1079.836</v>
      </c>
      <c r="H2572">
        <v>1096.557</v>
      </c>
      <c r="I2572">
        <v>1107.8589999999999</v>
      </c>
      <c r="J2572">
        <v>1124.8499999999999</v>
      </c>
      <c r="K2572">
        <v>1119.4549999999999</v>
      </c>
      <c r="L2572">
        <v>1134.55</v>
      </c>
      <c r="M2572">
        <v>1124.8689999999999</v>
      </c>
      <c r="P2572">
        <v>0</v>
      </c>
      <c r="Q2572">
        <v>0</v>
      </c>
      <c r="S2572">
        <v>0</v>
      </c>
    </row>
    <row r="2573" spans="1:19" x14ac:dyDescent="0.3">
      <c r="A2573">
        <v>68.899999998571971</v>
      </c>
      <c r="B2573">
        <v>911.51</v>
      </c>
      <c r="C2573">
        <v>1015.562</v>
      </c>
      <c r="D2573">
        <v>1021.192</v>
      </c>
      <c r="E2573">
        <v>1045.0160000000001</v>
      </c>
      <c r="F2573">
        <v>1055.71</v>
      </c>
      <c r="G2573">
        <v>1082.826</v>
      </c>
      <c r="H2573">
        <v>1098.644</v>
      </c>
      <c r="I2573">
        <v>1114.5619999999999</v>
      </c>
      <c r="J2573">
        <v>1127.26</v>
      </c>
      <c r="K2573">
        <v>1113.296</v>
      </c>
      <c r="L2573">
        <v>1137.248</v>
      </c>
      <c r="M2573">
        <v>1128.4559999999999</v>
      </c>
      <c r="P2573">
        <v>0</v>
      </c>
      <c r="Q2573">
        <v>0</v>
      </c>
      <c r="S2573">
        <v>0</v>
      </c>
    </row>
    <row r="2574" spans="1:19" x14ac:dyDescent="0.3">
      <c r="A2574">
        <v>68.93333333969737</v>
      </c>
      <c r="B2574">
        <v>925.971</v>
      </c>
      <c r="C2574">
        <v>1016.956</v>
      </c>
      <c r="D2574">
        <v>1023.6130000000001</v>
      </c>
      <c r="E2574">
        <v>1045.3309999999999</v>
      </c>
      <c r="F2574">
        <v>1055.5419999999999</v>
      </c>
      <c r="G2574">
        <v>1085.8969999999999</v>
      </c>
      <c r="H2574">
        <v>1101.54</v>
      </c>
      <c r="I2574">
        <v>1116.1859999999999</v>
      </c>
      <c r="J2574">
        <v>1124.982</v>
      </c>
      <c r="K2574">
        <v>1106.1289999999999</v>
      </c>
      <c r="L2574">
        <v>1136.4290000000001</v>
      </c>
      <c r="M2574">
        <v>1128.836</v>
      </c>
      <c r="P2574">
        <v>0</v>
      </c>
      <c r="Q2574">
        <v>0</v>
      </c>
      <c r="S2574">
        <v>0</v>
      </c>
    </row>
    <row r="2575" spans="1:19" x14ac:dyDescent="0.3">
      <c r="A2575">
        <v>68.94999999978269</v>
      </c>
      <c r="B2575">
        <v>930.44200000000001</v>
      </c>
      <c r="C2575">
        <v>1016.974</v>
      </c>
      <c r="D2575">
        <v>1024.127</v>
      </c>
      <c r="E2575">
        <v>1043.722</v>
      </c>
      <c r="F2575">
        <v>1054.7070000000001</v>
      </c>
      <c r="G2575">
        <v>1084.212</v>
      </c>
      <c r="H2575">
        <v>1095.0150000000001</v>
      </c>
      <c r="I2575">
        <v>1108.1600000000001</v>
      </c>
      <c r="J2575">
        <v>1117.471</v>
      </c>
      <c r="K2575">
        <v>1099.7159999999999</v>
      </c>
      <c r="L2575">
        <v>1130.6959999999999</v>
      </c>
      <c r="M2575">
        <v>1124.0899999999999</v>
      </c>
      <c r="P2575">
        <v>0</v>
      </c>
      <c r="Q2575">
        <v>0</v>
      </c>
      <c r="S2575">
        <v>0</v>
      </c>
    </row>
    <row r="2576" spans="1:19" x14ac:dyDescent="0.3">
      <c r="A2576">
        <v>68.98333333043071</v>
      </c>
      <c r="B2576">
        <v>924.78899999999999</v>
      </c>
      <c r="C2576">
        <v>1020.366</v>
      </c>
      <c r="D2576">
        <v>1022.5119999999999</v>
      </c>
      <c r="E2576">
        <v>1043.1489999999999</v>
      </c>
      <c r="F2576">
        <v>1055.375</v>
      </c>
      <c r="G2576">
        <v>1083.462</v>
      </c>
      <c r="H2576">
        <v>1095.3910000000001</v>
      </c>
      <c r="I2576">
        <v>1107.933</v>
      </c>
      <c r="J2576">
        <v>1119.2840000000001</v>
      </c>
      <c r="K2576">
        <v>1101.653</v>
      </c>
      <c r="L2576">
        <v>1133.5809999999999</v>
      </c>
      <c r="M2576">
        <v>1126.424</v>
      </c>
      <c r="P2576">
        <v>0</v>
      </c>
      <c r="Q2576">
        <v>0</v>
      </c>
      <c r="S2576">
        <v>0</v>
      </c>
    </row>
    <row r="2577" spans="1:19" x14ac:dyDescent="0.3">
      <c r="A2577">
        <v>69.00000000099341</v>
      </c>
      <c r="B2577">
        <v>933.12599999999998</v>
      </c>
      <c r="C2577">
        <v>1022.549</v>
      </c>
      <c r="D2577">
        <v>1024.2919999999999</v>
      </c>
      <c r="E2577">
        <v>1049.009</v>
      </c>
      <c r="F2577">
        <v>1065.0830000000001</v>
      </c>
      <c r="G2577">
        <v>1091.1579999999999</v>
      </c>
      <c r="H2577">
        <v>1100.5999999999999</v>
      </c>
      <c r="I2577">
        <v>1111.539</v>
      </c>
      <c r="J2577">
        <v>1119.8699999999999</v>
      </c>
      <c r="K2577">
        <v>1098.0609999999999</v>
      </c>
      <c r="L2577">
        <v>1131.5119999999999</v>
      </c>
      <c r="M2577">
        <v>1125.134</v>
      </c>
      <c r="P2577">
        <v>0</v>
      </c>
      <c r="Q2577">
        <v>0</v>
      </c>
      <c r="S2577">
        <v>0</v>
      </c>
    </row>
    <row r="2578" spans="1:19" x14ac:dyDescent="0.3">
      <c r="A2578">
        <v>69.03333333164143</v>
      </c>
      <c r="B2578">
        <v>928.51300000000003</v>
      </c>
      <c r="C2578">
        <v>1021.616</v>
      </c>
      <c r="D2578">
        <v>1025.963</v>
      </c>
      <c r="E2578">
        <v>1050.49</v>
      </c>
      <c r="F2578">
        <v>1067.3119999999999</v>
      </c>
      <c r="G2578">
        <v>1093.7619999999999</v>
      </c>
      <c r="H2578">
        <v>1103.837</v>
      </c>
      <c r="I2578">
        <v>1112.316</v>
      </c>
      <c r="J2578">
        <v>1121.6300000000001</v>
      </c>
      <c r="K2578">
        <v>1095.337</v>
      </c>
      <c r="L2578">
        <v>1127.2439999999999</v>
      </c>
      <c r="M2578">
        <v>1121.6300000000001</v>
      </c>
      <c r="P2578">
        <v>0</v>
      </c>
      <c r="Q2578">
        <v>0</v>
      </c>
      <c r="S2578">
        <v>0</v>
      </c>
    </row>
    <row r="2579" spans="1:19" x14ac:dyDescent="0.3">
      <c r="A2579">
        <v>69.066666672766829</v>
      </c>
      <c r="B2579">
        <v>919.99599999999998</v>
      </c>
      <c r="C2579">
        <v>1014.278</v>
      </c>
      <c r="D2579">
        <v>1024.8050000000001</v>
      </c>
      <c r="E2579">
        <v>1049.287</v>
      </c>
      <c r="F2579">
        <v>1063.0409999999999</v>
      </c>
      <c r="G2579">
        <v>1086.8520000000001</v>
      </c>
      <c r="H2579">
        <v>1098.9829999999999</v>
      </c>
      <c r="I2579">
        <v>1111.1610000000001</v>
      </c>
      <c r="J2579">
        <v>1122.194</v>
      </c>
      <c r="K2579">
        <v>1093.835</v>
      </c>
      <c r="L2579">
        <v>1124.8689999999999</v>
      </c>
      <c r="M2579">
        <v>1117.943</v>
      </c>
      <c r="P2579">
        <v>0</v>
      </c>
      <c r="Q2579">
        <v>0</v>
      </c>
      <c r="S2579">
        <v>0</v>
      </c>
    </row>
    <row r="2580" spans="1:19" x14ac:dyDescent="0.3">
      <c r="A2580">
        <v>69.083333332852149</v>
      </c>
      <c r="B2580">
        <v>929.04700000000003</v>
      </c>
      <c r="C2580">
        <v>1017.414</v>
      </c>
      <c r="D2580">
        <v>1025.704</v>
      </c>
      <c r="E2580">
        <v>1050.0809999999999</v>
      </c>
      <c r="F2580">
        <v>1062.558</v>
      </c>
      <c r="G2580">
        <v>1086.384</v>
      </c>
      <c r="H2580">
        <v>1095.7860000000001</v>
      </c>
      <c r="I2580">
        <v>1107.8779999999999</v>
      </c>
      <c r="J2580">
        <v>1119.3599999999999</v>
      </c>
      <c r="K2580">
        <v>1090.4090000000001</v>
      </c>
      <c r="L2580">
        <v>1123.027</v>
      </c>
      <c r="M2580">
        <v>1119.9079999999999</v>
      </c>
      <c r="P2580">
        <v>0</v>
      </c>
      <c r="Q2580">
        <v>0</v>
      </c>
      <c r="S2580">
        <v>0</v>
      </c>
    </row>
    <row r="2581" spans="1:19" x14ac:dyDescent="0.3">
      <c r="A2581">
        <v>69.116666663500169</v>
      </c>
      <c r="B2581">
        <v>942.90700000000004</v>
      </c>
      <c r="C2581">
        <v>1020.643</v>
      </c>
      <c r="D2581">
        <v>1028.3340000000001</v>
      </c>
      <c r="E2581">
        <v>1051.7270000000001</v>
      </c>
      <c r="F2581">
        <v>1062.8</v>
      </c>
      <c r="G2581">
        <v>1087.451</v>
      </c>
      <c r="H2581">
        <v>1094.079</v>
      </c>
      <c r="I2581">
        <v>1109.82</v>
      </c>
      <c r="J2581">
        <v>1119.115</v>
      </c>
      <c r="K2581">
        <v>1094.098</v>
      </c>
      <c r="L2581">
        <v>1126.1410000000001</v>
      </c>
      <c r="M2581">
        <v>1120.9670000000001</v>
      </c>
      <c r="P2581">
        <v>0</v>
      </c>
      <c r="Q2581">
        <v>0</v>
      </c>
      <c r="S2581">
        <v>0</v>
      </c>
    </row>
    <row r="2582" spans="1:19" x14ac:dyDescent="0.3">
      <c r="A2582">
        <v>69.133333334062868</v>
      </c>
      <c r="B2582">
        <v>942.72799999999995</v>
      </c>
      <c r="C2582">
        <v>1022.422</v>
      </c>
      <c r="D2582">
        <v>1023.504</v>
      </c>
      <c r="E2582">
        <v>1048.1969999999999</v>
      </c>
      <c r="F2582">
        <v>1056.8050000000001</v>
      </c>
      <c r="G2582">
        <v>1080.806</v>
      </c>
      <c r="H2582">
        <v>1095.768</v>
      </c>
      <c r="I2582">
        <v>1106.9760000000001</v>
      </c>
      <c r="J2582">
        <v>1120.173</v>
      </c>
      <c r="K2582">
        <v>1099.566</v>
      </c>
      <c r="L2582">
        <v>1134.038</v>
      </c>
      <c r="M2582">
        <v>1122.838</v>
      </c>
      <c r="P2582">
        <v>0</v>
      </c>
      <c r="Q2582">
        <v>0</v>
      </c>
      <c r="S2582">
        <v>0</v>
      </c>
    </row>
    <row r="2583" spans="1:19" x14ac:dyDescent="0.3">
      <c r="A2583">
        <v>69.166666664710888</v>
      </c>
      <c r="B2583">
        <v>942.13599999999997</v>
      </c>
      <c r="C2583">
        <v>1020.514</v>
      </c>
      <c r="D2583">
        <v>1023.999</v>
      </c>
      <c r="E2583">
        <v>1047.605</v>
      </c>
      <c r="F2583">
        <v>1056.5640000000001</v>
      </c>
      <c r="G2583">
        <v>1085.972</v>
      </c>
      <c r="H2583">
        <v>1101.4469999999999</v>
      </c>
      <c r="I2583">
        <v>1111.539</v>
      </c>
      <c r="J2583">
        <v>1127.394</v>
      </c>
      <c r="K2583">
        <v>1104.3989999999999</v>
      </c>
      <c r="L2583">
        <v>1139.595</v>
      </c>
      <c r="M2583">
        <v>1129.0830000000001</v>
      </c>
      <c r="P2583">
        <v>0</v>
      </c>
      <c r="Q2583">
        <v>0</v>
      </c>
      <c r="S2583">
        <v>0</v>
      </c>
    </row>
    <row r="2584" spans="1:19" x14ac:dyDescent="0.3">
      <c r="A2584">
        <v>69.200000005836287</v>
      </c>
      <c r="B2584">
        <v>935.56799999999998</v>
      </c>
      <c r="C2584">
        <v>1020.551</v>
      </c>
      <c r="D2584">
        <v>1022.073</v>
      </c>
      <c r="E2584">
        <v>1045.1279999999999</v>
      </c>
      <c r="F2584">
        <v>1052.818</v>
      </c>
      <c r="G2584">
        <v>1082.471</v>
      </c>
      <c r="H2584">
        <v>1100.0930000000001</v>
      </c>
      <c r="I2584">
        <v>1109.6310000000001</v>
      </c>
      <c r="J2584">
        <v>1125.4580000000001</v>
      </c>
      <c r="K2584">
        <v>1103.1389999999999</v>
      </c>
      <c r="L2584">
        <v>1138.107</v>
      </c>
      <c r="M2584">
        <v>1126.673</v>
      </c>
      <c r="P2584">
        <v>0</v>
      </c>
      <c r="Q2584">
        <v>0</v>
      </c>
      <c r="S2584">
        <v>0</v>
      </c>
    </row>
    <row r="2585" spans="1:19" x14ac:dyDescent="0.3">
      <c r="A2585">
        <v>69.216666665921608</v>
      </c>
      <c r="B2585">
        <v>935.49599999999998</v>
      </c>
      <c r="C2585">
        <v>1019.909</v>
      </c>
      <c r="D2585">
        <v>1018.1849999999999</v>
      </c>
      <c r="E2585">
        <v>1042.0409999999999</v>
      </c>
      <c r="F2585">
        <v>1050.489</v>
      </c>
      <c r="G2585">
        <v>1078.607</v>
      </c>
      <c r="H2585">
        <v>1098.231</v>
      </c>
      <c r="I2585">
        <v>1107.4639999999999</v>
      </c>
      <c r="J2585">
        <v>1126.3689999999999</v>
      </c>
      <c r="K2585">
        <v>1101.221</v>
      </c>
      <c r="L2585">
        <v>1136.6189999999999</v>
      </c>
      <c r="M2585">
        <v>1126.008</v>
      </c>
      <c r="P2585">
        <v>0</v>
      </c>
      <c r="Q2585">
        <v>0</v>
      </c>
      <c r="S2585">
        <v>0</v>
      </c>
    </row>
    <row r="2586" spans="1:19" x14ac:dyDescent="0.3">
      <c r="A2586">
        <v>69.249999996569628</v>
      </c>
      <c r="B2586">
        <v>936.78899999999999</v>
      </c>
      <c r="C2586">
        <v>1018.59</v>
      </c>
      <c r="D2586">
        <v>1014.409</v>
      </c>
      <c r="E2586">
        <v>1040.268</v>
      </c>
      <c r="F2586">
        <v>1049.511</v>
      </c>
      <c r="G2586">
        <v>1078.2360000000001</v>
      </c>
      <c r="H2586">
        <v>1095.9390000000001</v>
      </c>
      <c r="I2586">
        <v>1105.8679999999999</v>
      </c>
      <c r="J2586">
        <v>1124.586</v>
      </c>
      <c r="K2586">
        <v>1107.9359999999999</v>
      </c>
      <c r="L2586">
        <v>1142.8779999999999</v>
      </c>
      <c r="M2586">
        <v>1130.0150000000001</v>
      </c>
      <c r="P2586">
        <v>0</v>
      </c>
      <c r="Q2586">
        <v>0</v>
      </c>
      <c r="S2586">
        <v>0</v>
      </c>
    </row>
    <row r="2587" spans="1:19" x14ac:dyDescent="0.3">
      <c r="A2587">
        <v>69.266666667132327</v>
      </c>
      <c r="B2587">
        <v>932.803</v>
      </c>
      <c r="C2587">
        <v>1017.543</v>
      </c>
      <c r="D2587">
        <v>1014.37</v>
      </c>
      <c r="E2587">
        <v>1040.4870000000001</v>
      </c>
      <c r="F2587">
        <v>1051.4680000000001</v>
      </c>
      <c r="G2587">
        <v>1083.3689999999999</v>
      </c>
      <c r="H2587">
        <v>1096.8579999999999</v>
      </c>
      <c r="I2587">
        <v>1113.3520000000001</v>
      </c>
      <c r="J2587">
        <v>1128.2850000000001</v>
      </c>
      <c r="K2587">
        <v>1108.329</v>
      </c>
      <c r="L2587">
        <v>1139.48</v>
      </c>
      <c r="M2587">
        <v>1126.1020000000001</v>
      </c>
      <c r="P2587">
        <v>0</v>
      </c>
      <c r="Q2587">
        <v>0</v>
      </c>
      <c r="S2587">
        <v>0</v>
      </c>
    </row>
    <row r="2588" spans="1:19" x14ac:dyDescent="0.3">
      <c r="A2588">
        <v>69.299999997780347</v>
      </c>
      <c r="B2588">
        <v>929.15499999999997</v>
      </c>
      <c r="C2588">
        <v>1017.745</v>
      </c>
      <c r="D2588">
        <v>1021.596</v>
      </c>
      <c r="E2588">
        <v>1042.373</v>
      </c>
      <c r="F2588">
        <v>1052.356</v>
      </c>
      <c r="G2588">
        <v>1084.55</v>
      </c>
      <c r="H2588">
        <v>1097.9490000000001</v>
      </c>
      <c r="I2588">
        <v>1112.7670000000001</v>
      </c>
      <c r="J2588">
        <v>1129.0260000000001</v>
      </c>
      <c r="K2588">
        <v>1109.8009999999999</v>
      </c>
      <c r="L2588">
        <v>1140.549</v>
      </c>
      <c r="M2588">
        <v>1127.451</v>
      </c>
      <c r="P2588">
        <v>0</v>
      </c>
      <c r="Q2588">
        <v>0</v>
      </c>
      <c r="S2588">
        <v>0</v>
      </c>
    </row>
    <row r="2589" spans="1:19" x14ac:dyDescent="0.3">
      <c r="A2589">
        <v>69.333333338905746</v>
      </c>
      <c r="B2589">
        <v>944.32500000000005</v>
      </c>
      <c r="C2589">
        <v>1017.158</v>
      </c>
      <c r="D2589">
        <v>1020.826</v>
      </c>
      <c r="E2589">
        <v>1041.375</v>
      </c>
      <c r="F2589">
        <v>1053.761</v>
      </c>
      <c r="G2589">
        <v>1084.1559999999999</v>
      </c>
      <c r="H2589">
        <v>1096.915</v>
      </c>
      <c r="I2589">
        <v>1111.558</v>
      </c>
      <c r="J2589">
        <v>1126.1980000000001</v>
      </c>
      <c r="K2589">
        <v>1102.933</v>
      </c>
      <c r="L2589">
        <v>1135.8030000000001</v>
      </c>
      <c r="M2589">
        <v>1127.6220000000001</v>
      </c>
      <c r="P2589">
        <v>0</v>
      </c>
      <c r="Q2589">
        <v>0</v>
      </c>
      <c r="S2589">
        <v>0</v>
      </c>
    </row>
    <row r="2590" spans="1:19" x14ac:dyDescent="0.3">
      <c r="A2590">
        <v>69.349999998991066</v>
      </c>
      <c r="B2590">
        <v>949.00099999999998</v>
      </c>
      <c r="C2590">
        <v>1019.176</v>
      </c>
      <c r="D2590">
        <v>1020.991</v>
      </c>
      <c r="E2590">
        <v>1041.893</v>
      </c>
      <c r="F2590">
        <v>1055.97</v>
      </c>
      <c r="G2590">
        <v>1084.231</v>
      </c>
      <c r="H2590">
        <v>1096.7080000000001</v>
      </c>
      <c r="I2590">
        <v>1109.99</v>
      </c>
      <c r="J2590">
        <v>1121.231</v>
      </c>
      <c r="K2590">
        <v>1101.7850000000001</v>
      </c>
      <c r="L2590">
        <v>1136.7529999999999</v>
      </c>
      <c r="M2590">
        <v>1126.559</v>
      </c>
      <c r="P2590">
        <v>0</v>
      </c>
      <c r="Q2590">
        <v>0</v>
      </c>
      <c r="S2590">
        <v>0</v>
      </c>
    </row>
    <row r="2591" spans="1:19" x14ac:dyDescent="0.3">
      <c r="A2591">
        <v>69.383333329639086</v>
      </c>
      <c r="B2591">
        <v>953.86500000000001</v>
      </c>
      <c r="C2591">
        <v>1021.506</v>
      </c>
      <c r="D2591">
        <v>1020.553</v>
      </c>
      <c r="E2591">
        <v>1043.7249999999999</v>
      </c>
      <c r="F2591">
        <v>1060.76</v>
      </c>
      <c r="G2591">
        <v>1085.8800000000001</v>
      </c>
      <c r="H2591">
        <v>1095.299</v>
      </c>
      <c r="I2591">
        <v>1110.011</v>
      </c>
      <c r="J2591">
        <v>1120.364</v>
      </c>
      <c r="K2591">
        <v>1101.825</v>
      </c>
      <c r="L2591">
        <v>1134.5709999999999</v>
      </c>
      <c r="M2591">
        <v>1124.9849999999999</v>
      </c>
      <c r="P2591">
        <v>0</v>
      </c>
      <c r="Q2591">
        <v>0</v>
      </c>
      <c r="S2591">
        <v>0</v>
      </c>
    </row>
    <row r="2592" spans="1:19" x14ac:dyDescent="0.3">
      <c r="A2592">
        <v>69.400000000201786</v>
      </c>
      <c r="B2592">
        <v>951</v>
      </c>
      <c r="C2592">
        <v>1020.6609999999999</v>
      </c>
      <c r="D2592">
        <v>1019.726</v>
      </c>
      <c r="E2592">
        <v>1043.3900000000001</v>
      </c>
      <c r="F2592">
        <v>1058.5309999999999</v>
      </c>
      <c r="G2592">
        <v>1083.857</v>
      </c>
      <c r="H2592">
        <v>1095.0719999999999</v>
      </c>
      <c r="I2592">
        <v>1112.049</v>
      </c>
      <c r="J2592">
        <v>1121.0419999999999</v>
      </c>
      <c r="K2592">
        <v>1101.0329999999999</v>
      </c>
      <c r="L2592">
        <v>1133.354</v>
      </c>
      <c r="M2592">
        <v>1126.1030000000001</v>
      </c>
      <c r="P2592">
        <v>0</v>
      </c>
      <c r="Q2592">
        <v>0</v>
      </c>
      <c r="S2592">
        <v>0</v>
      </c>
    </row>
    <row r="2593" spans="1:19" x14ac:dyDescent="0.3">
      <c r="A2593">
        <v>69.433333330849806</v>
      </c>
      <c r="B2593">
        <v>954.11599999999999</v>
      </c>
      <c r="C2593">
        <v>1016.773</v>
      </c>
      <c r="D2593">
        <v>1020.826</v>
      </c>
      <c r="E2593">
        <v>1046.126</v>
      </c>
      <c r="F2593">
        <v>1059.8309999999999</v>
      </c>
      <c r="G2593">
        <v>1085.0550000000001</v>
      </c>
      <c r="H2593">
        <v>1092.8620000000001</v>
      </c>
      <c r="I2593">
        <v>1112.144</v>
      </c>
      <c r="J2593">
        <v>1123.009</v>
      </c>
      <c r="K2593">
        <v>1103.1389999999999</v>
      </c>
      <c r="L2593">
        <v>1132.1199999999999</v>
      </c>
      <c r="M2593">
        <v>1126.008</v>
      </c>
      <c r="P2593">
        <v>0</v>
      </c>
      <c r="Q2593">
        <v>0</v>
      </c>
      <c r="S2593">
        <v>0</v>
      </c>
    </row>
    <row r="2594" spans="1:19" x14ac:dyDescent="0.3">
      <c r="A2594">
        <v>69.466666671975204</v>
      </c>
      <c r="B2594">
        <v>963.35199999999998</v>
      </c>
      <c r="C2594">
        <v>1018.022</v>
      </c>
      <c r="D2594">
        <v>1028.2619999999999</v>
      </c>
      <c r="E2594">
        <v>1052.5609999999999</v>
      </c>
      <c r="F2594">
        <v>1062.5419999999999</v>
      </c>
      <c r="G2594">
        <v>1088.127</v>
      </c>
      <c r="H2594">
        <v>1097.932</v>
      </c>
      <c r="I2594">
        <v>1110.615</v>
      </c>
      <c r="J2594">
        <v>1120.723</v>
      </c>
      <c r="K2594">
        <v>1102.3699999999999</v>
      </c>
      <c r="L2594">
        <v>1135.444</v>
      </c>
      <c r="M2594">
        <v>1128.155</v>
      </c>
      <c r="P2594">
        <v>0</v>
      </c>
      <c r="Q2594">
        <v>0</v>
      </c>
      <c r="S2594">
        <v>0</v>
      </c>
    </row>
    <row r="2595" spans="1:19" x14ac:dyDescent="0.3">
      <c r="A2595">
        <v>69.483333332060525</v>
      </c>
      <c r="B2595">
        <v>957.59199999999998</v>
      </c>
      <c r="C2595">
        <v>1016.59</v>
      </c>
      <c r="D2595">
        <v>1037.614</v>
      </c>
      <c r="E2595">
        <v>1059.2550000000001</v>
      </c>
      <c r="F2595">
        <v>1067.348</v>
      </c>
      <c r="G2595">
        <v>1089.3800000000001</v>
      </c>
      <c r="H2595">
        <v>1102.1990000000001</v>
      </c>
      <c r="I2595">
        <v>1111.558</v>
      </c>
      <c r="J2595">
        <v>1123.92</v>
      </c>
      <c r="K2595">
        <v>1104.4559999999999</v>
      </c>
      <c r="L2595">
        <v>1135.9739999999999</v>
      </c>
      <c r="M2595">
        <v>1127.204</v>
      </c>
      <c r="P2595">
        <v>0</v>
      </c>
      <c r="Q2595">
        <v>0</v>
      </c>
      <c r="S2595">
        <v>0</v>
      </c>
    </row>
    <row r="2596" spans="1:19" x14ac:dyDescent="0.3">
      <c r="A2596">
        <v>69.516666673185924</v>
      </c>
      <c r="B2596">
        <v>954.64</v>
      </c>
      <c r="C2596">
        <v>1015.491</v>
      </c>
      <c r="D2596">
        <v>1039.328</v>
      </c>
      <c r="E2596">
        <v>1059.3679999999999</v>
      </c>
      <c r="F2596">
        <v>1065.029</v>
      </c>
      <c r="G2596">
        <v>1085.2629999999999</v>
      </c>
      <c r="H2596">
        <v>1099.5309999999999</v>
      </c>
      <c r="I2596">
        <v>1110.54</v>
      </c>
      <c r="J2596">
        <v>1123.5609999999999</v>
      </c>
      <c r="K2596">
        <v>1106.5450000000001</v>
      </c>
      <c r="L2596">
        <v>1137.556</v>
      </c>
      <c r="M2596">
        <v>1127.1110000000001</v>
      </c>
      <c r="P2596">
        <v>0</v>
      </c>
      <c r="Q2596">
        <v>0</v>
      </c>
      <c r="S2596">
        <v>0</v>
      </c>
    </row>
    <row r="2597" spans="1:19" x14ac:dyDescent="0.3">
      <c r="A2597">
        <v>69.533333333271244</v>
      </c>
      <c r="B2597">
        <v>954.08199999999999</v>
      </c>
      <c r="C2597">
        <v>1015.877</v>
      </c>
      <c r="D2597">
        <v>1039.5309999999999</v>
      </c>
      <c r="E2597">
        <v>1057.6980000000001</v>
      </c>
      <c r="F2597">
        <v>1061.6890000000001</v>
      </c>
      <c r="G2597">
        <v>1082.0619999999999</v>
      </c>
      <c r="H2597">
        <v>1098.873</v>
      </c>
      <c r="I2597">
        <v>1110.7670000000001</v>
      </c>
      <c r="J2597">
        <v>1123.752</v>
      </c>
      <c r="K2597">
        <v>1105.0029999999999</v>
      </c>
      <c r="L2597">
        <v>1132.787</v>
      </c>
      <c r="M2597">
        <v>1124.9090000000001</v>
      </c>
      <c r="P2597">
        <v>0</v>
      </c>
      <c r="Q2597">
        <v>0</v>
      </c>
      <c r="S2597">
        <v>0</v>
      </c>
    </row>
    <row r="2598" spans="1:19" x14ac:dyDescent="0.3">
      <c r="A2598">
        <v>69.566666663919264</v>
      </c>
      <c r="B2598">
        <v>949.27300000000002</v>
      </c>
      <c r="C2598">
        <v>1018.792</v>
      </c>
      <c r="D2598">
        <v>1035.277</v>
      </c>
      <c r="E2598">
        <v>1056.1569999999999</v>
      </c>
      <c r="F2598">
        <v>1059.6279999999999</v>
      </c>
      <c r="G2598">
        <v>1086.2170000000001</v>
      </c>
      <c r="H2598">
        <v>1100.979</v>
      </c>
      <c r="I2598">
        <v>1113.7139999999999</v>
      </c>
      <c r="J2598">
        <v>1120.1179999999999</v>
      </c>
      <c r="K2598">
        <v>1100.941</v>
      </c>
      <c r="L2598">
        <v>1128.383</v>
      </c>
      <c r="M2598">
        <v>1121.6300000000001</v>
      </c>
      <c r="P2598">
        <v>0</v>
      </c>
      <c r="Q2598">
        <v>0</v>
      </c>
      <c r="S2598">
        <v>0</v>
      </c>
    </row>
    <row r="2599" spans="1:19" x14ac:dyDescent="0.3">
      <c r="A2599">
        <v>69.600000005044663</v>
      </c>
      <c r="B2599">
        <v>946.12199999999996</v>
      </c>
      <c r="C2599">
        <v>1017.013</v>
      </c>
      <c r="D2599">
        <v>1033.1410000000001</v>
      </c>
      <c r="E2599">
        <v>1054.079</v>
      </c>
      <c r="F2599">
        <v>1056.7329999999999</v>
      </c>
      <c r="G2599">
        <v>1082.454</v>
      </c>
      <c r="H2599">
        <v>1102.502</v>
      </c>
      <c r="I2599">
        <v>1111.0309999999999</v>
      </c>
      <c r="J2599">
        <v>1117.549</v>
      </c>
      <c r="K2599">
        <v>1101.1669999999999</v>
      </c>
      <c r="L2599">
        <v>1129.028</v>
      </c>
      <c r="M2599">
        <v>1120.95</v>
      </c>
      <c r="P2599">
        <v>0</v>
      </c>
      <c r="Q2599">
        <v>0</v>
      </c>
      <c r="S2599">
        <v>0</v>
      </c>
    </row>
    <row r="2600" spans="1:19" x14ac:dyDescent="0.3">
      <c r="A2600">
        <v>69.616666665129983</v>
      </c>
      <c r="B2600">
        <v>943.62699999999995</v>
      </c>
      <c r="C2600">
        <v>1012.101</v>
      </c>
      <c r="D2600">
        <v>1031.761</v>
      </c>
      <c r="E2600">
        <v>1051.729</v>
      </c>
      <c r="F2600">
        <v>1052.0989999999999</v>
      </c>
      <c r="G2600">
        <v>1079.1300000000001</v>
      </c>
      <c r="H2600">
        <v>1100.6590000000001</v>
      </c>
      <c r="I2600">
        <v>1106.056</v>
      </c>
      <c r="J2600">
        <v>1114.7339999999999</v>
      </c>
      <c r="K2600">
        <v>1101.4110000000001</v>
      </c>
      <c r="L2600">
        <v>1131.837</v>
      </c>
      <c r="M2600">
        <v>1122.5740000000001</v>
      </c>
      <c r="P2600">
        <v>0</v>
      </c>
      <c r="Q2600">
        <v>0</v>
      </c>
      <c r="S2600">
        <v>0</v>
      </c>
    </row>
    <row r="2601" spans="1:19" x14ac:dyDescent="0.3">
      <c r="A2601">
        <v>69.650000006255382</v>
      </c>
      <c r="B2601">
        <v>946.01400000000001</v>
      </c>
      <c r="C2601">
        <v>1015.308</v>
      </c>
      <c r="D2601">
        <v>1030.73</v>
      </c>
      <c r="E2601">
        <v>1051.471</v>
      </c>
      <c r="F2601">
        <v>1057.4390000000001</v>
      </c>
      <c r="G2601">
        <v>1084.683</v>
      </c>
      <c r="H2601">
        <v>1101.694</v>
      </c>
      <c r="I2601">
        <v>1107.9739999999999</v>
      </c>
      <c r="J2601">
        <v>1116.8879999999999</v>
      </c>
      <c r="K2601">
        <v>1103.95</v>
      </c>
      <c r="L2601">
        <v>1134.704</v>
      </c>
      <c r="M2601">
        <v>1126.4849999999999</v>
      </c>
      <c r="P2601">
        <v>0</v>
      </c>
      <c r="Q2601">
        <v>0</v>
      </c>
      <c r="S2601">
        <v>0</v>
      </c>
    </row>
    <row r="2602" spans="1:19" x14ac:dyDescent="0.3">
      <c r="A2602">
        <v>69.683333336903402</v>
      </c>
      <c r="B2602">
        <v>935.92899999999997</v>
      </c>
      <c r="C2602">
        <v>1016.83</v>
      </c>
      <c r="D2602">
        <v>1028.5940000000001</v>
      </c>
      <c r="E2602">
        <v>1048.4949999999999</v>
      </c>
      <c r="F2602">
        <v>1055.1369999999999</v>
      </c>
      <c r="G2602">
        <v>1086.6300000000001</v>
      </c>
      <c r="H2602">
        <v>1098.384</v>
      </c>
      <c r="I2602">
        <v>1111.107</v>
      </c>
      <c r="J2602">
        <v>1122.046</v>
      </c>
      <c r="K2602">
        <v>1108.463</v>
      </c>
      <c r="L2602">
        <v>1140.3610000000001</v>
      </c>
      <c r="M2602">
        <v>1129.788</v>
      </c>
      <c r="P2602">
        <v>0</v>
      </c>
      <c r="Q2602">
        <v>0</v>
      </c>
      <c r="S2602">
        <v>0</v>
      </c>
    </row>
    <row r="2603" spans="1:19" x14ac:dyDescent="0.3">
      <c r="A2603">
        <v>69.699999996988723</v>
      </c>
      <c r="B2603">
        <v>939.23</v>
      </c>
      <c r="C2603">
        <v>1015.6559999999999</v>
      </c>
      <c r="D2603">
        <v>1027.287</v>
      </c>
      <c r="E2603">
        <v>1049.825</v>
      </c>
      <c r="F2603">
        <v>1057.2149999999999</v>
      </c>
      <c r="G2603">
        <v>1087.7339999999999</v>
      </c>
      <c r="H2603">
        <v>1099.625</v>
      </c>
      <c r="I2603">
        <v>1110.067</v>
      </c>
      <c r="J2603">
        <v>1120.213</v>
      </c>
      <c r="K2603">
        <v>1105.68</v>
      </c>
      <c r="L2603">
        <v>1141.5050000000001</v>
      </c>
      <c r="M2603">
        <v>1133.413</v>
      </c>
      <c r="P2603">
        <v>0</v>
      </c>
      <c r="Q2603">
        <v>0</v>
      </c>
      <c r="S2603">
        <v>0</v>
      </c>
    </row>
    <row r="2604" spans="1:19" x14ac:dyDescent="0.3">
      <c r="A2604">
        <v>69.733333338114122</v>
      </c>
      <c r="B2604">
        <v>946.10400000000004</v>
      </c>
      <c r="C2604">
        <v>1021.158</v>
      </c>
      <c r="D2604">
        <v>1030.7850000000001</v>
      </c>
      <c r="E2604">
        <v>1050.8050000000001</v>
      </c>
      <c r="F2604">
        <v>1056.454</v>
      </c>
      <c r="G2604">
        <v>1089.4749999999999</v>
      </c>
      <c r="H2604">
        <v>1101.1289999999999</v>
      </c>
      <c r="I2604">
        <v>1108.6130000000001</v>
      </c>
      <c r="J2604">
        <v>1117.9829999999999</v>
      </c>
      <c r="K2604">
        <v>1103.7239999999999</v>
      </c>
      <c r="L2604">
        <v>1137.346</v>
      </c>
      <c r="M2604">
        <v>1127.9459999999999</v>
      </c>
      <c r="P2604">
        <v>0</v>
      </c>
      <c r="Q2604">
        <v>0</v>
      </c>
      <c r="S2604">
        <v>0</v>
      </c>
    </row>
    <row r="2605" spans="1:19" x14ac:dyDescent="0.3">
      <c r="A2605">
        <v>69.749999998199442</v>
      </c>
      <c r="B2605">
        <v>948.69799999999998</v>
      </c>
      <c r="C2605">
        <v>1023.2859999999999</v>
      </c>
      <c r="D2605">
        <v>1032.627</v>
      </c>
      <c r="E2605">
        <v>1054.0229999999999</v>
      </c>
      <c r="F2605">
        <v>1060.1110000000001</v>
      </c>
      <c r="G2605">
        <v>1088.24</v>
      </c>
      <c r="H2605">
        <v>1100.923</v>
      </c>
      <c r="I2605">
        <v>1107.598</v>
      </c>
      <c r="J2605">
        <v>1120.0619999999999</v>
      </c>
      <c r="K2605">
        <v>1106.019</v>
      </c>
      <c r="L2605">
        <v>1141.162</v>
      </c>
      <c r="M2605">
        <v>1129.105</v>
      </c>
      <c r="P2605">
        <v>0</v>
      </c>
      <c r="Q2605">
        <v>0</v>
      </c>
      <c r="S2605">
        <v>0</v>
      </c>
    </row>
    <row r="2606" spans="1:19" x14ac:dyDescent="0.3">
      <c r="A2606">
        <v>69.783333339324841</v>
      </c>
      <c r="B2606">
        <v>959.46699999999998</v>
      </c>
      <c r="C2606">
        <v>1025.23</v>
      </c>
      <c r="D2606">
        <v>1031.2090000000001</v>
      </c>
      <c r="E2606">
        <v>1052.8389999999999</v>
      </c>
      <c r="F2606">
        <v>1058.385</v>
      </c>
      <c r="G2606">
        <v>1083.7840000000001</v>
      </c>
      <c r="H2606">
        <v>1097.7639999999999</v>
      </c>
      <c r="I2606">
        <v>1109.2180000000001</v>
      </c>
      <c r="J2606">
        <v>1121.1010000000001</v>
      </c>
      <c r="K2606">
        <v>1107.8989999999999</v>
      </c>
      <c r="L2606">
        <v>1139.655</v>
      </c>
      <c r="M2606">
        <v>1126.3710000000001</v>
      </c>
      <c r="P2606">
        <v>0</v>
      </c>
      <c r="Q2606">
        <v>0</v>
      </c>
      <c r="S2606">
        <v>0</v>
      </c>
    </row>
    <row r="2607" spans="1:19" x14ac:dyDescent="0.3">
      <c r="A2607">
        <v>69.816666669972861</v>
      </c>
      <c r="B2607">
        <v>951.68799999999999</v>
      </c>
      <c r="C2607">
        <v>1022.645</v>
      </c>
      <c r="D2607">
        <v>1028.08</v>
      </c>
      <c r="E2607">
        <v>1052.636</v>
      </c>
      <c r="F2607">
        <v>1057.903</v>
      </c>
      <c r="G2607">
        <v>1082.68</v>
      </c>
      <c r="H2607">
        <v>1098.2719999999999</v>
      </c>
      <c r="I2607">
        <v>1110.3520000000001</v>
      </c>
      <c r="J2607">
        <v>1121.2719999999999</v>
      </c>
      <c r="K2607">
        <v>1106.847</v>
      </c>
      <c r="L2607">
        <v>1135.616</v>
      </c>
      <c r="M2607">
        <v>1124.777</v>
      </c>
      <c r="P2607">
        <v>0</v>
      </c>
      <c r="Q2607">
        <v>0</v>
      </c>
      <c r="S2607">
        <v>0</v>
      </c>
    </row>
    <row r="2608" spans="1:19" x14ac:dyDescent="0.3">
      <c r="A2608">
        <v>69.833333330058181</v>
      </c>
      <c r="B2608">
        <v>958.69200000000001</v>
      </c>
      <c r="C2608">
        <v>1017.93</v>
      </c>
      <c r="D2608">
        <v>1025.816</v>
      </c>
      <c r="E2608">
        <v>1051.248</v>
      </c>
      <c r="F2608">
        <v>1057.1220000000001</v>
      </c>
      <c r="G2608">
        <v>1081.106</v>
      </c>
      <c r="H2608">
        <v>1095.1869999999999</v>
      </c>
      <c r="I2608">
        <v>1107.692</v>
      </c>
      <c r="J2608">
        <v>1119.9110000000001</v>
      </c>
      <c r="K2608">
        <v>1109.2360000000001</v>
      </c>
      <c r="L2608">
        <v>1138.0129999999999</v>
      </c>
      <c r="M2608">
        <v>1127.1110000000001</v>
      </c>
      <c r="P2608">
        <v>0</v>
      </c>
      <c r="Q2608">
        <v>0</v>
      </c>
      <c r="S2608">
        <v>0</v>
      </c>
    </row>
    <row r="2609" spans="1:19" x14ac:dyDescent="0.3">
      <c r="A2609">
        <v>69.86666667118358</v>
      </c>
      <c r="B2609">
        <v>951.20100000000002</v>
      </c>
      <c r="C2609">
        <v>1020.407</v>
      </c>
      <c r="D2609">
        <v>1029.258</v>
      </c>
      <c r="E2609">
        <v>1051.6010000000001</v>
      </c>
      <c r="F2609">
        <v>1058.943</v>
      </c>
      <c r="G2609">
        <v>1083.4849999999999</v>
      </c>
      <c r="H2609">
        <v>1095</v>
      </c>
      <c r="I2609">
        <v>1109.067</v>
      </c>
      <c r="J2609">
        <v>1121.933</v>
      </c>
      <c r="K2609">
        <v>1110.4839999999999</v>
      </c>
      <c r="L2609">
        <v>1137.0229999999999</v>
      </c>
      <c r="M2609">
        <v>1124.739</v>
      </c>
      <c r="P2609">
        <v>0</v>
      </c>
      <c r="Q2609">
        <v>0</v>
      </c>
      <c r="S2609">
        <v>0</v>
      </c>
    </row>
    <row r="2610" spans="1:19" x14ac:dyDescent="0.3">
      <c r="A2610">
        <v>69.883333331268901</v>
      </c>
      <c r="B2610">
        <v>942.01199999999994</v>
      </c>
      <c r="C2610">
        <v>1021.855</v>
      </c>
      <c r="D2610">
        <v>1024.019</v>
      </c>
      <c r="E2610">
        <v>1049.992</v>
      </c>
      <c r="F2610">
        <v>1064.9179999999999</v>
      </c>
      <c r="G2610">
        <v>1089.27</v>
      </c>
      <c r="H2610">
        <v>1100.998</v>
      </c>
      <c r="I2610">
        <v>1114.2809999999999</v>
      </c>
      <c r="J2610">
        <v>1127.3009999999999</v>
      </c>
      <c r="K2610">
        <v>1111.069</v>
      </c>
      <c r="L2610">
        <v>1138.2239999999999</v>
      </c>
      <c r="M2610">
        <v>1123.239</v>
      </c>
      <c r="P2610">
        <v>0</v>
      </c>
      <c r="Q2610">
        <v>0</v>
      </c>
      <c r="S2610">
        <v>0</v>
      </c>
    </row>
    <row r="2611" spans="1:19" x14ac:dyDescent="0.3">
      <c r="A2611">
        <v>69.9166666723943</v>
      </c>
      <c r="B2611">
        <v>942.87400000000002</v>
      </c>
      <c r="C2611">
        <v>1021.947</v>
      </c>
      <c r="D2611">
        <v>1023.598</v>
      </c>
      <c r="E2611">
        <v>1047.33</v>
      </c>
      <c r="F2611">
        <v>1062.0039999999999</v>
      </c>
      <c r="G2611">
        <v>1089.0450000000001</v>
      </c>
      <c r="H2611">
        <v>1100.7529999999999</v>
      </c>
      <c r="I2611">
        <v>1116.3779999999999</v>
      </c>
      <c r="J2611">
        <v>1128.934</v>
      </c>
      <c r="K2611">
        <v>1111.4849999999999</v>
      </c>
      <c r="L2611">
        <v>1140.1320000000001</v>
      </c>
      <c r="M2611">
        <v>1126.675</v>
      </c>
      <c r="P2611">
        <v>0</v>
      </c>
      <c r="Q2611">
        <v>0</v>
      </c>
      <c r="S2611">
        <v>0</v>
      </c>
    </row>
    <row r="2612" spans="1:19" x14ac:dyDescent="0.3">
      <c r="A2612">
        <v>69.950000003042319</v>
      </c>
      <c r="B2612">
        <v>942.89200000000005</v>
      </c>
      <c r="C2612">
        <v>1022.1130000000001</v>
      </c>
      <c r="D2612">
        <v>1025.634</v>
      </c>
      <c r="E2612">
        <v>1046.3320000000001</v>
      </c>
      <c r="F2612">
        <v>1059.741</v>
      </c>
      <c r="G2612">
        <v>1088.8019999999999</v>
      </c>
      <c r="H2612">
        <v>1098.6669999999999</v>
      </c>
      <c r="I2612">
        <v>1112.94</v>
      </c>
      <c r="J2612">
        <v>1130.3389999999999</v>
      </c>
      <c r="K2612">
        <v>1111.92</v>
      </c>
      <c r="L2612">
        <v>1142.479</v>
      </c>
      <c r="M2612">
        <v>1125.461</v>
      </c>
      <c r="P2612">
        <v>0</v>
      </c>
      <c r="Q2612">
        <v>0</v>
      </c>
      <c r="S2612">
        <v>0</v>
      </c>
    </row>
    <row r="2613" spans="1:19" x14ac:dyDescent="0.3">
      <c r="A2613">
        <v>69.96666666312764</v>
      </c>
      <c r="B2613">
        <v>933.14700000000005</v>
      </c>
      <c r="C2613">
        <v>1016.977</v>
      </c>
      <c r="D2613">
        <v>1026.7719999999999</v>
      </c>
      <c r="E2613">
        <v>1047.663</v>
      </c>
      <c r="F2613">
        <v>1055.8979999999999</v>
      </c>
      <c r="G2613">
        <v>1086.873</v>
      </c>
      <c r="H2613">
        <v>1097.087</v>
      </c>
      <c r="I2613">
        <v>1111.239</v>
      </c>
      <c r="J2613">
        <v>1124.53</v>
      </c>
      <c r="K2613">
        <v>1108.7460000000001</v>
      </c>
      <c r="L2613">
        <v>1139.1780000000001</v>
      </c>
      <c r="M2613">
        <v>1123.6949999999999</v>
      </c>
      <c r="P2613">
        <v>0</v>
      </c>
      <c r="Q2613">
        <v>0</v>
      </c>
      <c r="S2613">
        <v>0</v>
      </c>
    </row>
    <row r="2614" spans="1:19" x14ac:dyDescent="0.3">
      <c r="A2614">
        <v>70.000000004253039</v>
      </c>
      <c r="B2614">
        <v>928.29899999999998</v>
      </c>
      <c r="C2614">
        <v>1009.691</v>
      </c>
      <c r="D2614">
        <v>1025.1199999999999</v>
      </c>
      <c r="E2614">
        <v>1047.5519999999999</v>
      </c>
      <c r="F2614">
        <v>1053.0609999999999</v>
      </c>
      <c r="G2614">
        <v>1082.7739999999999</v>
      </c>
      <c r="H2614">
        <v>1097.538</v>
      </c>
      <c r="I2614">
        <v>1111.845</v>
      </c>
      <c r="J2614">
        <v>1124.8720000000001</v>
      </c>
      <c r="K2614">
        <v>1109.143</v>
      </c>
      <c r="L2614">
        <v>1132.902</v>
      </c>
      <c r="M2614">
        <v>1120.7049999999999</v>
      </c>
      <c r="P2614">
        <v>0</v>
      </c>
      <c r="Q2614">
        <v>0</v>
      </c>
      <c r="S2614">
        <v>0</v>
      </c>
    </row>
    <row r="2615" spans="1:19" x14ac:dyDescent="0.3">
      <c r="A2615">
        <v>70.016666664338359</v>
      </c>
      <c r="B2615">
        <v>922.66499999999996</v>
      </c>
      <c r="C2615">
        <v>1010.275</v>
      </c>
      <c r="D2615">
        <v>1020.5359999999999</v>
      </c>
      <c r="E2615">
        <v>1044.78</v>
      </c>
      <c r="F2615">
        <v>1055.3599999999999</v>
      </c>
      <c r="G2615">
        <v>1085.8820000000001</v>
      </c>
      <c r="H2615">
        <v>1100.2090000000001</v>
      </c>
      <c r="I2615">
        <v>1114.395</v>
      </c>
      <c r="J2615">
        <v>1124.2270000000001</v>
      </c>
      <c r="K2615">
        <v>1107.204</v>
      </c>
      <c r="L2615">
        <v>1131.934</v>
      </c>
      <c r="M2615">
        <v>1121.0830000000001</v>
      </c>
      <c r="P2615">
        <v>0</v>
      </c>
      <c r="Q2615">
        <v>0</v>
      </c>
      <c r="S2615">
        <v>0</v>
      </c>
    </row>
    <row r="2616" spans="1:19" x14ac:dyDescent="0.3">
      <c r="A2616">
        <v>70.050000005463758</v>
      </c>
      <c r="B2616">
        <v>909.12400000000002</v>
      </c>
      <c r="C2616">
        <v>1012.705</v>
      </c>
      <c r="D2616">
        <v>1019.692</v>
      </c>
      <c r="E2616">
        <v>1043.079</v>
      </c>
      <c r="F2616">
        <v>1054.4880000000001</v>
      </c>
      <c r="G2616">
        <v>1085.2449999999999</v>
      </c>
      <c r="H2616">
        <v>1098.93</v>
      </c>
      <c r="I2616">
        <v>1111.297</v>
      </c>
      <c r="J2616">
        <v>1124.663</v>
      </c>
      <c r="K2616">
        <v>1107.655</v>
      </c>
      <c r="L2616">
        <v>1133.604</v>
      </c>
      <c r="M2616">
        <v>1123.202</v>
      </c>
      <c r="P2616">
        <v>0</v>
      </c>
      <c r="Q2616">
        <v>0</v>
      </c>
      <c r="S2616">
        <v>0</v>
      </c>
    </row>
    <row r="2617" spans="1:19" x14ac:dyDescent="0.3">
      <c r="A2617">
        <v>70.083333336111778</v>
      </c>
      <c r="B2617">
        <v>908.96400000000006</v>
      </c>
      <c r="C2617">
        <v>1012.6319999999999</v>
      </c>
      <c r="D2617">
        <v>1015.932</v>
      </c>
      <c r="E2617">
        <v>1041.5260000000001</v>
      </c>
      <c r="F2617">
        <v>1053.56</v>
      </c>
      <c r="G2617">
        <v>1080.865</v>
      </c>
      <c r="H2617">
        <v>1092.2660000000001</v>
      </c>
      <c r="I2617">
        <v>1103.048</v>
      </c>
      <c r="J2617">
        <v>1113.0730000000001</v>
      </c>
      <c r="K2617">
        <v>1098.2149999999999</v>
      </c>
      <c r="L2617">
        <v>1128.289</v>
      </c>
      <c r="M2617">
        <v>1122.462</v>
      </c>
      <c r="P2617">
        <v>0</v>
      </c>
      <c r="Q2617">
        <v>0</v>
      </c>
      <c r="S2617">
        <v>0</v>
      </c>
    </row>
    <row r="2618" spans="1:19" x14ac:dyDescent="0.3">
      <c r="A2618">
        <v>70.100000006674478</v>
      </c>
      <c r="B2618">
        <v>908.17899999999997</v>
      </c>
      <c r="C2618">
        <v>1012.705</v>
      </c>
      <c r="D2618">
        <v>1012.651</v>
      </c>
      <c r="E2618">
        <v>1038.6659999999999</v>
      </c>
      <c r="F2618">
        <v>1050.8240000000001</v>
      </c>
      <c r="G2618">
        <v>1082.3989999999999</v>
      </c>
      <c r="H2618">
        <v>1090.787</v>
      </c>
      <c r="I2618">
        <v>1101.6379999999999</v>
      </c>
      <c r="J2618">
        <v>1111.712</v>
      </c>
      <c r="K2618">
        <v>1098.404</v>
      </c>
      <c r="L2618">
        <v>1127.7950000000001</v>
      </c>
      <c r="M2618">
        <v>1122.519</v>
      </c>
      <c r="P2618">
        <v>0</v>
      </c>
      <c r="Q2618">
        <v>0</v>
      </c>
      <c r="S2618">
        <v>0</v>
      </c>
    </row>
    <row r="2619" spans="1:19" x14ac:dyDescent="0.3">
      <c r="A2619">
        <v>70.133333337322497</v>
      </c>
      <c r="B2619">
        <v>916.32600000000002</v>
      </c>
      <c r="C2619">
        <v>1014.795</v>
      </c>
      <c r="D2619">
        <v>1016.318</v>
      </c>
      <c r="E2619">
        <v>1040.731</v>
      </c>
      <c r="F2619">
        <v>1050.3810000000001</v>
      </c>
      <c r="G2619">
        <v>1082.193</v>
      </c>
      <c r="H2619">
        <v>1092.4159999999999</v>
      </c>
      <c r="I2619">
        <v>1103.2180000000001</v>
      </c>
      <c r="J2619">
        <v>1113.1099999999999</v>
      </c>
      <c r="K2619">
        <v>1101.5820000000001</v>
      </c>
      <c r="L2619">
        <v>1132.4459999999999</v>
      </c>
      <c r="M2619">
        <v>1125.366</v>
      </c>
      <c r="P2619">
        <v>0</v>
      </c>
      <c r="Q2619">
        <v>0</v>
      </c>
      <c r="S2619">
        <v>0</v>
      </c>
    </row>
    <row r="2620" spans="1:19" x14ac:dyDescent="0.3">
      <c r="A2620">
        <v>70.166666667970517</v>
      </c>
      <c r="B2620">
        <v>923.702</v>
      </c>
      <c r="C2620">
        <v>1016.318</v>
      </c>
      <c r="D2620">
        <v>1018.335</v>
      </c>
      <c r="E2620">
        <v>1041.193</v>
      </c>
      <c r="F2620">
        <v>1052.932</v>
      </c>
      <c r="G2620">
        <v>1082.624</v>
      </c>
      <c r="H2620">
        <v>1096.5229999999999</v>
      </c>
      <c r="I2620">
        <v>1104.665</v>
      </c>
      <c r="J2620">
        <v>1116.114</v>
      </c>
      <c r="K2620">
        <v>1106.038</v>
      </c>
      <c r="L2620">
        <v>1136.7940000000001</v>
      </c>
      <c r="M2620">
        <v>1126.998</v>
      </c>
      <c r="P2620">
        <v>0</v>
      </c>
      <c r="Q2620">
        <v>0</v>
      </c>
      <c r="S2620">
        <v>0</v>
      </c>
    </row>
    <row r="2621" spans="1:19" x14ac:dyDescent="0.3">
      <c r="A2621">
        <v>70.183333338533217</v>
      </c>
      <c r="B2621">
        <v>920.07100000000003</v>
      </c>
      <c r="C2621">
        <v>1017.143</v>
      </c>
      <c r="D2621">
        <v>1022.278</v>
      </c>
      <c r="E2621">
        <v>1044.28</v>
      </c>
      <c r="F2621">
        <v>1056.92</v>
      </c>
      <c r="G2621">
        <v>1086.6489999999999</v>
      </c>
      <c r="H2621">
        <v>1095.827</v>
      </c>
      <c r="I2621">
        <v>1107.768</v>
      </c>
      <c r="J2621">
        <v>1118.0229999999999</v>
      </c>
      <c r="K2621">
        <v>1104.5709999999999</v>
      </c>
      <c r="L2621">
        <v>1135.104</v>
      </c>
      <c r="M2621">
        <v>1124.777</v>
      </c>
      <c r="P2621">
        <v>0</v>
      </c>
      <c r="Q2621">
        <v>0</v>
      </c>
      <c r="S2621">
        <v>0</v>
      </c>
    </row>
    <row r="2622" spans="1:19" x14ac:dyDescent="0.3">
      <c r="A2622">
        <v>70.216666669181237</v>
      </c>
      <c r="B2622">
        <v>927.60199999999998</v>
      </c>
      <c r="C2622">
        <v>1016.593</v>
      </c>
      <c r="D2622">
        <v>1020.591</v>
      </c>
      <c r="E2622">
        <v>1046.684</v>
      </c>
      <c r="F2622">
        <v>1067.519</v>
      </c>
      <c r="G2622">
        <v>1091.7049999999999</v>
      </c>
      <c r="H2622">
        <v>1102.4659999999999</v>
      </c>
      <c r="I2622">
        <v>1111.0139999999999</v>
      </c>
      <c r="J2622">
        <v>1120.6110000000001</v>
      </c>
      <c r="K2622">
        <v>1105.625</v>
      </c>
      <c r="L2622">
        <v>1132.2570000000001</v>
      </c>
      <c r="M2622">
        <v>1121.1780000000001</v>
      </c>
      <c r="P2622">
        <v>0</v>
      </c>
      <c r="Q2622">
        <v>0</v>
      </c>
      <c r="S2622">
        <v>0</v>
      </c>
    </row>
    <row r="2623" spans="1:19" x14ac:dyDescent="0.3">
      <c r="A2623">
        <v>70.233333339743936</v>
      </c>
      <c r="B2623">
        <v>933.399</v>
      </c>
      <c r="C2623">
        <v>1016.758</v>
      </c>
      <c r="D2623">
        <v>1016.904</v>
      </c>
      <c r="E2623">
        <v>1044.373</v>
      </c>
      <c r="F2623">
        <v>1062.877</v>
      </c>
      <c r="G2623">
        <v>1093.127</v>
      </c>
      <c r="H2623">
        <v>1101.0360000000001</v>
      </c>
      <c r="I2623">
        <v>1113.979</v>
      </c>
      <c r="J2623">
        <v>1123.278</v>
      </c>
      <c r="K2623">
        <v>1106.6780000000001</v>
      </c>
      <c r="L2623">
        <v>1133.566</v>
      </c>
      <c r="M2623">
        <v>1119.4580000000001</v>
      </c>
      <c r="P2623">
        <v>0</v>
      </c>
      <c r="Q2623">
        <v>0</v>
      </c>
      <c r="S2623">
        <v>0</v>
      </c>
    </row>
    <row r="2624" spans="1:19" x14ac:dyDescent="0.3">
      <c r="A2624">
        <v>70.266666670391956</v>
      </c>
      <c r="B2624">
        <v>929.94500000000005</v>
      </c>
      <c r="C2624">
        <v>1015.529</v>
      </c>
      <c r="D2624">
        <v>1017.583</v>
      </c>
      <c r="E2624">
        <v>1046.5730000000001</v>
      </c>
      <c r="F2624">
        <v>1061.17</v>
      </c>
      <c r="G2624">
        <v>1087.829</v>
      </c>
      <c r="H2624">
        <v>1099.1179999999999</v>
      </c>
      <c r="I2624">
        <v>1109.086</v>
      </c>
      <c r="J2624">
        <v>1117.5309999999999</v>
      </c>
      <c r="K2624">
        <v>1106.32</v>
      </c>
      <c r="L2624">
        <v>1134.0409999999999</v>
      </c>
      <c r="M2624">
        <v>1123.259</v>
      </c>
      <c r="P2624">
        <v>0</v>
      </c>
      <c r="Q2624">
        <v>0</v>
      </c>
      <c r="S2624">
        <v>0</v>
      </c>
    </row>
    <row r="2625" spans="1:19" x14ac:dyDescent="0.3">
      <c r="A2625">
        <v>70.300000001039976</v>
      </c>
      <c r="B2625">
        <v>924.76</v>
      </c>
      <c r="C2625">
        <v>1008.7430000000001</v>
      </c>
      <c r="D2625">
        <v>1014.816</v>
      </c>
      <c r="E2625">
        <v>1043.9870000000001</v>
      </c>
      <c r="F2625">
        <v>1061.2280000000001</v>
      </c>
      <c r="G2625">
        <v>1086.895</v>
      </c>
      <c r="H2625">
        <v>1098.6130000000001</v>
      </c>
      <c r="I2625">
        <v>1107.394</v>
      </c>
      <c r="J2625">
        <v>1119.31</v>
      </c>
      <c r="K2625">
        <v>1107.752</v>
      </c>
      <c r="L2625">
        <v>1134.6310000000001</v>
      </c>
      <c r="M2625">
        <v>1123.1849999999999</v>
      </c>
      <c r="P2625">
        <v>0</v>
      </c>
      <c r="Q2625">
        <v>0</v>
      </c>
      <c r="S2625">
        <v>0</v>
      </c>
    </row>
    <row r="2626" spans="1:19" x14ac:dyDescent="0.3">
      <c r="A2626">
        <v>70.316666671602675</v>
      </c>
      <c r="B2626">
        <v>928.72900000000004</v>
      </c>
      <c r="C2626">
        <v>1010.313</v>
      </c>
      <c r="D2626">
        <v>1012.578</v>
      </c>
      <c r="E2626">
        <v>1043.2270000000001</v>
      </c>
      <c r="F2626">
        <v>1061.876</v>
      </c>
      <c r="G2626">
        <v>1088.8779999999999</v>
      </c>
      <c r="H2626">
        <v>1103.3309999999999</v>
      </c>
      <c r="I2626">
        <v>1111.5239999999999</v>
      </c>
      <c r="J2626">
        <v>1120.6679999999999</v>
      </c>
      <c r="K2626">
        <v>1105.4749999999999</v>
      </c>
      <c r="L2626">
        <v>1130.9280000000001</v>
      </c>
      <c r="M2626">
        <v>1124.2270000000001</v>
      </c>
      <c r="P2626">
        <v>0</v>
      </c>
      <c r="Q2626">
        <v>0</v>
      </c>
      <c r="S2626">
        <v>0</v>
      </c>
    </row>
    <row r="2627" spans="1:19" x14ac:dyDescent="0.3">
      <c r="A2627">
        <v>70.350000002250695</v>
      </c>
      <c r="B2627">
        <v>928.19200000000001</v>
      </c>
      <c r="C2627">
        <v>1009.947</v>
      </c>
      <c r="D2627">
        <v>1012.213</v>
      </c>
      <c r="E2627">
        <v>1042.3399999999999</v>
      </c>
      <c r="F2627">
        <v>1062.5999999999999</v>
      </c>
      <c r="G2627">
        <v>1090.5630000000001</v>
      </c>
      <c r="H2627">
        <v>1102.635</v>
      </c>
      <c r="I2627">
        <v>1114.056</v>
      </c>
      <c r="J2627">
        <v>1124.3409999999999</v>
      </c>
      <c r="K2627">
        <v>1109.068</v>
      </c>
      <c r="L2627">
        <v>1133.2439999999999</v>
      </c>
      <c r="M2627">
        <v>1124.664</v>
      </c>
      <c r="P2627">
        <v>0</v>
      </c>
      <c r="Q2627">
        <v>0</v>
      </c>
      <c r="S2627">
        <v>0</v>
      </c>
    </row>
    <row r="2628" spans="1:19" x14ac:dyDescent="0.3">
      <c r="A2628">
        <v>70.366666672813395</v>
      </c>
      <c r="B2628">
        <v>930.875</v>
      </c>
      <c r="C2628">
        <v>1008.9059999999999</v>
      </c>
      <c r="D2628">
        <v>1011.756</v>
      </c>
      <c r="E2628">
        <v>1043.412</v>
      </c>
      <c r="F2628">
        <v>1061.69</v>
      </c>
      <c r="G2628">
        <v>1085.6949999999999</v>
      </c>
      <c r="H2628">
        <v>1096.4670000000001</v>
      </c>
      <c r="I2628">
        <v>1107.712</v>
      </c>
      <c r="J2628">
        <v>1117.9849999999999</v>
      </c>
      <c r="K2628">
        <v>1105.7</v>
      </c>
      <c r="L2628">
        <v>1132.067</v>
      </c>
      <c r="M2628">
        <v>1121.7639999999999</v>
      </c>
      <c r="P2628">
        <v>0</v>
      </c>
      <c r="Q2628">
        <v>0</v>
      </c>
      <c r="S2628">
        <v>0</v>
      </c>
    </row>
    <row r="2629" spans="1:19" x14ac:dyDescent="0.3">
      <c r="A2629">
        <v>70.400000003461415</v>
      </c>
      <c r="B2629">
        <v>920.89599999999996</v>
      </c>
      <c r="C2629">
        <v>1009.675</v>
      </c>
      <c r="D2629">
        <v>1016.173</v>
      </c>
      <c r="E2629">
        <v>1042.711</v>
      </c>
      <c r="F2629">
        <v>1055.827</v>
      </c>
      <c r="G2629">
        <v>1082.701</v>
      </c>
      <c r="H2629">
        <v>1090.546</v>
      </c>
      <c r="I2629">
        <v>1102.3920000000001</v>
      </c>
      <c r="J2629">
        <v>1114.4349999999999</v>
      </c>
      <c r="K2629">
        <v>1103.0319999999999</v>
      </c>
      <c r="L2629">
        <v>1132.866</v>
      </c>
      <c r="M2629">
        <v>1123.1849999999999</v>
      </c>
      <c r="P2629">
        <v>0</v>
      </c>
      <c r="Q2629">
        <v>0</v>
      </c>
      <c r="S2629">
        <v>0</v>
      </c>
    </row>
    <row r="2630" spans="1:19" x14ac:dyDescent="0.3">
      <c r="A2630">
        <v>70.433333334109435</v>
      </c>
      <c r="B2630">
        <v>918.85799999999995</v>
      </c>
      <c r="C2630">
        <v>1011.043</v>
      </c>
      <c r="D2630">
        <v>1016.263</v>
      </c>
      <c r="E2630">
        <v>1040.2329999999999</v>
      </c>
      <c r="F2630">
        <v>1055.213</v>
      </c>
      <c r="G2630">
        <v>1081.895</v>
      </c>
      <c r="H2630">
        <v>1093.3340000000001</v>
      </c>
      <c r="I2630">
        <v>1106.885</v>
      </c>
      <c r="J2630">
        <v>1118.0989999999999</v>
      </c>
      <c r="K2630">
        <v>1104.2149999999999</v>
      </c>
      <c r="L2630">
        <v>1134.193</v>
      </c>
      <c r="M2630">
        <v>1123.126</v>
      </c>
      <c r="P2630">
        <v>0</v>
      </c>
      <c r="Q2630">
        <v>0</v>
      </c>
      <c r="S2630">
        <v>0</v>
      </c>
    </row>
    <row r="2631" spans="1:19" x14ac:dyDescent="0.3">
      <c r="A2631">
        <v>70.450000004672134</v>
      </c>
      <c r="B2631">
        <v>916.61400000000003</v>
      </c>
      <c r="C2631">
        <v>1011.611</v>
      </c>
      <c r="D2631">
        <v>1017.915</v>
      </c>
      <c r="E2631">
        <v>1041.806</v>
      </c>
      <c r="F2631">
        <v>1056.365</v>
      </c>
      <c r="G2631">
        <v>1085.6969999999999</v>
      </c>
      <c r="H2631">
        <v>1093.8219999999999</v>
      </c>
      <c r="I2631">
        <v>1111.752</v>
      </c>
      <c r="J2631">
        <v>1124.4760000000001</v>
      </c>
      <c r="K2631">
        <v>1111.6010000000001</v>
      </c>
      <c r="L2631">
        <v>1139.3330000000001</v>
      </c>
      <c r="M2631">
        <v>1124.5709999999999</v>
      </c>
      <c r="P2631">
        <v>0</v>
      </c>
      <c r="Q2631">
        <v>0</v>
      </c>
      <c r="S2631">
        <v>0</v>
      </c>
    </row>
    <row r="2632" spans="1:19" x14ac:dyDescent="0.3">
      <c r="A2632">
        <v>70.483333335320154</v>
      </c>
      <c r="B2632">
        <v>921.38</v>
      </c>
      <c r="C2632">
        <v>1012.672</v>
      </c>
      <c r="D2632">
        <v>1016.889</v>
      </c>
      <c r="E2632">
        <v>1038.2819999999999</v>
      </c>
      <c r="F2632">
        <v>1056.421</v>
      </c>
      <c r="G2632">
        <v>1084.3119999999999</v>
      </c>
      <c r="H2632">
        <v>1092.4749999999999</v>
      </c>
      <c r="I2632">
        <v>1109.694</v>
      </c>
      <c r="J2632">
        <v>1122.3330000000001</v>
      </c>
      <c r="K2632">
        <v>1110.223</v>
      </c>
      <c r="L2632">
        <v>1138.1510000000001</v>
      </c>
      <c r="M2632">
        <v>1125.1030000000001</v>
      </c>
      <c r="P2632">
        <v>0</v>
      </c>
      <c r="Q2632">
        <v>0</v>
      </c>
      <c r="S2632">
        <v>0</v>
      </c>
    </row>
    <row r="2633" spans="1:19" x14ac:dyDescent="0.3">
      <c r="A2633">
        <v>70.500000005882853</v>
      </c>
      <c r="B2633">
        <v>928.80200000000002</v>
      </c>
      <c r="C2633">
        <v>1013.496</v>
      </c>
      <c r="D2633">
        <v>1016.008</v>
      </c>
      <c r="E2633">
        <v>1041.3620000000001</v>
      </c>
      <c r="F2633">
        <v>1058.5920000000001</v>
      </c>
      <c r="G2633">
        <v>1085.847</v>
      </c>
      <c r="H2633">
        <v>1093.635</v>
      </c>
      <c r="I2633">
        <v>1108.165</v>
      </c>
      <c r="J2633">
        <v>1115.9839999999999</v>
      </c>
      <c r="K2633">
        <v>1101.396</v>
      </c>
      <c r="L2633">
        <v>1127.19</v>
      </c>
      <c r="M2633">
        <v>1118.7429999999999</v>
      </c>
      <c r="P2633">
        <v>0</v>
      </c>
      <c r="Q2633">
        <v>0</v>
      </c>
      <c r="S2633">
        <v>0</v>
      </c>
    </row>
    <row r="2634" spans="1:19" x14ac:dyDescent="0.3">
      <c r="A2634">
        <v>70.533333336530873</v>
      </c>
      <c r="B2634">
        <v>926.20899999999995</v>
      </c>
      <c r="C2634">
        <v>1009.401</v>
      </c>
      <c r="D2634">
        <v>1015.439</v>
      </c>
      <c r="E2634">
        <v>1045.595</v>
      </c>
      <c r="F2634">
        <v>1061.3019999999999</v>
      </c>
      <c r="G2634">
        <v>1085.4349999999999</v>
      </c>
      <c r="H2634">
        <v>1094.1969999999999</v>
      </c>
      <c r="I2634">
        <v>1106.3409999999999</v>
      </c>
      <c r="J2634">
        <v>1113.7360000000001</v>
      </c>
      <c r="K2634">
        <v>1100.0609999999999</v>
      </c>
      <c r="L2634">
        <v>1127.076</v>
      </c>
      <c r="M2634">
        <v>1120.5940000000001</v>
      </c>
      <c r="P2634">
        <v>0</v>
      </c>
      <c r="Q2634">
        <v>0</v>
      </c>
      <c r="S2634">
        <v>0</v>
      </c>
    </row>
    <row r="2635" spans="1:19" x14ac:dyDescent="0.3">
      <c r="A2635">
        <v>70.566666667178893</v>
      </c>
      <c r="B2635">
        <v>919.62599999999998</v>
      </c>
      <c r="C2635">
        <v>1010.497</v>
      </c>
      <c r="D2635">
        <v>1011.1180000000001</v>
      </c>
      <c r="E2635">
        <v>1042.989</v>
      </c>
      <c r="F2635">
        <v>1058.6659999999999</v>
      </c>
      <c r="G2635">
        <v>1084.5730000000001</v>
      </c>
      <c r="H2635">
        <v>1094.721</v>
      </c>
      <c r="I2635">
        <v>1107.0940000000001</v>
      </c>
      <c r="J2635">
        <v>1117.364</v>
      </c>
      <c r="K2635">
        <v>1107.357</v>
      </c>
      <c r="L2635">
        <v>1131.6510000000001</v>
      </c>
      <c r="M2635">
        <v>1118.2329999999999</v>
      </c>
      <c r="P2635">
        <v>0</v>
      </c>
      <c r="Q2635">
        <v>0</v>
      </c>
      <c r="S2635">
        <v>0</v>
      </c>
    </row>
    <row r="2636" spans="1:19" x14ac:dyDescent="0.3">
      <c r="A2636">
        <v>70.583333337741593</v>
      </c>
      <c r="B2636">
        <v>919.69799999999998</v>
      </c>
      <c r="C2636">
        <v>1011.484</v>
      </c>
      <c r="D2636">
        <v>1009.857</v>
      </c>
      <c r="E2636">
        <v>1042.0830000000001</v>
      </c>
      <c r="F2636">
        <v>1059.7059999999999</v>
      </c>
      <c r="G2636">
        <v>1083.75</v>
      </c>
      <c r="H2636">
        <v>1095.134</v>
      </c>
      <c r="I2636">
        <v>1110.373</v>
      </c>
      <c r="J2636">
        <v>1121.029</v>
      </c>
      <c r="K2636">
        <v>1107.018</v>
      </c>
      <c r="L2636">
        <v>1129.146</v>
      </c>
      <c r="M2636">
        <v>1116.5509999999999</v>
      </c>
      <c r="P2636">
        <v>0</v>
      </c>
      <c r="Q2636">
        <v>0</v>
      </c>
      <c r="S2636">
        <v>0</v>
      </c>
    </row>
    <row r="2637" spans="1:19" x14ac:dyDescent="0.3">
      <c r="A2637">
        <v>70.616666668389612</v>
      </c>
      <c r="B2637">
        <v>916.20399999999995</v>
      </c>
      <c r="C2637">
        <v>1010.424</v>
      </c>
      <c r="D2637">
        <v>1006.752</v>
      </c>
      <c r="E2637">
        <v>1043.155</v>
      </c>
      <c r="F2637">
        <v>1060.857</v>
      </c>
      <c r="G2637">
        <v>1082.626</v>
      </c>
      <c r="H2637">
        <v>1095.7729999999999</v>
      </c>
      <c r="I2637">
        <v>1108.579</v>
      </c>
      <c r="J2637">
        <v>1121.1420000000001</v>
      </c>
      <c r="K2637">
        <v>1102.787</v>
      </c>
      <c r="L2637">
        <v>1124.229</v>
      </c>
      <c r="M2637">
        <v>1114.7380000000001</v>
      </c>
      <c r="P2637">
        <v>0</v>
      </c>
      <c r="Q2637">
        <v>0</v>
      </c>
      <c r="S2637">
        <v>0</v>
      </c>
    </row>
    <row r="2638" spans="1:19" x14ac:dyDescent="0.3">
      <c r="A2638">
        <v>70.633333338952312</v>
      </c>
      <c r="B2638">
        <v>909.66200000000003</v>
      </c>
      <c r="C2638">
        <v>1010.15</v>
      </c>
      <c r="D2638">
        <v>1004.432</v>
      </c>
      <c r="E2638">
        <v>1039.866</v>
      </c>
      <c r="F2638">
        <v>1057.461</v>
      </c>
      <c r="G2638">
        <v>1079.5820000000001</v>
      </c>
      <c r="H2638">
        <v>1089.329</v>
      </c>
      <c r="I2638">
        <v>1104.2919999999999</v>
      </c>
      <c r="J2638">
        <v>1121.9549999999999</v>
      </c>
      <c r="K2638">
        <v>1106.8309999999999</v>
      </c>
      <c r="L2638">
        <v>1127.4570000000001</v>
      </c>
      <c r="M2638">
        <v>1116.854</v>
      </c>
      <c r="P2638">
        <v>0</v>
      </c>
      <c r="Q2638">
        <v>0</v>
      </c>
      <c r="S2638">
        <v>0</v>
      </c>
    </row>
    <row r="2639" spans="1:19" x14ac:dyDescent="0.3">
      <c r="A2639">
        <v>70.666666669600332</v>
      </c>
      <c r="B2639">
        <v>916.88199999999995</v>
      </c>
      <c r="C2639">
        <v>1008.397</v>
      </c>
      <c r="D2639">
        <v>1006.826</v>
      </c>
      <c r="E2639">
        <v>1037.51</v>
      </c>
      <c r="F2639">
        <v>1052.6949999999999</v>
      </c>
      <c r="G2639">
        <v>1076.6559999999999</v>
      </c>
      <c r="H2639">
        <v>1085.3050000000001</v>
      </c>
      <c r="I2639">
        <v>1100.3820000000001</v>
      </c>
      <c r="J2639">
        <v>1119.1600000000001</v>
      </c>
      <c r="K2639">
        <v>1104.951</v>
      </c>
      <c r="L2639">
        <v>1129.204</v>
      </c>
      <c r="M2639">
        <v>1119.7449999999999</v>
      </c>
      <c r="P2639">
        <v>0</v>
      </c>
      <c r="Q2639">
        <v>0</v>
      </c>
      <c r="S2639">
        <v>0</v>
      </c>
    </row>
    <row r="2640" spans="1:19" x14ac:dyDescent="0.3">
      <c r="A2640">
        <v>70.700000000248352</v>
      </c>
      <c r="B2640">
        <v>915.38400000000001</v>
      </c>
      <c r="C2640">
        <v>1010.735</v>
      </c>
      <c r="D2640">
        <v>1008.0309999999999</v>
      </c>
      <c r="E2640">
        <v>1037.3620000000001</v>
      </c>
      <c r="F2640">
        <v>1052.6389999999999</v>
      </c>
      <c r="G2640">
        <v>1075.723</v>
      </c>
      <c r="H2640">
        <v>1085.2860000000001</v>
      </c>
      <c r="I2640">
        <v>1101.001</v>
      </c>
      <c r="J2640">
        <v>1116.287</v>
      </c>
      <c r="K2640">
        <v>1104.1610000000001</v>
      </c>
      <c r="L2640">
        <v>1126.6220000000001</v>
      </c>
      <c r="M2640">
        <v>1116.5709999999999</v>
      </c>
      <c r="P2640">
        <v>0</v>
      </c>
      <c r="Q2640">
        <v>0</v>
      </c>
      <c r="S2640">
        <v>0</v>
      </c>
    </row>
    <row r="2641" spans="1:19" x14ac:dyDescent="0.3">
      <c r="A2641">
        <v>70.716666670811051</v>
      </c>
      <c r="B2641">
        <v>915.47299999999996</v>
      </c>
      <c r="C2641">
        <v>1011.228</v>
      </c>
      <c r="D2641">
        <v>1009.42</v>
      </c>
      <c r="E2641">
        <v>1039.221</v>
      </c>
      <c r="F2641">
        <v>1054.806</v>
      </c>
      <c r="G2641">
        <v>1077.643</v>
      </c>
      <c r="H2641">
        <v>1088.8800000000001</v>
      </c>
      <c r="I2641">
        <v>1100.8320000000001</v>
      </c>
      <c r="J2641">
        <v>1118.5170000000001</v>
      </c>
      <c r="K2641">
        <v>1104.085</v>
      </c>
      <c r="L2641">
        <v>1127.229</v>
      </c>
      <c r="M2641">
        <v>1114.152</v>
      </c>
      <c r="P2641">
        <v>0</v>
      </c>
      <c r="Q2641">
        <v>0</v>
      </c>
      <c r="S2641">
        <v>0</v>
      </c>
    </row>
    <row r="2642" spans="1:19" x14ac:dyDescent="0.3">
      <c r="A2642">
        <v>70.750000001459071</v>
      </c>
      <c r="B2642">
        <v>910.072</v>
      </c>
      <c r="C2642">
        <v>1007.063</v>
      </c>
      <c r="D2642">
        <v>1006.351</v>
      </c>
      <c r="E2642">
        <v>1035.9449999999999</v>
      </c>
      <c r="F2642">
        <v>1055.2339999999999</v>
      </c>
      <c r="G2642">
        <v>1079.079</v>
      </c>
      <c r="H2642">
        <v>1091.202</v>
      </c>
      <c r="I2642">
        <v>1101.7170000000001</v>
      </c>
      <c r="J2642">
        <v>1114.3040000000001</v>
      </c>
      <c r="K2642">
        <v>1100.25</v>
      </c>
      <c r="L2642">
        <v>1123.414</v>
      </c>
      <c r="M2642">
        <v>1112.509</v>
      </c>
      <c r="P2642">
        <v>0</v>
      </c>
      <c r="Q2642">
        <v>0</v>
      </c>
      <c r="S2642">
        <v>0</v>
      </c>
    </row>
    <row r="2643" spans="1:19" x14ac:dyDescent="0.3">
      <c r="A2643">
        <v>70.766666672021771</v>
      </c>
      <c r="B2643">
        <v>907.64700000000005</v>
      </c>
      <c r="C2643">
        <v>1009.346</v>
      </c>
      <c r="D2643">
        <v>1006.186</v>
      </c>
      <c r="E2643">
        <v>1036.5329999999999</v>
      </c>
      <c r="F2643">
        <v>1054.751</v>
      </c>
      <c r="G2643">
        <v>1079.992</v>
      </c>
      <c r="H2643">
        <v>1089.8910000000001</v>
      </c>
      <c r="I2643">
        <v>1101.547</v>
      </c>
      <c r="J2643">
        <v>1113.1320000000001</v>
      </c>
      <c r="K2643">
        <v>1100.0239999999999</v>
      </c>
      <c r="L2643">
        <v>1125.027</v>
      </c>
      <c r="M2643">
        <v>1115.607</v>
      </c>
      <c r="P2643">
        <v>0</v>
      </c>
      <c r="Q2643">
        <v>0</v>
      </c>
      <c r="S2643">
        <v>0</v>
      </c>
    </row>
    <row r="2644" spans="1:19" x14ac:dyDescent="0.3">
      <c r="A2644">
        <v>70.80000000266979</v>
      </c>
      <c r="B2644">
        <v>915.97299999999996</v>
      </c>
      <c r="C2644">
        <v>1008.415</v>
      </c>
      <c r="D2644">
        <v>1003.92</v>
      </c>
      <c r="E2644">
        <v>1035.539</v>
      </c>
      <c r="F2644">
        <v>1051.826</v>
      </c>
      <c r="G2644">
        <v>1076.4690000000001</v>
      </c>
      <c r="H2644">
        <v>1084.7429999999999</v>
      </c>
      <c r="I2644">
        <v>1098.3119999999999</v>
      </c>
      <c r="J2644">
        <v>1114.3599999999999</v>
      </c>
      <c r="K2644">
        <v>1103.258</v>
      </c>
      <c r="L2644">
        <v>1124.989</v>
      </c>
      <c r="M2644">
        <v>1115.796</v>
      </c>
      <c r="P2644">
        <v>0</v>
      </c>
      <c r="Q2644">
        <v>0</v>
      </c>
      <c r="S2644">
        <v>0</v>
      </c>
    </row>
    <row r="2645" spans="1:19" x14ac:dyDescent="0.3">
      <c r="A2645">
        <v>70.83333333331781</v>
      </c>
      <c r="B2645">
        <v>922.20299999999997</v>
      </c>
      <c r="C2645">
        <v>1009.7670000000001</v>
      </c>
      <c r="D2645">
        <v>1005.876</v>
      </c>
      <c r="E2645">
        <v>1037.3440000000001</v>
      </c>
      <c r="F2645">
        <v>1052.1030000000001</v>
      </c>
      <c r="G2645">
        <v>1076.0219999999999</v>
      </c>
      <c r="H2645">
        <v>1082.9269999999999</v>
      </c>
      <c r="I2645">
        <v>1098.3689999999999</v>
      </c>
      <c r="J2645">
        <v>1112.1320000000001</v>
      </c>
      <c r="K2645">
        <v>1101.04</v>
      </c>
      <c r="L2645">
        <v>1123.452</v>
      </c>
      <c r="M2645">
        <v>1113.9259999999999</v>
      </c>
      <c r="P2645">
        <v>0</v>
      </c>
      <c r="Q2645">
        <v>0</v>
      </c>
      <c r="S2645">
        <v>0</v>
      </c>
    </row>
    <row r="2646" spans="1:19" x14ac:dyDescent="0.3">
      <c r="A2646">
        <v>70.85000000388051</v>
      </c>
      <c r="B2646">
        <v>919.98599999999999</v>
      </c>
      <c r="C2646">
        <v>1011.23</v>
      </c>
      <c r="D2646">
        <v>1007.356</v>
      </c>
      <c r="E2646">
        <v>1038.0809999999999</v>
      </c>
      <c r="F2646">
        <v>1057.8150000000001</v>
      </c>
      <c r="G2646">
        <v>1077.4390000000001</v>
      </c>
      <c r="H2646">
        <v>1084.463</v>
      </c>
      <c r="I2646">
        <v>1098.2570000000001</v>
      </c>
      <c r="J2646">
        <v>1110.432</v>
      </c>
      <c r="K2646">
        <v>1099.31</v>
      </c>
      <c r="L2646">
        <v>1122.145</v>
      </c>
      <c r="M2646">
        <v>1114.3240000000001</v>
      </c>
      <c r="P2646">
        <v>0</v>
      </c>
      <c r="Q2646">
        <v>0</v>
      </c>
      <c r="S2646">
        <v>0</v>
      </c>
    </row>
    <row r="2647" spans="1:19" x14ac:dyDescent="0.3">
      <c r="A2647">
        <v>70.88333333452853</v>
      </c>
      <c r="B2647">
        <v>924.779</v>
      </c>
      <c r="C2647">
        <v>1012.8920000000001</v>
      </c>
      <c r="D2647">
        <v>1009.4930000000001</v>
      </c>
      <c r="E2647">
        <v>1038.596</v>
      </c>
      <c r="F2647">
        <v>1058.519</v>
      </c>
      <c r="G2647">
        <v>1080.8689999999999</v>
      </c>
      <c r="H2647">
        <v>1087.2139999999999</v>
      </c>
      <c r="I2647">
        <v>1098.069</v>
      </c>
      <c r="J2647">
        <v>1109.165</v>
      </c>
      <c r="K2647">
        <v>1099.9680000000001</v>
      </c>
      <c r="L2647">
        <v>1122.145</v>
      </c>
      <c r="M2647">
        <v>1114.021</v>
      </c>
      <c r="P2647">
        <v>0</v>
      </c>
      <c r="Q2647">
        <v>0</v>
      </c>
      <c r="S2647">
        <v>0</v>
      </c>
    </row>
    <row r="2648" spans="1:19" x14ac:dyDescent="0.3">
      <c r="A2648">
        <v>70.91666666517655</v>
      </c>
      <c r="B2648">
        <v>920.11099999999999</v>
      </c>
      <c r="C2648">
        <v>1010.535</v>
      </c>
      <c r="D2648">
        <v>1006.515</v>
      </c>
      <c r="E2648">
        <v>1038.2650000000001</v>
      </c>
      <c r="F2648">
        <v>1055.364</v>
      </c>
      <c r="G2648">
        <v>1080.123</v>
      </c>
      <c r="H2648">
        <v>1091.221</v>
      </c>
      <c r="I2648">
        <v>1101.547</v>
      </c>
      <c r="J2648">
        <v>1110.0530000000001</v>
      </c>
      <c r="K2648">
        <v>1098.7460000000001</v>
      </c>
      <c r="L2648">
        <v>1122.9590000000001</v>
      </c>
      <c r="M2648">
        <v>1114.3800000000001</v>
      </c>
      <c r="P2648">
        <v>0</v>
      </c>
      <c r="Q2648">
        <v>0</v>
      </c>
      <c r="S2648">
        <v>0</v>
      </c>
    </row>
    <row r="2649" spans="1:19" x14ac:dyDescent="0.3">
      <c r="A2649">
        <v>70.933333335739249</v>
      </c>
      <c r="B2649">
        <v>927.71199999999999</v>
      </c>
      <c r="C2649">
        <v>1011.485</v>
      </c>
      <c r="D2649">
        <v>1008.653</v>
      </c>
      <c r="E2649">
        <v>1041.6769999999999</v>
      </c>
      <c r="F2649">
        <v>1057.461</v>
      </c>
      <c r="G2649">
        <v>1083.2080000000001</v>
      </c>
      <c r="H2649">
        <v>1095.154</v>
      </c>
      <c r="I2649">
        <v>1103.3340000000001</v>
      </c>
      <c r="J2649">
        <v>1111.6400000000001</v>
      </c>
      <c r="K2649">
        <v>1098.652</v>
      </c>
      <c r="L2649">
        <v>1122.826</v>
      </c>
      <c r="M2649">
        <v>1114.04</v>
      </c>
      <c r="P2649">
        <v>0</v>
      </c>
      <c r="Q2649">
        <v>0</v>
      </c>
      <c r="S2649">
        <v>0</v>
      </c>
    </row>
    <row r="2650" spans="1:19" x14ac:dyDescent="0.3">
      <c r="A2650">
        <v>70.966666666387269</v>
      </c>
      <c r="B2650">
        <v>927.96299999999997</v>
      </c>
      <c r="C2650">
        <v>1010.224</v>
      </c>
      <c r="D2650">
        <v>1004.341</v>
      </c>
      <c r="E2650">
        <v>1037.952</v>
      </c>
      <c r="F2650">
        <v>1053.8420000000001</v>
      </c>
      <c r="G2650">
        <v>1081.7660000000001</v>
      </c>
      <c r="H2650">
        <v>1091.8009999999999</v>
      </c>
      <c r="I2650">
        <v>1104.3679999999999</v>
      </c>
      <c r="J2650">
        <v>1112.3019999999999</v>
      </c>
      <c r="K2650">
        <v>1101.153</v>
      </c>
      <c r="L2650">
        <v>1124.8</v>
      </c>
      <c r="M2650">
        <v>1116.307</v>
      </c>
      <c r="P2650">
        <v>0</v>
      </c>
      <c r="Q2650">
        <v>0</v>
      </c>
      <c r="S2650">
        <v>0</v>
      </c>
    </row>
    <row r="2651" spans="1:19" x14ac:dyDescent="0.3">
      <c r="A2651">
        <v>70.983333336949968</v>
      </c>
      <c r="B2651">
        <v>916.54399999999998</v>
      </c>
      <c r="C2651">
        <v>1007.977</v>
      </c>
      <c r="D2651">
        <v>1003.136</v>
      </c>
      <c r="E2651">
        <v>1036.921</v>
      </c>
      <c r="F2651">
        <v>1052.566</v>
      </c>
      <c r="G2651">
        <v>1078.7809999999999</v>
      </c>
      <c r="H2651">
        <v>1089.6859999999999</v>
      </c>
      <c r="I2651">
        <v>1105.5719999999999</v>
      </c>
      <c r="J2651">
        <v>1112.472</v>
      </c>
      <c r="K2651">
        <v>1100.645</v>
      </c>
      <c r="L2651">
        <v>1121.692</v>
      </c>
      <c r="M2651">
        <v>1114.192</v>
      </c>
      <c r="P2651">
        <v>0</v>
      </c>
      <c r="Q2651">
        <v>0</v>
      </c>
      <c r="S2651">
        <v>0</v>
      </c>
    </row>
    <row r="2652" spans="1:19" x14ac:dyDescent="0.3">
      <c r="A2652">
        <v>71.016666667597988</v>
      </c>
      <c r="B2652">
        <v>916.38300000000004</v>
      </c>
      <c r="C2652">
        <v>1006.1319999999999</v>
      </c>
      <c r="D2652">
        <v>998.553</v>
      </c>
      <c r="E2652">
        <v>1032.097</v>
      </c>
      <c r="F2652">
        <v>1049.201</v>
      </c>
      <c r="G2652">
        <v>1075.6120000000001</v>
      </c>
      <c r="H2652">
        <v>1085.511</v>
      </c>
      <c r="I2652">
        <v>1103.0519999999999</v>
      </c>
      <c r="J2652">
        <v>1111.414</v>
      </c>
      <c r="K2652">
        <v>1101.7729999999999</v>
      </c>
      <c r="L2652">
        <v>1126.47</v>
      </c>
      <c r="M2652">
        <v>1118.1389999999999</v>
      </c>
      <c r="P2652">
        <v>0</v>
      </c>
      <c r="Q2652">
        <v>0</v>
      </c>
      <c r="S2652">
        <v>0</v>
      </c>
    </row>
    <row r="2653" spans="1:19" x14ac:dyDescent="0.3">
      <c r="A2653">
        <v>71.049999998246008</v>
      </c>
      <c r="B2653">
        <v>908.77300000000002</v>
      </c>
      <c r="C2653">
        <v>1003.8680000000001</v>
      </c>
      <c r="D2653">
        <v>998.91899999999998</v>
      </c>
      <c r="E2653">
        <v>1034.2719999999999</v>
      </c>
      <c r="F2653">
        <v>1051.902</v>
      </c>
      <c r="G2653">
        <v>1076.9749999999999</v>
      </c>
      <c r="H2653">
        <v>1087.778</v>
      </c>
      <c r="I2653">
        <v>1103.4680000000001</v>
      </c>
      <c r="J2653">
        <v>1108.809</v>
      </c>
      <c r="K2653">
        <v>1098.579</v>
      </c>
      <c r="L2653">
        <v>1124.1189999999999</v>
      </c>
      <c r="M2653">
        <v>1117.027</v>
      </c>
      <c r="P2653">
        <v>0</v>
      </c>
      <c r="Q2653">
        <v>0</v>
      </c>
      <c r="S2653">
        <v>0</v>
      </c>
    </row>
    <row r="2654" spans="1:19" x14ac:dyDescent="0.3">
      <c r="A2654">
        <v>71.066666668808708</v>
      </c>
      <c r="B2654">
        <v>916.38300000000004</v>
      </c>
      <c r="C2654">
        <v>1006.8440000000001</v>
      </c>
      <c r="D2654">
        <v>1002.971</v>
      </c>
      <c r="E2654">
        <v>1035.356</v>
      </c>
      <c r="F2654">
        <v>1050.2729999999999</v>
      </c>
      <c r="G2654">
        <v>1079.2840000000001</v>
      </c>
      <c r="H2654">
        <v>1088.787</v>
      </c>
      <c r="I2654">
        <v>1104.575</v>
      </c>
      <c r="J2654">
        <v>1111.357</v>
      </c>
      <c r="K2654">
        <v>1102.2239999999999</v>
      </c>
      <c r="L2654">
        <v>1128.539</v>
      </c>
      <c r="M2654">
        <v>1121.2950000000001</v>
      </c>
      <c r="P2654">
        <v>0</v>
      </c>
      <c r="Q2654">
        <v>0</v>
      </c>
      <c r="S2654">
        <v>0</v>
      </c>
    </row>
    <row r="2655" spans="1:19" x14ac:dyDescent="0.3">
      <c r="A2655">
        <v>71.099999999456728</v>
      </c>
      <c r="B2655">
        <v>918.29100000000005</v>
      </c>
      <c r="C2655">
        <v>1009.384</v>
      </c>
      <c r="D2655">
        <v>1005.292</v>
      </c>
      <c r="E2655">
        <v>1036.682</v>
      </c>
      <c r="F2655">
        <v>1051.2170000000001</v>
      </c>
      <c r="G2655">
        <v>1082.9839999999999</v>
      </c>
      <c r="H2655">
        <v>1090.211</v>
      </c>
      <c r="I2655">
        <v>1102.338</v>
      </c>
      <c r="J2655">
        <v>1111.1120000000001</v>
      </c>
      <c r="K2655">
        <v>1101.0219999999999</v>
      </c>
      <c r="L2655">
        <v>1128.521</v>
      </c>
      <c r="M2655">
        <v>1121.3140000000001</v>
      </c>
      <c r="P2655">
        <v>0</v>
      </c>
      <c r="Q2655">
        <v>0</v>
      </c>
      <c r="S2655">
        <v>0</v>
      </c>
    </row>
    <row r="2656" spans="1:19" x14ac:dyDescent="0.3">
      <c r="A2656">
        <v>71.116666670019427</v>
      </c>
      <c r="B2656">
        <v>913.01599999999996</v>
      </c>
      <c r="C2656">
        <v>1007.943</v>
      </c>
      <c r="D2656">
        <v>1002.754</v>
      </c>
      <c r="E2656">
        <v>1037.7139999999999</v>
      </c>
      <c r="F2656">
        <v>1054.828</v>
      </c>
      <c r="G2656">
        <v>1082.6110000000001</v>
      </c>
      <c r="H2656">
        <v>1086.992</v>
      </c>
      <c r="I2656">
        <v>1098.748</v>
      </c>
      <c r="J2656">
        <v>1109.905</v>
      </c>
      <c r="K2656">
        <v>1101.0229999999999</v>
      </c>
      <c r="L2656">
        <v>1129.32</v>
      </c>
      <c r="M2656">
        <v>1120.9570000000001</v>
      </c>
      <c r="P2656">
        <v>0</v>
      </c>
      <c r="Q2656">
        <v>0</v>
      </c>
      <c r="S2656">
        <v>0</v>
      </c>
    </row>
    <row r="2657" spans="1:19" x14ac:dyDescent="0.3">
      <c r="A2657">
        <v>71.150000000667447</v>
      </c>
      <c r="B2657">
        <v>914.13800000000003</v>
      </c>
      <c r="C2657">
        <v>1007.831</v>
      </c>
      <c r="D2657">
        <v>1000.56</v>
      </c>
      <c r="E2657">
        <v>1034.8040000000001</v>
      </c>
      <c r="F2657">
        <v>1049.1279999999999</v>
      </c>
      <c r="G2657">
        <v>1079.136</v>
      </c>
      <c r="H2657">
        <v>1084.5940000000001</v>
      </c>
      <c r="I2657">
        <v>1098.972</v>
      </c>
      <c r="J2657">
        <v>1110.5830000000001</v>
      </c>
      <c r="K2657">
        <v>1099.066</v>
      </c>
      <c r="L2657">
        <v>1126.0150000000001</v>
      </c>
      <c r="M2657">
        <v>1119.8399999999999</v>
      </c>
      <c r="P2657">
        <v>0</v>
      </c>
      <c r="Q2657">
        <v>0</v>
      </c>
      <c r="S2657">
        <v>0</v>
      </c>
    </row>
    <row r="2658" spans="1:19" x14ac:dyDescent="0.3">
      <c r="A2658">
        <v>71.183333331315467</v>
      </c>
      <c r="B2658">
        <v>910.5</v>
      </c>
      <c r="C2658">
        <v>1007.356</v>
      </c>
      <c r="D2658">
        <v>1000.979</v>
      </c>
      <c r="E2658">
        <v>1037.6020000000001</v>
      </c>
      <c r="F2658">
        <v>1051.4749999999999</v>
      </c>
      <c r="G2658">
        <v>1078.501</v>
      </c>
      <c r="H2658">
        <v>1084.462</v>
      </c>
      <c r="I2658">
        <v>1098.482</v>
      </c>
      <c r="J2658">
        <v>1111.81</v>
      </c>
      <c r="K2658">
        <v>1100.739</v>
      </c>
      <c r="L2658">
        <v>1127.761</v>
      </c>
      <c r="M2658">
        <v>1122.598</v>
      </c>
      <c r="P2658">
        <v>0</v>
      </c>
      <c r="Q2658">
        <v>0</v>
      </c>
      <c r="S2658">
        <v>0</v>
      </c>
    </row>
    <row r="2659" spans="1:19" x14ac:dyDescent="0.3">
      <c r="A2659">
        <v>71.200000001878166</v>
      </c>
      <c r="B2659">
        <v>908.30799999999999</v>
      </c>
      <c r="C2659">
        <v>1005.164</v>
      </c>
      <c r="D2659">
        <v>1000.5410000000001</v>
      </c>
      <c r="E2659">
        <v>1035.9449999999999</v>
      </c>
      <c r="F2659">
        <v>1052.529</v>
      </c>
      <c r="G2659">
        <v>1079.751</v>
      </c>
      <c r="H2659">
        <v>1086.242</v>
      </c>
      <c r="I2659">
        <v>1102.037</v>
      </c>
      <c r="J2659">
        <v>1115.873</v>
      </c>
      <c r="K2659">
        <v>1103.8610000000001</v>
      </c>
      <c r="L2659">
        <v>1127.268</v>
      </c>
      <c r="M2659">
        <v>1119.1410000000001</v>
      </c>
      <c r="P2659">
        <v>0</v>
      </c>
      <c r="Q2659">
        <v>0</v>
      </c>
      <c r="S2659">
        <v>0</v>
      </c>
    </row>
    <row r="2660" spans="1:19" x14ac:dyDescent="0.3">
      <c r="A2660">
        <v>71.233333332526186</v>
      </c>
      <c r="B2660">
        <v>914.83299999999997</v>
      </c>
      <c r="C2660">
        <v>1005.803</v>
      </c>
      <c r="D2660">
        <v>1000.688</v>
      </c>
      <c r="E2660">
        <v>1036.0930000000001</v>
      </c>
      <c r="F2660">
        <v>1056.942</v>
      </c>
      <c r="G2660">
        <v>1080.105</v>
      </c>
      <c r="H2660">
        <v>1090.96</v>
      </c>
      <c r="I2660">
        <v>1104.0119999999999</v>
      </c>
      <c r="J2660">
        <v>1115.117</v>
      </c>
      <c r="K2660">
        <v>1107.077</v>
      </c>
      <c r="L2660">
        <v>1129.8309999999999</v>
      </c>
      <c r="M2660">
        <v>1120.596</v>
      </c>
      <c r="P2660">
        <v>0</v>
      </c>
      <c r="Q2660">
        <v>0</v>
      </c>
      <c r="S2660">
        <v>0</v>
      </c>
    </row>
    <row r="2661" spans="1:19" x14ac:dyDescent="0.3">
      <c r="A2661">
        <v>71.250000003088886</v>
      </c>
      <c r="B2661">
        <v>920.07500000000005</v>
      </c>
      <c r="C2661">
        <v>1005.931</v>
      </c>
      <c r="D2661">
        <v>1001.948</v>
      </c>
      <c r="E2661">
        <v>1036.0930000000001</v>
      </c>
      <c r="F2661">
        <v>1054.1210000000001</v>
      </c>
      <c r="G2661">
        <v>1077.98</v>
      </c>
      <c r="H2661">
        <v>1088.5260000000001</v>
      </c>
      <c r="I2661">
        <v>1100.0999999999999</v>
      </c>
      <c r="J2661">
        <v>1113.7</v>
      </c>
      <c r="K2661">
        <v>1105.384</v>
      </c>
      <c r="L2661">
        <v>1125.3889999999999</v>
      </c>
      <c r="M2661">
        <v>1116.931</v>
      </c>
      <c r="P2661">
        <v>0</v>
      </c>
      <c r="Q2661">
        <v>0</v>
      </c>
      <c r="S2661">
        <v>0</v>
      </c>
    </row>
    <row r="2662" spans="1:19" x14ac:dyDescent="0.3">
      <c r="A2662">
        <v>71.283333333736906</v>
      </c>
      <c r="B2662">
        <v>922.15200000000004</v>
      </c>
      <c r="C2662">
        <v>1007.8150000000001</v>
      </c>
      <c r="D2662">
        <v>1002.937</v>
      </c>
      <c r="E2662">
        <v>1033.425</v>
      </c>
      <c r="F2662">
        <v>1051.7360000000001</v>
      </c>
      <c r="G2662">
        <v>1074.309</v>
      </c>
      <c r="H2662">
        <v>1086.8989999999999</v>
      </c>
      <c r="I2662">
        <v>1098.221</v>
      </c>
      <c r="J2662">
        <v>1113.4190000000001</v>
      </c>
      <c r="K2662">
        <v>1105.047</v>
      </c>
      <c r="L2662">
        <v>1123.8340000000001</v>
      </c>
      <c r="M2662">
        <v>1117.405</v>
      </c>
      <c r="P2662">
        <v>0</v>
      </c>
      <c r="Q2662">
        <v>0</v>
      </c>
      <c r="S2662">
        <v>0</v>
      </c>
    </row>
    <row r="2663" spans="1:19" x14ac:dyDescent="0.3">
      <c r="A2663">
        <v>71.316666664384925</v>
      </c>
      <c r="B2663">
        <v>912.76700000000005</v>
      </c>
      <c r="C2663">
        <v>1004.124</v>
      </c>
      <c r="D2663">
        <v>1003.996</v>
      </c>
      <c r="E2663">
        <v>1036.7940000000001</v>
      </c>
      <c r="F2663">
        <v>1053.1959999999999</v>
      </c>
      <c r="G2663">
        <v>1076.7329999999999</v>
      </c>
      <c r="H2663">
        <v>1085.0260000000001</v>
      </c>
      <c r="I2663">
        <v>1099.2560000000001</v>
      </c>
      <c r="J2663">
        <v>1112.8520000000001</v>
      </c>
      <c r="K2663">
        <v>1103.0920000000001</v>
      </c>
      <c r="L2663">
        <v>1126.1120000000001</v>
      </c>
      <c r="M2663">
        <v>1119.559</v>
      </c>
      <c r="P2663">
        <v>0</v>
      </c>
      <c r="Q2663">
        <v>0</v>
      </c>
      <c r="S2663">
        <v>0</v>
      </c>
    </row>
    <row r="2664" spans="1:19" x14ac:dyDescent="0.3">
      <c r="A2664">
        <v>71.333333334947625</v>
      </c>
      <c r="B2664">
        <v>908.54200000000003</v>
      </c>
      <c r="C2664">
        <v>1004.1609999999999</v>
      </c>
      <c r="D2664">
        <v>999.904</v>
      </c>
      <c r="E2664">
        <v>1035.3030000000001</v>
      </c>
      <c r="F2664">
        <v>1055.422</v>
      </c>
      <c r="G2664">
        <v>1079.4359999999999</v>
      </c>
      <c r="H2664">
        <v>1089.7629999999999</v>
      </c>
      <c r="I2664">
        <v>1104.502</v>
      </c>
      <c r="J2664">
        <v>1115.232</v>
      </c>
      <c r="K2664">
        <v>1102.2460000000001</v>
      </c>
      <c r="L2664">
        <v>1124.7639999999999</v>
      </c>
      <c r="M2664">
        <v>1115.742</v>
      </c>
      <c r="P2664">
        <v>0</v>
      </c>
      <c r="Q2664">
        <v>0</v>
      </c>
      <c r="S2664">
        <v>0</v>
      </c>
    </row>
    <row r="2665" spans="1:19" x14ac:dyDescent="0.3">
      <c r="A2665">
        <v>71.366666665595645</v>
      </c>
      <c r="B2665">
        <v>915.01300000000003</v>
      </c>
      <c r="C2665">
        <v>1004.636</v>
      </c>
      <c r="D2665">
        <v>998.22799999999995</v>
      </c>
      <c r="E2665">
        <v>1034.6769999999999</v>
      </c>
      <c r="F2665">
        <v>1057.501</v>
      </c>
      <c r="G2665">
        <v>1081.3389999999999</v>
      </c>
      <c r="H2665">
        <v>1088.6400000000001</v>
      </c>
      <c r="I2665">
        <v>1100.742</v>
      </c>
      <c r="J2665">
        <v>1112.777</v>
      </c>
      <c r="K2665">
        <v>1101.9639999999999</v>
      </c>
      <c r="L2665">
        <v>1123.569</v>
      </c>
      <c r="M2665">
        <v>1116.0640000000001</v>
      </c>
      <c r="P2665">
        <v>0</v>
      </c>
      <c r="Q2665">
        <v>0</v>
      </c>
      <c r="S2665">
        <v>0</v>
      </c>
    </row>
    <row r="2666" spans="1:19" x14ac:dyDescent="0.3">
      <c r="A2666">
        <v>71.383333336158344</v>
      </c>
      <c r="B2666">
        <v>913.17700000000002</v>
      </c>
      <c r="C2666">
        <v>1004.015</v>
      </c>
      <c r="D2666">
        <v>998.75599999999997</v>
      </c>
      <c r="E2666">
        <v>1033.7750000000001</v>
      </c>
      <c r="F2666">
        <v>1057.6130000000001</v>
      </c>
      <c r="G2666">
        <v>1079.94</v>
      </c>
      <c r="H2666">
        <v>1086.394</v>
      </c>
      <c r="I2666">
        <v>1100.761</v>
      </c>
      <c r="J2666">
        <v>1114.213</v>
      </c>
      <c r="K2666">
        <v>1102.453</v>
      </c>
      <c r="L2666">
        <v>1127.8589999999999</v>
      </c>
      <c r="M2666">
        <v>1120.617</v>
      </c>
      <c r="P2666">
        <v>0</v>
      </c>
      <c r="Q2666">
        <v>0</v>
      </c>
      <c r="S2666">
        <v>0</v>
      </c>
    </row>
    <row r="2667" spans="1:19" x14ac:dyDescent="0.3">
      <c r="A2667">
        <v>71.416666666806364</v>
      </c>
      <c r="B2667">
        <v>914.38900000000001</v>
      </c>
      <c r="C2667">
        <v>998.37400000000002</v>
      </c>
      <c r="D2667">
        <v>997.154</v>
      </c>
      <c r="E2667">
        <v>1032.799</v>
      </c>
      <c r="F2667">
        <v>1057.4639999999999</v>
      </c>
      <c r="G2667">
        <v>1078.355</v>
      </c>
      <c r="H2667">
        <v>1084.0160000000001</v>
      </c>
      <c r="I2667">
        <v>1098.1659999999999</v>
      </c>
      <c r="J2667">
        <v>1112.569</v>
      </c>
      <c r="K2667">
        <v>1102.3779999999999</v>
      </c>
      <c r="L2667">
        <v>1125.182</v>
      </c>
      <c r="M2667">
        <v>1118.539</v>
      </c>
      <c r="P2667">
        <v>0</v>
      </c>
      <c r="Q2667">
        <v>0</v>
      </c>
      <c r="S2667">
        <v>0</v>
      </c>
    </row>
    <row r="2668" spans="1:19" x14ac:dyDescent="0.3">
      <c r="A2668">
        <v>71.449999997454384</v>
      </c>
      <c r="B2668">
        <v>912.64200000000005</v>
      </c>
      <c r="C2668">
        <v>1001.11</v>
      </c>
      <c r="D2668">
        <v>999.19299999999998</v>
      </c>
      <c r="E2668">
        <v>1033.425</v>
      </c>
      <c r="F2668">
        <v>1058.095</v>
      </c>
      <c r="G2668">
        <v>1074.9069999999999</v>
      </c>
      <c r="H2668">
        <v>1080.8720000000001</v>
      </c>
      <c r="I2668">
        <v>1095.288</v>
      </c>
      <c r="J2668">
        <v>1110.6420000000001</v>
      </c>
      <c r="K2668">
        <v>1098.1089999999999</v>
      </c>
      <c r="L2668">
        <v>1123.74</v>
      </c>
      <c r="M2668">
        <v>1116.933</v>
      </c>
      <c r="P2668">
        <v>0</v>
      </c>
      <c r="Q2668">
        <v>0</v>
      </c>
      <c r="S2668">
        <v>0</v>
      </c>
    </row>
    <row r="2669" spans="1:19" x14ac:dyDescent="0.3">
      <c r="A2669">
        <v>71.466666668017083</v>
      </c>
      <c r="B2669">
        <v>913.97900000000004</v>
      </c>
      <c r="C2669">
        <v>1001.913</v>
      </c>
      <c r="D2669">
        <v>998.86400000000003</v>
      </c>
      <c r="E2669">
        <v>1032.559</v>
      </c>
      <c r="F2669">
        <v>1052.1980000000001</v>
      </c>
      <c r="G2669">
        <v>1077.143</v>
      </c>
      <c r="H2669">
        <v>1085.0640000000001</v>
      </c>
      <c r="I2669">
        <v>1100.798</v>
      </c>
      <c r="J2669">
        <v>1113.3240000000001</v>
      </c>
      <c r="K2669">
        <v>1099.989</v>
      </c>
      <c r="L2669">
        <v>1125.239</v>
      </c>
      <c r="M2669">
        <v>1118.047</v>
      </c>
      <c r="P2669">
        <v>0</v>
      </c>
      <c r="Q2669">
        <v>0</v>
      </c>
      <c r="S2669">
        <v>0</v>
      </c>
    </row>
    <row r="2670" spans="1:19" x14ac:dyDescent="0.3">
      <c r="A2670">
        <v>71.499999998665103</v>
      </c>
      <c r="B2670">
        <v>913.57</v>
      </c>
      <c r="C2670">
        <v>1004.838</v>
      </c>
      <c r="D2670">
        <v>999.75900000000001</v>
      </c>
      <c r="E2670">
        <v>1035.5250000000001</v>
      </c>
      <c r="F2670">
        <v>1052.6990000000001</v>
      </c>
      <c r="G2670">
        <v>1076.193</v>
      </c>
      <c r="H2670">
        <v>1084.0920000000001</v>
      </c>
      <c r="I2670">
        <v>1098.0350000000001</v>
      </c>
      <c r="J2670">
        <v>1110.529</v>
      </c>
      <c r="K2670">
        <v>1100.5360000000001</v>
      </c>
      <c r="L2670">
        <v>1127.0429999999999</v>
      </c>
      <c r="M2670">
        <v>1120.845</v>
      </c>
      <c r="P2670">
        <v>0</v>
      </c>
      <c r="Q2670">
        <v>0</v>
      </c>
      <c r="S2670">
        <v>0</v>
      </c>
    </row>
    <row r="2671" spans="1:19" x14ac:dyDescent="0.3">
      <c r="A2671">
        <v>71.516666669227803</v>
      </c>
      <c r="B2671">
        <v>916.04700000000003</v>
      </c>
      <c r="C2671">
        <v>1004.143</v>
      </c>
      <c r="D2671">
        <v>999.99599999999998</v>
      </c>
      <c r="E2671">
        <v>1032.615</v>
      </c>
      <c r="F2671">
        <v>1051.644</v>
      </c>
      <c r="G2671">
        <v>1074.4970000000001</v>
      </c>
      <c r="H2671">
        <v>1086.8430000000001</v>
      </c>
      <c r="I2671">
        <v>1098.4480000000001</v>
      </c>
      <c r="J2671">
        <v>1112.626</v>
      </c>
      <c r="K2671">
        <v>1103.1489999999999</v>
      </c>
      <c r="L2671">
        <v>1124.0250000000001</v>
      </c>
      <c r="M2671">
        <v>1115.875</v>
      </c>
      <c r="P2671">
        <v>0</v>
      </c>
      <c r="Q2671">
        <v>0</v>
      </c>
      <c r="S2671">
        <v>0</v>
      </c>
    </row>
    <row r="2672" spans="1:19" x14ac:dyDescent="0.3">
      <c r="A2672">
        <v>71.549999999875823</v>
      </c>
      <c r="B2672">
        <v>913.053</v>
      </c>
      <c r="C2672">
        <v>1004.874</v>
      </c>
      <c r="D2672">
        <v>1004.271</v>
      </c>
      <c r="E2672">
        <v>1035.672</v>
      </c>
      <c r="F2672">
        <v>1049.6110000000001</v>
      </c>
      <c r="G2672">
        <v>1078.635</v>
      </c>
      <c r="H2672">
        <v>1089.4829999999999</v>
      </c>
      <c r="I2672">
        <v>1100.9870000000001</v>
      </c>
      <c r="J2672">
        <v>1109.3009999999999</v>
      </c>
      <c r="K2672">
        <v>1096.079</v>
      </c>
      <c r="L2672">
        <v>1120.278</v>
      </c>
      <c r="M2672">
        <v>1114.346</v>
      </c>
      <c r="P2672">
        <v>0</v>
      </c>
      <c r="Q2672">
        <v>0</v>
      </c>
      <c r="S2672">
        <v>0</v>
      </c>
    </row>
    <row r="2673" spans="1:19" x14ac:dyDescent="0.3">
      <c r="A2673">
        <v>71.583333330523843</v>
      </c>
      <c r="B2673">
        <v>924.71</v>
      </c>
      <c r="C2673">
        <v>1003.577</v>
      </c>
      <c r="D2673">
        <v>1002.7</v>
      </c>
      <c r="E2673">
        <v>1031.989</v>
      </c>
      <c r="F2673">
        <v>1048.2059999999999</v>
      </c>
      <c r="G2673">
        <v>1075.373</v>
      </c>
      <c r="H2673">
        <v>1089.913</v>
      </c>
      <c r="I2673">
        <v>1102.021</v>
      </c>
      <c r="J2673">
        <v>1112.607</v>
      </c>
      <c r="K2673">
        <v>1102.171</v>
      </c>
      <c r="L2673">
        <v>1124.5940000000001</v>
      </c>
      <c r="M2673">
        <v>1116.329</v>
      </c>
      <c r="P2673">
        <v>0</v>
      </c>
      <c r="Q2673">
        <v>0</v>
      </c>
      <c r="S2673">
        <v>0</v>
      </c>
    </row>
    <row r="2674" spans="1:19" x14ac:dyDescent="0.3">
      <c r="A2674">
        <v>71.600000001086542</v>
      </c>
      <c r="B2674">
        <v>922.17</v>
      </c>
      <c r="C2674">
        <v>1000.196</v>
      </c>
      <c r="D2674">
        <v>1002.662</v>
      </c>
      <c r="E2674">
        <v>1033.425</v>
      </c>
      <c r="F2674">
        <v>1047.0219999999999</v>
      </c>
      <c r="G2674">
        <v>1073.0229999999999</v>
      </c>
      <c r="H2674">
        <v>1089.7819999999999</v>
      </c>
      <c r="I2674">
        <v>1100.1959999999999</v>
      </c>
      <c r="J2674">
        <v>1111.076</v>
      </c>
      <c r="K2674">
        <v>1100.29</v>
      </c>
      <c r="L2674">
        <v>1126.7</v>
      </c>
      <c r="M2674">
        <v>1119.9739999999999</v>
      </c>
      <c r="P2674">
        <v>0</v>
      </c>
      <c r="Q2674">
        <v>0</v>
      </c>
      <c r="S2674">
        <v>0</v>
      </c>
    </row>
    <row r="2675" spans="1:19" x14ac:dyDescent="0.3">
      <c r="A2675">
        <v>71.633333331734562</v>
      </c>
      <c r="B2675">
        <v>928.02</v>
      </c>
      <c r="C2675">
        <v>1001.403</v>
      </c>
      <c r="D2675">
        <v>1001.586</v>
      </c>
      <c r="E2675">
        <v>1032.0630000000001</v>
      </c>
      <c r="F2675">
        <v>1048.9459999999999</v>
      </c>
      <c r="G2675">
        <v>1073.8630000000001</v>
      </c>
      <c r="H2675">
        <v>1089.989</v>
      </c>
      <c r="I2675">
        <v>1097.395</v>
      </c>
      <c r="J2675">
        <v>1111.5309999999999</v>
      </c>
      <c r="K2675">
        <v>1103.5440000000001</v>
      </c>
      <c r="L2675">
        <v>1125.5060000000001</v>
      </c>
      <c r="M2675">
        <v>1117.8599999999999</v>
      </c>
      <c r="P2675">
        <v>0</v>
      </c>
      <c r="Q2675">
        <v>0</v>
      </c>
      <c r="S2675">
        <v>0</v>
      </c>
    </row>
    <row r="2676" spans="1:19" x14ac:dyDescent="0.3">
      <c r="A2676">
        <v>71.666666672859961</v>
      </c>
      <c r="B2676">
        <v>917.81299999999999</v>
      </c>
      <c r="C2676">
        <v>1001.1660000000001</v>
      </c>
      <c r="D2676">
        <v>1004.144</v>
      </c>
      <c r="E2676">
        <v>1036.28</v>
      </c>
      <c r="F2676">
        <v>1054.347</v>
      </c>
      <c r="G2676">
        <v>1078.338</v>
      </c>
      <c r="H2676">
        <v>1088.623</v>
      </c>
      <c r="I2676">
        <v>1099.239</v>
      </c>
      <c r="J2676">
        <v>1113.4580000000001</v>
      </c>
      <c r="K2676">
        <v>1104.335</v>
      </c>
      <c r="L2676">
        <v>1126.797</v>
      </c>
      <c r="M2676">
        <v>1119.693</v>
      </c>
      <c r="P2676">
        <v>0</v>
      </c>
      <c r="Q2676">
        <v>0</v>
      </c>
      <c r="S2676">
        <v>0</v>
      </c>
    </row>
    <row r="2677" spans="1:19" x14ac:dyDescent="0.3">
      <c r="A2677">
        <v>71.683333332945281</v>
      </c>
      <c r="B2677">
        <v>912.16099999999994</v>
      </c>
      <c r="C2677">
        <v>999.923</v>
      </c>
      <c r="D2677">
        <v>1001.311</v>
      </c>
      <c r="E2677">
        <v>1036.482</v>
      </c>
      <c r="F2677">
        <v>1054.921</v>
      </c>
      <c r="G2677">
        <v>1079.7529999999999</v>
      </c>
      <c r="H2677">
        <v>1089.277</v>
      </c>
      <c r="I2677">
        <v>1103.0550000000001</v>
      </c>
      <c r="J2677">
        <v>1117.2919999999999</v>
      </c>
      <c r="K2677">
        <v>1109.962</v>
      </c>
      <c r="L2677">
        <v>1129.51</v>
      </c>
      <c r="M2677">
        <v>1119.4839999999999</v>
      </c>
      <c r="P2677">
        <v>0</v>
      </c>
      <c r="Q2677">
        <v>0</v>
      </c>
      <c r="S2677">
        <v>0</v>
      </c>
    </row>
    <row r="2678" spans="1:19" x14ac:dyDescent="0.3">
      <c r="A2678">
        <v>71.716666663593301</v>
      </c>
      <c r="B2678">
        <v>912.94600000000003</v>
      </c>
      <c r="C2678">
        <v>998.59299999999996</v>
      </c>
      <c r="D2678">
        <v>1000.91</v>
      </c>
      <c r="E2678">
        <v>1037.2370000000001</v>
      </c>
      <c r="F2678">
        <v>1052.31</v>
      </c>
      <c r="G2678">
        <v>1075.8019999999999</v>
      </c>
      <c r="H2678">
        <v>1086.095</v>
      </c>
      <c r="I2678">
        <v>1099.182</v>
      </c>
      <c r="J2678">
        <v>1112.154</v>
      </c>
      <c r="K2678">
        <v>1101.8710000000001</v>
      </c>
      <c r="L2678">
        <v>1124.2529999999999</v>
      </c>
      <c r="M2678">
        <v>1115.309</v>
      </c>
      <c r="P2678">
        <v>0</v>
      </c>
      <c r="Q2678">
        <v>0</v>
      </c>
      <c r="S2678">
        <v>0</v>
      </c>
    </row>
    <row r="2679" spans="1:19" x14ac:dyDescent="0.3">
      <c r="A2679">
        <v>71.733333334156001</v>
      </c>
      <c r="B2679">
        <v>911.30700000000002</v>
      </c>
      <c r="C2679">
        <v>1001.806</v>
      </c>
      <c r="D2679">
        <v>1001.55</v>
      </c>
      <c r="E2679">
        <v>1036.9059999999999</v>
      </c>
      <c r="F2679">
        <v>1048.854</v>
      </c>
      <c r="G2679">
        <v>1072.2239999999999</v>
      </c>
      <c r="H2679">
        <v>1082.3140000000001</v>
      </c>
      <c r="I2679">
        <v>1094.296</v>
      </c>
      <c r="J2679">
        <v>1106.723</v>
      </c>
      <c r="K2679">
        <v>1101.0060000000001</v>
      </c>
      <c r="L2679">
        <v>1123.3800000000001</v>
      </c>
      <c r="M2679">
        <v>1117.3689999999999</v>
      </c>
      <c r="P2679">
        <v>0</v>
      </c>
      <c r="Q2679">
        <v>0</v>
      </c>
      <c r="S2679">
        <v>0</v>
      </c>
    </row>
    <row r="2680" spans="1:19" x14ac:dyDescent="0.3">
      <c r="A2680">
        <v>71.766666664804021</v>
      </c>
      <c r="B2680">
        <v>915.33500000000004</v>
      </c>
      <c r="C2680">
        <v>1001.367</v>
      </c>
      <c r="D2680">
        <v>1001.275</v>
      </c>
      <c r="E2680">
        <v>1032.9469999999999</v>
      </c>
      <c r="F2680">
        <v>1047.4670000000001</v>
      </c>
      <c r="G2680">
        <v>1072.6890000000001</v>
      </c>
      <c r="H2680">
        <v>1083.7170000000001</v>
      </c>
      <c r="I2680">
        <v>1092.816</v>
      </c>
      <c r="J2680">
        <v>1105.049</v>
      </c>
      <c r="K2680">
        <v>1098.5239999999999</v>
      </c>
      <c r="L2680">
        <v>1123.5319999999999</v>
      </c>
      <c r="M2680">
        <v>1120.58</v>
      </c>
      <c r="P2680">
        <v>0</v>
      </c>
      <c r="Q2680">
        <v>0</v>
      </c>
      <c r="S2680">
        <v>0</v>
      </c>
    </row>
    <row r="2681" spans="1:19" x14ac:dyDescent="0.3">
      <c r="A2681">
        <v>71.800000005929419</v>
      </c>
      <c r="B2681">
        <v>917.88499999999999</v>
      </c>
      <c r="C2681">
        <v>1001.513</v>
      </c>
      <c r="D2681">
        <v>1000.545</v>
      </c>
      <c r="E2681">
        <v>1034.9359999999999</v>
      </c>
      <c r="F2681">
        <v>1048.3920000000001</v>
      </c>
      <c r="G2681">
        <v>1074.367</v>
      </c>
      <c r="H2681">
        <v>1085.5709999999999</v>
      </c>
      <c r="I2681">
        <v>1099.145</v>
      </c>
      <c r="J2681">
        <v>1114.1949999999999</v>
      </c>
      <c r="K2681">
        <v>1105.0309999999999</v>
      </c>
      <c r="L2681">
        <v>1124.9559999999999</v>
      </c>
      <c r="M2681">
        <v>1120.6189999999999</v>
      </c>
      <c r="P2681">
        <v>0</v>
      </c>
      <c r="Q2681">
        <v>0</v>
      </c>
      <c r="S2681">
        <v>0</v>
      </c>
    </row>
    <row r="2682" spans="1:19" x14ac:dyDescent="0.3">
      <c r="A2682">
        <v>71.81666666601474</v>
      </c>
      <c r="B2682">
        <v>917.49199999999996</v>
      </c>
      <c r="C2682">
        <v>1000.8920000000001</v>
      </c>
      <c r="D2682">
        <v>1001.093</v>
      </c>
      <c r="E2682">
        <v>1038.3420000000001</v>
      </c>
      <c r="F2682">
        <v>1055.7950000000001</v>
      </c>
      <c r="G2682">
        <v>1081.0219999999999</v>
      </c>
      <c r="H2682">
        <v>1091.9179999999999</v>
      </c>
      <c r="I2682">
        <v>1103.771</v>
      </c>
      <c r="J2682">
        <v>1114.0250000000001</v>
      </c>
      <c r="K2682">
        <v>1106.0650000000001</v>
      </c>
      <c r="L2682">
        <v>1127.1579999999999</v>
      </c>
      <c r="M2682">
        <v>1119.277</v>
      </c>
      <c r="P2682">
        <v>0</v>
      </c>
      <c r="Q2682">
        <v>0</v>
      </c>
      <c r="S2682">
        <v>0</v>
      </c>
    </row>
    <row r="2683" spans="1:19" x14ac:dyDescent="0.3">
      <c r="A2683">
        <v>71.84999999666276</v>
      </c>
      <c r="B2683">
        <v>922.45899999999995</v>
      </c>
      <c r="C2683">
        <v>1000.784</v>
      </c>
      <c r="D2683">
        <v>1004.877</v>
      </c>
      <c r="E2683">
        <v>1040.3710000000001</v>
      </c>
      <c r="F2683">
        <v>1052.701</v>
      </c>
      <c r="G2683">
        <v>1081.0239999999999</v>
      </c>
      <c r="H2683">
        <v>1089.673</v>
      </c>
      <c r="I2683">
        <v>1099.5039999999999</v>
      </c>
      <c r="J2683">
        <v>1110.9280000000001</v>
      </c>
      <c r="K2683">
        <v>1102.625</v>
      </c>
      <c r="L2683">
        <v>1123.059</v>
      </c>
      <c r="M2683">
        <v>1117.9939999999999</v>
      </c>
      <c r="P2683">
        <v>0</v>
      </c>
      <c r="Q2683">
        <v>0</v>
      </c>
      <c r="S2683">
        <v>0</v>
      </c>
    </row>
    <row r="2684" spans="1:19" x14ac:dyDescent="0.3">
      <c r="A2684">
        <v>71.866666667225459</v>
      </c>
      <c r="B2684">
        <v>918.15099999999995</v>
      </c>
      <c r="C2684">
        <v>998.90200000000004</v>
      </c>
      <c r="D2684">
        <v>1002.919</v>
      </c>
      <c r="E2684">
        <v>1038.3230000000001</v>
      </c>
      <c r="F2684">
        <v>1051.22</v>
      </c>
      <c r="G2684">
        <v>1079.9590000000001</v>
      </c>
      <c r="H2684">
        <v>1086.2629999999999</v>
      </c>
      <c r="I2684">
        <v>1097</v>
      </c>
      <c r="J2684">
        <v>1105.6500000000001</v>
      </c>
      <c r="K2684">
        <v>1098.335</v>
      </c>
      <c r="L2684">
        <v>1118.653</v>
      </c>
      <c r="M2684">
        <v>1113.0419999999999</v>
      </c>
      <c r="P2684">
        <v>0</v>
      </c>
      <c r="Q2684">
        <v>0</v>
      </c>
      <c r="S2684">
        <v>0</v>
      </c>
    </row>
    <row r="2685" spans="1:19" x14ac:dyDescent="0.3">
      <c r="A2685">
        <v>71.899999997873479</v>
      </c>
      <c r="B2685">
        <v>912.80399999999997</v>
      </c>
      <c r="C2685">
        <v>997.35500000000002</v>
      </c>
      <c r="D2685">
        <v>1000.782</v>
      </c>
      <c r="E2685">
        <v>1036.6300000000001</v>
      </c>
      <c r="F2685">
        <v>1049.557</v>
      </c>
      <c r="G2685">
        <v>1078.729</v>
      </c>
      <c r="H2685">
        <v>1087.069</v>
      </c>
      <c r="I2685">
        <v>1097.7339999999999</v>
      </c>
      <c r="J2685">
        <v>1105.2750000000001</v>
      </c>
      <c r="K2685">
        <v>1100.9690000000001</v>
      </c>
      <c r="L2685">
        <v>1123.912</v>
      </c>
      <c r="M2685">
        <v>1116.1600000000001</v>
      </c>
      <c r="P2685">
        <v>0</v>
      </c>
      <c r="Q2685">
        <v>0</v>
      </c>
      <c r="S2685">
        <v>0</v>
      </c>
    </row>
    <row r="2686" spans="1:19" x14ac:dyDescent="0.3">
      <c r="A2686">
        <v>71.933333338998878</v>
      </c>
      <c r="B2686">
        <v>901.697</v>
      </c>
      <c r="C2686">
        <v>998.88599999999997</v>
      </c>
      <c r="D2686">
        <v>997.43</v>
      </c>
      <c r="E2686">
        <v>1031.9549999999999</v>
      </c>
      <c r="F2686">
        <v>1049.521</v>
      </c>
      <c r="G2686">
        <v>1079.4760000000001</v>
      </c>
      <c r="H2686">
        <v>1086.415</v>
      </c>
      <c r="I2686">
        <v>1098.5820000000001</v>
      </c>
      <c r="J2686">
        <v>1107.326</v>
      </c>
      <c r="K2686">
        <v>1098.883</v>
      </c>
      <c r="L2686">
        <v>1123.268</v>
      </c>
      <c r="M2686">
        <v>1115.6890000000001</v>
      </c>
      <c r="P2686">
        <v>0</v>
      </c>
      <c r="Q2686">
        <v>0</v>
      </c>
      <c r="S2686">
        <v>0</v>
      </c>
    </row>
    <row r="2687" spans="1:19" x14ac:dyDescent="0.3">
      <c r="A2687">
        <v>71.949999999084199</v>
      </c>
      <c r="B2687">
        <v>902.31899999999996</v>
      </c>
      <c r="C2687">
        <v>998.35799999999995</v>
      </c>
      <c r="D2687">
        <v>998.97699999999998</v>
      </c>
      <c r="E2687">
        <v>1032.3050000000001</v>
      </c>
      <c r="F2687">
        <v>1051.204</v>
      </c>
      <c r="G2687">
        <v>1080.1659999999999</v>
      </c>
      <c r="H2687">
        <v>1083.8130000000001</v>
      </c>
      <c r="I2687">
        <v>1095.48</v>
      </c>
      <c r="J2687">
        <v>1105.3710000000001</v>
      </c>
      <c r="K2687">
        <v>1097.04</v>
      </c>
      <c r="L2687">
        <v>1119.203</v>
      </c>
      <c r="M2687">
        <v>1111.155</v>
      </c>
      <c r="P2687">
        <v>0</v>
      </c>
      <c r="Q2687">
        <v>0</v>
      </c>
      <c r="S2687">
        <v>0</v>
      </c>
    </row>
    <row r="2688" spans="1:19" x14ac:dyDescent="0.3">
      <c r="A2688">
        <v>71.983333329732218</v>
      </c>
      <c r="B2688">
        <v>901.43100000000004</v>
      </c>
      <c r="C2688">
        <v>998.37599999999998</v>
      </c>
      <c r="D2688">
        <v>996.52</v>
      </c>
      <c r="E2688">
        <v>1029.3409999999999</v>
      </c>
      <c r="F2688">
        <v>1048.5050000000001</v>
      </c>
      <c r="G2688">
        <v>1077.0719999999999</v>
      </c>
      <c r="H2688">
        <v>1082.222</v>
      </c>
      <c r="I2688">
        <v>1097.623</v>
      </c>
      <c r="J2688">
        <v>1108.8689999999999</v>
      </c>
      <c r="K2688">
        <v>1097.21</v>
      </c>
      <c r="L2688">
        <v>1121.6030000000001</v>
      </c>
      <c r="M2688">
        <v>1115.5</v>
      </c>
      <c r="P2688">
        <v>0</v>
      </c>
      <c r="Q2688">
        <v>0</v>
      </c>
      <c r="S2688">
        <v>0</v>
      </c>
    </row>
    <row r="2689" spans="1:19" x14ac:dyDescent="0.3">
      <c r="A2689">
        <v>72.000000000294918</v>
      </c>
      <c r="B2689">
        <v>896.01</v>
      </c>
      <c r="C2689">
        <v>1000.1609999999999</v>
      </c>
      <c r="D2689">
        <v>998.52</v>
      </c>
      <c r="E2689">
        <v>1032.175</v>
      </c>
      <c r="F2689">
        <v>1047.7260000000001</v>
      </c>
      <c r="G2689">
        <v>1072.615</v>
      </c>
      <c r="H2689">
        <v>1077.8900000000001</v>
      </c>
      <c r="I2689">
        <v>1092.1990000000001</v>
      </c>
      <c r="J2689">
        <v>1106.2149999999999</v>
      </c>
      <c r="K2689">
        <v>1098.5239999999999</v>
      </c>
      <c r="L2689">
        <v>1118.54</v>
      </c>
      <c r="M2689">
        <v>1112.9290000000001</v>
      </c>
      <c r="P2689">
        <v>0</v>
      </c>
      <c r="Q2689">
        <v>0</v>
      </c>
      <c r="S2689">
        <v>0</v>
      </c>
    </row>
    <row r="2690" spans="1:19" x14ac:dyDescent="0.3">
      <c r="A2690">
        <v>72.033333330942938</v>
      </c>
      <c r="B2690">
        <v>905.58900000000006</v>
      </c>
      <c r="C2690">
        <v>1001.241</v>
      </c>
      <c r="D2690">
        <v>995.57299999999998</v>
      </c>
      <c r="E2690">
        <v>1030.4639999999999</v>
      </c>
      <c r="F2690">
        <v>1045.1030000000001</v>
      </c>
      <c r="G2690">
        <v>1070.6590000000001</v>
      </c>
      <c r="H2690">
        <v>1078.8610000000001</v>
      </c>
      <c r="I2690">
        <v>1090.74</v>
      </c>
      <c r="J2690">
        <v>1106.048</v>
      </c>
      <c r="K2690">
        <v>1100.3119999999999</v>
      </c>
      <c r="L2690">
        <v>1124.066</v>
      </c>
      <c r="M2690">
        <v>1113.271</v>
      </c>
      <c r="P2690">
        <v>0</v>
      </c>
      <c r="Q2690">
        <v>0</v>
      </c>
      <c r="S2690">
        <v>0</v>
      </c>
    </row>
    <row r="2691" spans="1:19" x14ac:dyDescent="0.3">
      <c r="A2691">
        <v>72.066666672068337</v>
      </c>
      <c r="B2691">
        <v>909.13300000000004</v>
      </c>
      <c r="C2691">
        <v>999.23199999999997</v>
      </c>
      <c r="D2691">
        <v>993.971</v>
      </c>
      <c r="E2691">
        <v>1028.6410000000001</v>
      </c>
      <c r="F2691">
        <v>1044.9179999999999</v>
      </c>
      <c r="G2691">
        <v>1072.1880000000001</v>
      </c>
      <c r="H2691">
        <v>1081.922</v>
      </c>
      <c r="I2691">
        <v>1095.5170000000001</v>
      </c>
      <c r="J2691">
        <v>1110.626</v>
      </c>
      <c r="K2691">
        <v>1105.521</v>
      </c>
      <c r="L2691">
        <v>1127.1790000000001</v>
      </c>
      <c r="M2691">
        <v>1115.028</v>
      </c>
      <c r="P2691">
        <v>0</v>
      </c>
      <c r="Q2691">
        <v>0</v>
      </c>
      <c r="S2691">
        <v>0</v>
      </c>
    </row>
    <row r="2692" spans="1:19" x14ac:dyDescent="0.3">
      <c r="A2692">
        <v>72.083333332153657</v>
      </c>
      <c r="B2692">
        <v>906.21100000000001</v>
      </c>
      <c r="C2692">
        <v>1000.273</v>
      </c>
      <c r="D2692">
        <v>992.82500000000005</v>
      </c>
      <c r="E2692">
        <v>1026.856</v>
      </c>
      <c r="F2692">
        <v>1044.6790000000001</v>
      </c>
      <c r="G2692">
        <v>1072.17</v>
      </c>
      <c r="H2692">
        <v>1083.289</v>
      </c>
      <c r="I2692">
        <v>1096.5329999999999</v>
      </c>
      <c r="J2692">
        <v>1110.683</v>
      </c>
      <c r="K2692">
        <v>1103.7919999999999</v>
      </c>
      <c r="L2692">
        <v>1124.5029999999999</v>
      </c>
      <c r="M2692">
        <v>1113.6679999999999</v>
      </c>
      <c r="P2692">
        <v>0</v>
      </c>
      <c r="Q2692">
        <v>0</v>
      </c>
      <c r="S2692">
        <v>0</v>
      </c>
    </row>
    <row r="2693" spans="1:19" x14ac:dyDescent="0.3">
      <c r="A2693">
        <v>72.116666673279056</v>
      </c>
      <c r="B2693">
        <v>903.81200000000001</v>
      </c>
      <c r="C2693">
        <v>996.28399999999999</v>
      </c>
      <c r="D2693">
        <v>991.58699999999999</v>
      </c>
      <c r="E2693">
        <v>1026.194</v>
      </c>
      <c r="F2693">
        <v>1043.348</v>
      </c>
      <c r="G2693">
        <v>1071.145</v>
      </c>
      <c r="H2693">
        <v>1082.3720000000001</v>
      </c>
      <c r="I2693">
        <v>1095.405</v>
      </c>
      <c r="J2693">
        <v>1110.74</v>
      </c>
      <c r="K2693">
        <v>1101.855</v>
      </c>
      <c r="L2693">
        <v>1123.838</v>
      </c>
      <c r="M2693">
        <v>1110.627</v>
      </c>
      <c r="P2693">
        <v>0</v>
      </c>
      <c r="Q2693">
        <v>0</v>
      </c>
      <c r="S2693">
        <v>0</v>
      </c>
    </row>
    <row r="2694" spans="1:19" x14ac:dyDescent="0.3">
      <c r="A2694">
        <v>72.150000003927076</v>
      </c>
      <c r="B2694">
        <v>906.548</v>
      </c>
      <c r="C2694">
        <v>996.30100000000004</v>
      </c>
      <c r="D2694">
        <v>991.53200000000004</v>
      </c>
      <c r="E2694">
        <v>1028.0889999999999</v>
      </c>
      <c r="F2694">
        <v>1045.5650000000001</v>
      </c>
      <c r="G2694">
        <v>1075.5250000000001</v>
      </c>
      <c r="H2694">
        <v>1083.588</v>
      </c>
      <c r="I2694">
        <v>1100.3119999999999</v>
      </c>
      <c r="J2694">
        <v>1113.0820000000001</v>
      </c>
      <c r="K2694">
        <v>1103.1890000000001</v>
      </c>
      <c r="L2694">
        <v>1123.7619999999999</v>
      </c>
      <c r="M2694">
        <v>1111.8920000000001</v>
      </c>
      <c r="P2694">
        <v>0</v>
      </c>
      <c r="Q2694">
        <v>0</v>
      </c>
      <c r="S2694">
        <v>0</v>
      </c>
    </row>
    <row r="2695" spans="1:19" x14ac:dyDescent="0.3">
      <c r="A2695">
        <v>72.166666664012396</v>
      </c>
      <c r="B2695">
        <v>909.00800000000004</v>
      </c>
      <c r="C2695">
        <v>994.53599999999994</v>
      </c>
      <c r="D2695">
        <v>992.75199999999995</v>
      </c>
      <c r="E2695">
        <v>1024.9829999999999</v>
      </c>
      <c r="F2695">
        <v>1042.7550000000001</v>
      </c>
      <c r="G2695">
        <v>1073.9780000000001</v>
      </c>
      <c r="H2695">
        <v>1081.51</v>
      </c>
      <c r="I2695">
        <v>1095.48</v>
      </c>
      <c r="J2695">
        <v>1109.3230000000001</v>
      </c>
      <c r="K2695">
        <v>1103.6220000000001</v>
      </c>
      <c r="L2695">
        <v>1125.508</v>
      </c>
      <c r="M2695">
        <v>1115.519</v>
      </c>
      <c r="P2695">
        <v>0</v>
      </c>
      <c r="Q2695">
        <v>0</v>
      </c>
      <c r="S2695">
        <v>0</v>
      </c>
    </row>
    <row r="2696" spans="1:19" x14ac:dyDescent="0.3">
      <c r="A2696">
        <v>72.200000005137795</v>
      </c>
      <c r="B2696">
        <v>898.71299999999997</v>
      </c>
      <c r="C2696">
        <v>994.06299999999999</v>
      </c>
      <c r="D2696">
        <v>992.86199999999997</v>
      </c>
      <c r="E2696">
        <v>1027.6110000000001</v>
      </c>
      <c r="F2696">
        <v>1040.8889999999999</v>
      </c>
      <c r="G2696">
        <v>1071.6289999999999</v>
      </c>
      <c r="H2696">
        <v>1079.2719999999999</v>
      </c>
      <c r="I2696">
        <v>1091.808</v>
      </c>
      <c r="J2696">
        <v>1106.518</v>
      </c>
      <c r="K2696">
        <v>1103.98</v>
      </c>
      <c r="L2696">
        <v>1124.8630000000001</v>
      </c>
      <c r="M2696">
        <v>1115.52</v>
      </c>
      <c r="P2696">
        <v>0</v>
      </c>
      <c r="Q2696">
        <v>0</v>
      </c>
      <c r="S2696">
        <v>0</v>
      </c>
    </row>
    <row r="2697" spans="1:19" x14ac:dyDescent="0.3">
      <c r="A2697">
        <v>72.216666665223116</v>
      </c>
      <c r="B2697">
        <v>885.16499999999996</v>
      </c>
      <c r="C2697">
        <v>992.28</v>
      </c>
      <c r="D2697">
        <v>991.29700000000003</v>
      </c>
      <c r="E2697">
        <v>1024.838</v>
      </c>
      <c r="F2697">
        <v>1039.9649999999999</v>
      </c>
      <c r="G2697">
        <v>1069.8409999999999</v>
      </c>
      <c r="H2697">
        <v>1078.8810000000001</v>
      </c>
      <c r="I2697">
        <v>1095.4059999999999</v>
      </c>
      <c r="J2697">
        <v>1108.7950000000001</v>
      </c>
      <c r="K2697">
        <v>1100.7080000000001</v>
      </c>
      <c r="L2697">
        <v>1121.529</v>
      </c>
      <c r="M2697">
        <v>1113.348</v>
      </c>
      <c r="P2697">
        <v>0</v>
      </c>
      <c r="Q2697">
        <v>0</v>
      </c>
      <c r="S2697">
        <v>0</v>
      </c>
    </row>
    <row r="2698" spans="1:19" x14ac:dyDescent="0.3">
      <c r="A2698">
        <v>72.250000006348515</v>
      </c>
      <c r="B2698">
        <v>886.06799999999998</v>
      </c>
      <c r="C2698">
        <v>994.88199999999995</v>
      </c>
      <c r="D2698">
        <v>993.899</v>
      </c>
      <c r="E2698">
        <v>1027.961</v>
      </c>
      <c r="F2698">
        <v>1043.7539999999999</v>
      </c>
      <c r="G2698">
        <v>1072.58</v>
      </c>
      <c r="H2698">
        <v>1080.9870000000001</v>
      </c>
      <c r="I2698">
        <v>1093.7550000000001</v>
      </c>
      <c r="J2698">
        <v>1106.7249999999999</v>
      </c>
      <c r="K2698">
        <v>1098.2260000000001</v>
      </c>
      <c r="L2698">
        <v>1118.6559999999999</v>
      </c>
      <c r="M2698">
        <v>1113.461</v>
      </c>
      <c r="P2698">
        <v>0</v>
      </c>
      <c r="Q2698">
        <v>0</v>
      </c>
      <c r="S2698">
        <v>0</v>
      </c>
    </row>
    <row r="2699" spans="1:19" x14ac:dyDescent="0.3">
      <c r="A2699">
        <v>72.283333336996535</v>
      </c>
      <c r="B2699">
        <v>903.74099999999999</v>
      </c>
      <c r="C2699">
        <v>993.77200000000005</v>
      </c>
      <c r="D2699">
        <v>993.37099999999998</v>
      </c>
      <c r="E2699">
        <v>1025.5889999999999</v>
      </c>
      <c r="F2699">
        <v>1044.42</v>
      </c>
      <c r="G2699">
        <v>1070.492</v>
      </c>
      <c r="H2699">
        <v>1080.633</v>
      </c>
      <c r="I2699">
        <v>1093.68</v>
      </c>
      <c r="J2699">
        <v>1104.713</v>
      </c>
      <c r="K2699">
        <v>1099.8800000000001</v>
      </c>
      <c r="L2699">
        <v>1120.2809999999999</v>
      </c>
      <c r="M2699">
        <v>1114.5940000000001</v>
      </c>
      <c r="P2699">
        <v>0</v>
      </c>
      <c r="Q2699">
        <v>0</v>
      </c>
      <c r="S2699">
        <v>0</v>
      </c>
    </row>
    <row r="2700" spans="1:19" x14ac:dyDescent="0.3">
      <c r="A2700">
        <v>72.299999997081855</v>
      </c>
      <c r="B2700">
        <v>899.33500000000004</v>
      </c>
      <c r="C2700">
        <v>995.64700000000005</v>
      </c>
      <c r="D2700">
        <v>991.56899999999996</v>
      </c>
      <c r="E2700">
        <v>1030.4649999999999</v>
      </c>
      <c r="F2700">
        <v>1045.6400000000001</v>
      </c>
      <c r="G2700">
        <v>1070.0260000000001</v>
      </c>
      <c r="H2700">
        <v>1079.44</v>
      </c>
      <c r="I2700">
        <v>1091.471</v>
      </c>
      <c r="J2700">
        <v>1103.942</v>
      </c>
      <c r="K2700">
        <v>1099.4670000000001</v>
      </c>
      <c r="L2700">
        <v>1118.373</v>
      </c>
      <c r="M2700">
        <v>1111.93</v>
      </c>
      <c r="P2700">
        <v>0</v>
      </c>
      <c r="Q2700">
        <v>0</v>
      </c>
      <c r="S2700">
        <v>0</v>
      </c>
    </row>
    <row r="2701" spans="1:19" x14ac:dyDescent="0.3">
      <c r="A2701">
        <v>72.333333338207254</v>
      </c>
      <c r="B2701">
        <v>900.34900000000005</v>
      </c>
      <c r="C2701">
        <v>991.98900000000003</v>
      </c>
      <c r="D2701">
        <v>988.78599999999994</v>
      </c>
      <c r="E2701">
        <v>1027.704</v>
      </c>
      <c r="F2701">
        <v>1043.903</v>
      </c>
      <c r="G2701">
        <v>1068.9839999999999</v>
      </c>
      <c r="H2701">
        <v>1077.3530000000001</v>
      </c>
      <c r="I2701">
        <v>1088.4770000000001</v>
      </c>
      <c r="J2701">
        <v>1101.1980000000001</v>
      </c>
      <c r="K2701">
        <v>1097.588</v>
      </c>
      <c r="L2701">
        <v>1120.547</v>
      </c>
      <c r="M2701">
        <v>1111.6479999999999</v>
      </c>
      <c r="P2701">
        <v>0</v>
      </c>
      <c r="Q2701">
        <v>0</v>
      </c>
      <c r="S2701">
        <v>0</v>
      </c>
    </row>
    <row r="2702" spans="1:19" x14ac:dyDescent="0.3">
      <c r="A2702">
        <v>72.349999998292574</v>
      </c>
      <c r="B2702">
        <v>895.67499999999995</v>
      </c>
      <c r="C2702">
        <v>986.76400000000001</v>
      </c>
      <c r="D2702">
        <v>986.54600000000005</v>
      </c>
      <c r="E2702">
        <v>1027.943</v>
      </c>
      <c r="F2702">
        <v>1043.0340000000001</v>
      </c>
      <c r="G2702">
        <v>1067.529</v>
      </c>
      <c r="H2702">
        <v>1073.4939999999999</v>
      </c>
      <c r="I2702">
        <v>1085.3489999999999</v>
      </c>
      <c r="J2702">
        <v>1098.6400000000001</v>
      </c>
      <c r="K2702">
        <v>1096.665</v>
      </c>
      <c r="L2702">
        <v>1123.194</v>
      </c>
      <c r="M2702">
        <v>1116.087</v>
      </c>
      <c r="P2702">
        <v>0</v>
      </c>
      <c r="Q2702">
        <v>0</v>
      </c>
      <c r="S2702">
        <v>0</v>
      </c>
    </row>
    <row r="2703" spans="1:19" x14ac:dyDescent="0.3">
      <c r="A2703">
        <v>72.383333339417973</v>
      </c>
      <c r="B2703">
        <v>903.529</v>
      </c>
      <c r="C2703">
        <v>990.13300000000004</v>
      </c>
      <c r="D2703">
        <v>989.25900000000001</v>
      </c>
      <c r="E2703">
        <v>1028.7170000000001</v>
      </c>
      <c r="F2703">
        <v>1044.162</v>
      </c>
      <c r="G2703">
        <v>1068.779</v>
      </c>
      <c r="H2703">
        <v>1076.011</v>
      </c>
      <c r="I2703">
        <v>1090.9849999999999</v>
      </c>
      <c r="J2703">
        <v>1104.6769999999999</v>
      </c>
      <c r="K2703">
        <v>1097.3810000000001</v>
      </c>
      <c r="L2703">
        <v>1119.0920000000001</v>
      </c>
      <c r="M2703">
        <v>1110.9680000000001</v>
      </c>
      <c r="P2703">
        <v>0</v>
      </c>
      <c r="Q2703">
        <v>0</v>
      </c>
      <c r="S2703">
        <v>0</v>
      </c>
    </row>
    <row r="2704" spans="1:19" x14ac:dyDescent="0.3">
      <c r="A2704">
        <v>72.416666670065993</v>
      </c>
      <c r="B2704">
        <v>914.78499999999997</v>
      </c>
      <c r="C2704">
        <v>993.60799999999995</v>
      </c>
      <c r="D2704">
        <v>991.06</v>
      </c>
      <c r="E2704">
        <v>1029.3779999999999</v>
      </c>
      <c r="F2704">
        <v>1043.07</v>
      </c>
      <c r="G2704">
        <v>1068.6469999999999</v>
      </c>
      <c r="H2704">
        <v>1078.154</v>
      </c>
      <c r="I2704">
        <v>1091.396</v>
      </c>
      <c r="J2704">
        <v>1106.1990000000001</v>
      </c>
      <c r="K2704">
        <v>1101.1969999999999</v>
      </c>
      <c r="L2704">
        <v>1120.829</v>
      </c>
      <c r="M2704">
        <v>1109.9280000000001</v>
      </c>
      <c r="P2704">
        <v>0</v>
      </c>
      <c r="Q2704">
        <v>0</v>
      </c>
      <c r="S2704">
        <v>0</v>
      </c>
    </row>
    <row r="2705" spans="1:19" x14ac:dyDescent="0.3">
      <c r="A2705">
        <v>72.433333330151314</v>
      </c>
      <c r="B2705">
        <v>913.02099999999996</v>
      </c>
      <c r="C2705">
        <v>996.90300000000002</v>
      </c>
      <c r="D2705">
        <v>993.39</v>
      </c>
      <c r="E2705">
        <v>1027.8510000000001</v>
      </c>
      <c r="F2705">
        <v>1044.383</v>
      </c>
      <c r="G2705">
        <v>1069.2070000000001</v>
      </c>
      <c r="H2705">
        <v>1082.5039999999999</v>
      </c>
      <c r="I2705">
        <v>1091.865</v>
      </c>
      <c r="J2705">
        <v>1103.2660000000001</v>
      </c>
      <c r="K2705">
        <v>1098.3009999999999</v>
      </c>
      <c r="L2705">
        <v>1119.5640000000001</v>
      </c>
      <c r="M2705">
        <v>1112.0630000000001</v>
      </c>
      <c r="P2705">
        <v>0</v>
      </c>
      <c r="Q2705">
        <v>0</v>
      </c>
      <c r="S2705">
        <v>0</v>
      </c>
    </row>
    <row r="2706" spans="1:19" x14ac:dyDescent="0.3">
      <c r="A2706">
        <v>72.466666671276712</v>
      </c>
      <c r="B2706">
        <v>914.78599999999994</v>
      </c>
      <c r="C2706">
        <v>996.33900000000006</v>
      </c>
      <c r="D2706">
        <v>991.22400000000005</v>
      </c>
      <c r="E2706">
        <v>1027.298</v>
      </c>
      <c r="F2706">
        <v>1044.1990000000001</v>
      </c>
      <c r="G2706">
        <v>1068.498</v>
      </c>
      <c r="H2706">
        <v>1081.98</v>
      </c>
      <c r="I2706">
        <v>1090.5350000000001</v>
      </c>
      <c r="J2706">
        <v>1099.336</v>
      </c>
      <c r="K2706">
        <v>1097.3989999999999</v>
      </c>
      <c r="L2706">
        <v>1117.769</v>
      </c>
      <c r="M2706">
        <v>1109.229</v>
      </c>
      <c r="P2706">
        <v>0</v>
      </c>
      <c r="Q2706">
        <v>0</v>
      </c>
      <c r="S2706">
        <v>0</v>
      </c>
    </row>
    <row r="2707" spans="1:19" x14ac:dyDescent="0.3">
      <c r="A2707">
        <v>72.483333331362033</v>
      </c>
      <c r="B2707">
        <v>893.06399999999996</v>
      </c>
      <c r="C2707">
        <v>994.31799999999998</v>
      </c>
      <c r="D2707">
        <v>988.25699999999995</v>
      </c>
      <c r="E2707">
        <v>1028.403</v>
      </c>
      <c r="F2707">
        <v>1044.2360000000001</v>
      </c>
      <c r="G2707">
        <v>1068.6289999999999</v>
      </c>
      <c r="H2707">
        <v>1079.422</v>
      </c>
      <c r="I2707">
        <v>1093.231</v>
      </c>
      <c r="J2707">
        <v>1098.2829999999999</v>
      </c>
      <c r="K2707">
        <v>1099.0160000000001</v>
      </c>
      <c r="L2707">
        <v>1116.106</v>
      </c>
      <c r="M2707">
        <v>1110.25</v>
      </c>
      <c r="P2707">
        <v>0</v>
      </c>
      <c r="Q2707">
        <v>0</v>
      </c>
      <c r="S2707">
        <v>0</v>
      </c>
    </row>
    <row r="2708" spans="1:19" x14ac:dyDescent="0.3">
      <c r="A2708">
        <v>72.516666672487432</v>
      </c>
      <c r="B2708">
        <v>904.17100000000005</v>
      </c>
      <c r="C2708">
        <v>990.78899999999999</v>
      </c>
      <c r="D2708">
        <v>987.05799999999999</v>
      </c>
      <c r="E2708">
        <v>1027.8710000000001</v>
      </c>
      <c r="F2708">
        <v>1043.5170000000001</v>
      </c>
      <c r="G2708">
        <v>1069.9549999999999</v>
      </c>
      <c r="H2708">
        <v>1076.665</v>
      </c>
      <c r="I2708">
        <v>1089.115</v>
      </c>
      <c r="J2708">
        <v>1095.8589999999999</v>
      </c>
      <c r="K2708">
        <v>1092.0360000000001</v>
      </c>
      <c r="L2708">
        <v>1115.806</v>
      </c>
      <c r="M2708">
        <v>1110.5350000000001</v>
      </c>
      <c r="P2708">
        <v>0</v>
      </c>
      <c r="Q2708">
        <v>0</v>
      </c>
      <c r="S2708">
        <v>0</v>
      </c>
    </row>
    <row r="2709" spans="1:19" x14ac:dyDescent="0.3">
      <c r="A2709">
        <v>72.550000003135452</v>
      </c>
      <c r="B2709">
        <v>910.52599999999995</v>
      </c>
      <c r="C2709">
        <v>991.75300000000004</v>
      </c>
      <c r="D2709">
        <v>984.94899999999996</v>
      </c>
      <c r="E2709">
        <v>1023.096</v>
      </c>
      <c r="F2709">
        <v>1042.0730000000001</v>
      </c>
      <c r="G2709">
        <v>1071.165</v>
      </c>
      <c r="H2709">
        <v>1076.365</v>
      </c>
      <c r="I2709">
        <v>1089.9369999999999</v>
      </c>
      <c r="J2709">
        <v>1100.258</v>
      </c>
      <c r="K2709">
        <v>1095.3869999999999</v>
      </c>
      <c r="L2709">
        <v>1116.5039999999999</v>
      </c>
      <c r="M2709">
        <v>1111.5920000000001</v>
      </c>
      <c r="P2709">
        <v>0</v>
      </c>
      <c r="Q2709">
        <v>0</v>
      </c>
      <c r="S2709">
        <v>0</v>
      </c>
    </row>
    <row r="2710" spans="1:19" x14ac:dyDescent="0.3">
      <c r="A2710">
        <v>72.566666663220772</v>
      </c>
      <c r="B2710">
        <v>908.56600000000003</v>
      </c>
      <c r="C2710">
        <v>992.95600000000002</v>
      </c>
      <c r="D2710">
        <v>983.53599999999994</v>
      </c>
      <c r="E2710">
        <v>1026.105</v>
      </c>
      <c r="F2710">
        <v>1043.998</v>
      </c>
      <c r="G2710">
        <v>1072.2660000000001</v>
      </c>
      <c r="H2710">
        <v>1079.0889999999999</v>
      </c>
      <c r="I2710">
        <v>1095.0129999999999</v>
      </c>
      <c r="J2710">
        <v>1107.048</v>
      </c>
      <c r="K2710">
        <v>1102.723</v>
      </c>
      <c r="L2710">
        <v>1123.8409999999999</v>
      </c>
      <c r="M2710">
        <v>1117.1099999999999</v>
      </c>
      <c r="P2710">
        <v>0</v>
      </c>
      <c r="Q2710">
        <v>0</v>
      </c>
      <c r="S2710">
        <v>0</v>
      </c>
    </row>
    <row r="2711" spans="1:19" x14ac:dyDescent="0.3">
      <c r="A2711">
        <v>72.600000004346171</v>
      </c>
      <c r="B2711">
        <v>903.33399999999995</v>
      </c>
      <c r="C2711">
        <v>992.93600000000004</v>
      </c>
      <c r="D2711">
        <v>989.495</v>
      </c>
      <c r="E2711">
        <v>1031.037</v>
      </c>
      <c r="F2711">
        <v>1050.6510000000001</v>
      </c>
      <c r="G2711">
        <v>1074.557</v>
      </c>
      <c r="H2711">
        <v>1083.74</v>
      </c>
      <c r="I2711">
        <v>1094.9739999999999</v>
      </c>
      <c r="J2711">
        <v>1104.5450000000001</v>
      </c>
      <c r="K2711">
        <v>1100.0509999999999</v>
      </c>
      <c r="L2711">
        <v>1121.454</v>
      </c>
      <c r="M2711">
        <v>1113.8209999999999</v>
      </c>
      <c r="P2711">
        <v>0</v>
      </c>
      <c r="Q2711">
        <v>0</v>
      </c>
      <c r="S2711">
        <v>0</v>
      </c>
    </row>
    <row r="2712" spans="1:19" x14ac:dyDescent="0.3">
      <c r="A2712">
        <v>72.616666664431492</v>
      </c>
      <c r="B2712">
        <v>901.82500000000005</v>
      </c>
      <c r="C2712">
        <v>991.37199999999996</v>
      </c>
      <c r="D2712">
        <v>986.74900000000002</v>
      </c>
      <c r="E2712">
        <v>1024.8399999999999</v>
      </c>
      <c r="F2712">
        <v>1044.922</v>
      </c>
      <c r="G2712">
        <v>1067.364</v>
      </c>
      <c r="H2712">
        <v>1082.375</v>
      </c>
      <c r="I2712">
        <v>1088.5719999999999</v>
      </c>
      <c r="J2712">
        <v>1098.8489999999999</v>
      </c>
      <c r="K2712">
        <v>1094.058</v>
      </c>
      <c r="L2712">
        <v>1113.01</v>
      </c>
      <c r="M2712">
        <v>1108.4770000000001</v>
      </c>
      <c r="P2712">
        <v>0</v>
      </c>
      <c r="Q2712">
        <v>0</v>
      </c>
      <c r="S2712">
        <v>0</v>
      </c>
    </row>
    <row r="2713" spans="1:19" x14ac:dyDescent="0.3">
      <c r="A2713">
        <v>72.65000000555689</v>
      </c>
      <c r="B2713">
        <v>914.447</v>
      </c>
      <c r="C2713">
        <v>991.86199999999997</v>
      </c>
      <c r="D2713">
        <v>987.58399999999995</v>
      </c>
      <c r="E2713">
        <v>1022.821</v>
      </c>
      <c r="F2713">
        <v>1040.4649999999999</v>
      </c>
      <c r="G2713">
        <v>1065.673</v>
      </c>
      <c r="H2713">
        <v>1080.1120000000001</v>
      </c>
      <c r="I2713">
        <v>1088.758</v>
      </c>
      <c r="J2713">
        <v>1094.374</v>
      </c>
      <c r="K2713">
        <v>1090.3109999999999</v>
      </c>
      <c r="L2713">
        <v>1109.778</v>
      </c>
      <c r="M2713">
        <v>1106.2560000000001</v>
      </c>
      <c r="P2713">
        <v>0</v>
      </c>
      <c r="Q2713">
        <v>0</v>
      </c>
      <c r="S2713">
        <v>0</v>
      </c>
    </row>
    <row r="2714" spans="1:19" x14ac:dyDescent="0.3">
      <c r="A2714">
        <v>72.68333333620491</v>
      </c>
      <c r="B2714">
        <v>909.81399999999996</v>
      </c>
      <c r="C2714">
        <v>990.80799999999999</v>
      </c>
      <c r="D2714">
        <v>986.548</v>
      </c>
      <c r="E2714">
        <v>1026.0139999999999</v>
      </c>
      <c r="F2714">
        <v>1041.04</v>
      </c>
      <c r="G2714">
        <v>1069.3399999999999</v>
      </c>
      <c r="H2714">
        <v>1079.6110000000001</v>
      </c>
      <c r="I2714">
        <v>1092.4290000000001</v>
      </c>
      <c r="J2714">
        <v>1100.354</v>
      </c>
      <c r="K2714">
        <v>1097.721</v>
      </c>
      <c r="L2714">
        <v>1117.0160000000001</v>
      </c>
      <c r="M2714">
        <v>1109.5340000000001</v>
      </c>
      <c r="P2714">
        <v>0</v>
      </c>
      <c r="Q2714">
        <v>0</v>
      </c>
      <c r="S2714">
        <v>0</v>
      </c>
    </row>
    <row r="2715" spans="1:19" x14ac:dyDescent="0.3">
      <c r="A2715">
        <v>72.70000000676761</v>
      </c>
      <c r="B2715">
        <v>901.84100000000001</v>
      </c>
      <c r="C2715">
        <v>989.60500000000002</v>
      </c>
      <c r="D2715">
        <v>988.07600000000002</v>
      </c>
      <c r="E2715">
        <v>1025.9749999999999</v>
      </c>
      <c r="F2715">
        <v>1045.364</v>
      </c>
      <c r="G2715">
        <v>1073.663</v>
      </c>
      <c r="H2715">
        <v>1085.2380000000001</v>
      </c>
      <c r="I2715">
        <v>1099.825</v>
      </c>
      <c r="J2715">
        <v>1104.9590000000001</v>
      </c>
      <c r="K2715">
        <v>1099.4490000000001</v>
      </c>
      <c r="L2715">
        <v>1116.239</v>
      </c>
      <c r="M2715">
        <v>1107.027</v>
      </c>
      <c r="P2715">
        <v>0</v>
      </c>
      <c r="Q2715">
        <v>0</v>
      </c>
      <c r="S2715">
        <v>0</v>
      </c>
    </row>
    <row r="2716" spans="1:19" x14ac:dyDescent="0.3">
      <c r="A2716">
        <v>72.73333333741563</v>
      </c>
      <c r="B2716">
        <v>893.31500000000005</v>
      </c>
      <c r="C2716">
        <v>987.29499999999996</v>
      </c>
      <c r="D2716">
        <v>986.73099999999999</v>
      </c>
      <c r="E2716">
        <v>1028.259</v>
      </c>
      <c r="F2716">
        <v>1045.7539999999999</v>
      </c>
      <c r="G2716">
        <v>1072.0060000000001</v>
      </c>
      <c r="H2716">
        <v>1080.5060000000001</v>
      </c>
      <c r="I2716">
        <v>1091.924</v>
      </c>
      <c r="J2716">
        <v>1100.279</v>
      </c>
      <c r="K2716">
        <v>1098.7750000000001</v>
      </c>
      <c r="L2716">
        <v>1114.636</v>
      </c>
      <c r="M2716">
        <v>1106.673</v>
      </c>
      <c r="P2716">
        <v>0</v>
      </c>
      <c r="Q2716">
        <v>0</v>
      </c>
      <c r="S2716">
        <v>0</v>
      </c>
    </row>
    <row r="2717" spans="1:19" x14ac:dyDescent="0.3">
      <c r="A2717">
        <v>72.76666666806365</v>
      </c>
      <c r="B2717">
        <v>899.46</v>
      </c>
      <c r="C2717">
        <v>987.71199999999999</v>
      </c>
      <c r="D2717">
        <v>984.40499999999997</v>
      </c>
      <c r="E2717">
        <v>1024.4349999999999</v>
      </c>
      <c r="F2717">
        <v>1042.942</v>
      </c>
      <c r="G2717">
        <v>1072.5630000000001</v>
      </c>
      <c r="H2717">
        <v>1078.174</v>
      </c>
      <c r="I2717">
        <v>1091.809</v>
      </c>
      <c r="J2717">
        <v>1103.0409999999999</v>
      </c>
      <c r="K2717">
        <v>1101.424</v>
      </c>
      <c r="L2717">
        <v>1119.867</v>
      </c>
      <c r="M2717">
        <v>1111.78</v>
      </c>
      <c r="P2717">
        <v>0</v>
      </c>
      <c r="Q2717">
        <v>0</v>
      </c>
      <c r="S2717">
        <v>0</v>
      </c>
    </row>
    <row r="2718" spans="1:19" x14ac:dyDescent="0.3">
      <c r="A2718">
        <v>72.783333338626349</v>
      </c>
      <c r="B2718">
        <v>913.70100000000002</v>
      </c>
      <c r="C2718">
        <v>986.56700000000001</v>
      </c>
      <c r="D2718">
        <v>983.19200000000001</v>
      </c>
      <c r="E2718">
        <v>1023.098</v>
      </c>
      <c r="F2718">
        <v>1040.56</v>
      </c>
      <c r="G2718">
        <v>1067.942</v>
      </c>
      <c r="H2718">
        <v>1078.6610000000001</v>
      </c>
      <c r="I2718">
        <v>1088.8910000000001</v>
      </c>
      <c r="J2718">
        <v>1100.5989999999999</v>
      </c>
      <c r="K2718">
        <v>1101.877</v>
      </c>
      <c r="L2718">
        <v>1119.586</v>
      </c>
      <c r="M2718">
        <v>1111.934</v>
      </c>
      <c r="P2718">
        <v>0</v>
      </c>
      <c r="Q2718">
        <v>0</v>
      </c>
      <c r="S2718">
        <v>0</v>
      </c>
    </row>
    <row r="2719" spans="1:19" x14ac:dyDescent="0.3">
      <c r="A2719">
        <v>72.816666669274369</v>
      </c>
      <c r="B2719">
        <v>901.00800000000004</v>
      </c>
      <c r="C2719">
        <v>984.09900000000005</v>
      </c>
      <c r="D2719">
        <v>985.76700000000005</v>
      </c>
      <c r="E2719">
        <v>1028.222</v>
      </c>
      <c r="F2719">
        <v>1043.6279999999999</v>
      </c>
      <c r="G2719">
        <v>1071.4280000000001</v>
      </c>
      <c r="H2719">
        <v>1079.9839999999999</v>
      </c>
      <c r="I2719">
        <v>1091.943</v>
      </c>
      <c r="J2719">
        <v>1102.1969999999999</v>
      </c>
      <c r="K2719">
        <v>1099.903</v>
      </c>
      <c r="L2719">
        <v>1116.4870000000001</v>
      </c>
      <c r="M2719">
        <v>1111.462</v>
      </c>
      <c r="P2719">
        <v>0</v>
      </c>
      <c r="Q2719">
        <v>0</v>
      </c>
      <c r="S2719">
        <v>0</v>
      </c>
    </row>
    <row r="2720" spans="1:19" x14ac:dyDescent="0.3">
      <c r="A2720">
        <v>72.833333339837068</v>
      </c>
      <c r="B2720">
        <v>901.41600000000005</v>
      </c>
      <c r="C2720">
        <v>985.13199999999995</v>
      </c>
      <c r="D2720">
        <v>982.774</v>
      </c>
      <c r="E2720">
        <v>1023.153</v>
      </c>
      <c r="F2720">
        <v>1042.3889999999999</v>
      </c>
      <c r="G2720">
        <v>1068.4449999999999</v>
      </c>
      <c r="H2720">
        <v>1079.5170000000001</v>
      </c>
      <c r="I2720">
        <v>1088.5350000000001</v>
      </c>
      <c r="J2720">
        <v>1099.413</v>
      </c>
      <c r="K2720">
        <v>1095.4079999999999</v>
      </c>
      <c r="L2720">
        <v>1115.9010000000001</v>
      </c>
      <c r="M2720">
        <v>1113.577</v>
      </c>
      <c r="P2720">
        <v>0</v>
      </c>
      <c r="Q2720">
        <v>0</v>
      </c>
      <c r="S2720">
        <v>0</v>
      </c>
    </row>
    <row r="2721" spans="1:19" x14ac:dyDescent="0.3">
      <c r="A2721">
        <v>72.866666670485088</v>
      </c>
      <c r="B2721">
        <v>895.23400000000004</v>
      </c>
      <c r="C2721">
        <v>987.05899999999997</v>
      </c>
      <c r="D2721">
        <v>983.33699999999999</v>
      </c>
      <c r="E2721">
        <v>1023.4829999999999</v>
      </c>
      <c r="F2721">
        <v>1041.817</v>
      </c>
      <c r="G2721">
        <v>1066.8440000000001</v>
      </c>
      <c r="H2721">
        <v>1079.9649999999999</v>
      </c>
      <c r="I2721">
        <v>1087.5989999999999</v>
      </c>
      <c r="J2721">
        <v>1099.752</v>
      </c>
      <c r="K2721">
        <v>1097.402</v>
      </c>
      <c r="L2721">
        <v>1116.0150000000001</v>
      </c>
      <c r="M2721">
        <v>1113.2380000000001</v>
      </c>
      <c r="P2721">
        <v>0</v>
      </c>
      <c r="Q2721">
        <v>0</v>
      </c>
      <c r="S2721">
        <v>0</v>
      </c>
    </row>
    <row r="2722" spans="1:19" x14ac:dyDescent="0.3">
      <c r="A2722">
        <v>72.900000001133108</v>
      </c>
      <c r="B2722">
        <v>880.35</v>
      </c>
      <c r="C2722">
        <v>984.51499999999999</v>
      </c>
      <c r="D2722">
        <v>985.31299999999999</v>
      </c>
      <c r="E2722">
        <v>1023.8680000000001</v>
      </c>
      <c r="F2722">
        <v>1041.7049999999999</v>
      </c>
      <c r="G2722">
        <v>1068.1279999999999</v>
      </c>
      <c r="H2722">
        <v>1082.8810000000001</v>
      </c>
      <c r="I2722">
        <v>1094.376</v>
      </c>
      <c r="J2722">
        <v>1106.4090000000001</v>
      </c>
      <c r="K2722">
        <v>1098.8679999999999</v>
      </c>
      <c r="L2722">
        <v>1120.586</v>
      </c>
      <c r="M2722">
        <v>1114.8810000000001</v>
      </c>
      <c r="P2722">
        <v>0</v>
      </c>
      <c r="Q2722">
        <v>0</v>
      </c>
      <c r="S2722">
        <v>0</v>
      </c>
    </row>
    <row r="2723" spans="1:19" x14ac:dyDescent="0.3">
      <c r="A2723">
        <v>72.916666671695808</v>
      </c>
      <c r="B2723">
        <v>879.29100000000005</v>
      </c>
      <c r="C2723">
        <v>986.67600000000004</v>
      </c>
      <c r="D2723">
        <v>982.55600000000004</v>
      </c>
      <c r="E2723">
        <v>1023.189</v>
      </c>
      <c r="F2723">
        <v>1047.6210000000001</v>
      </c>
      <c r="G2723">
        <v>1075.0999999999999</v>
      </c>
      <c r="H2723">
        <v>1084.2660000000001</v>
      </c>
      <c r="I2723">
        <v>1094.32</v>
      </c>
      <c r="J2723">
        <v>1105.2239999999999</v>
      </c>
      <c r="K2723">
        <v>1097.777</v>
      </c>
      <c r="L2723">
        <v>1119.3019999999999</v>
      </c>
      <c r="M2723">
        <v>1112.991</v>
      </c>
      <c r="P2723">
        <v>0</v>
      </c>
      <c r="Q2723">
        <v>0</v>
      </c>
      <c r="S2723">
        <v>0</v>
      </c>
    </row>
    <row r="2724" spans="1:19" x14ac:dyDescent="0.3">
      <c r="A2724">
        <v>72.950000002343828</v>
      </c>
      <c r="B2724">
        <v>883.69799999999998</v>
      </c>
      <c r="C2724">
        <v>987.09400000000005</v>
      </c>
      <c r="D2724">
        <v>984.49699999999996</v>
      </c>
      <c r="E2724">
        <v>1024.326</v>
      </c>
      <c r="F2724">
        <v>1045.6610000000001</v>
      </c>
      <c r="G2724">
        <v>1071.6880000000001</v>
      </c>
      <c r="H2724">
        <v>1079.9269999999999</v>
      </c>
      <c r="I2724">
        <v>1092.335</v>
      </c>
      <c r="J2724">
        <v>1106.691</v>
      </c>
      <c r="K2724">
        <v>1099.1880000000001</v>
      </c>
      <c r="L2724">
        <v>1121.777</v>
      </c>
      <c r="M2724">
        <v>1110.989</v>
      </c>
      <c r="P2724">
        <v>0</v>
      </c>
      <c r="Q2724">
        <v>0</v>
      </c>
      <c r="S2724">
        <v>0</v>
      </c>
    </row>
    <row r="2725" spans="1:19" x14ac:dyDescent="0.3">
      <c r="A2725">
        <v>72.966666672906527</v>
      </c>
      <c r="B2725">
        <v>888.76300000000003</v>
      </c>
      <c r="C2725">
        <v>986.14800000000002</v>
      </c>
      <c r="D2725">
        <v>983.44500000000005</v>
      </c>
      <c r="E2725">
        <v>1022.712</v>
      </c>
      <c r="F2725">
        <v>1043.5350000000001</v>
      </c>
      <c r="G2725">
        <v>1070.346</v>
      </c>
      <c r="H2725">
        <v>1078.3989999999999</v>
      </c>
      <c r="I2725">
        <v>1088.123</v>
      </c>
      <c r="J2725">
        <v>1102.723</v>
      </c>
      <c r="K2725">
        <v>1098.7180000000001</v>
      </c>
      <c r="L2725">
        <v>1119.566</v>
      </c>
      <c r="M2725">
        <v>1111.99</v>
      </c>
      <c r="P2725">
        <v>0</v>
      </c>
      <c r="Q2725">
        <v>0</v>
      </c>
      <c r="S2725">
        <v>0</v>
      </c>
    </row>
    <row r="2726" spans="1:19" x14ac:dyDescent="0.3">
      <c r="A2726">
        <v>73.000000003554547</v>
      </c>
      <c r="B2726">
        <v>899.49900000000002</v>
      </c>
      <c r="C2726">
        <v>983.10199999999998</v>
      </c>
      <c r="D2726">
        <v>983.93600000000004</v>
      </c>
      <c r="E2726">
        <v>1021.852</v>
      </c>
      <c r="F2726">
        <v>1040.9860000000001</v>
      </c>
      <c r="G2726">
        <v>1066.864</v>
      </c>
      <c r="H2726">
        <v>1077.2260000000001</v>
      </c>
      <c r="I2726">
        <v>1086.402</v>
      </c>
      <c r="J2726">
        <v>1100.6559999999999</v>
      </c>
      <c r="K2726">
        <v>1095.8789999999999</v>
      </c>
      <c r="L2726">
        <v>1116.223</v>
      </c>
      <c r="M2726">
        <v>1111.6510000000001</v>
      </c>
      <c r="P2726">
        <v>0</v>
      </c>
      <c r="Q2726">
        <v>0</v>
      </c>
      <c r="S2726">
        <v>0</v>
      </c>
    </row>
    <row r="2727" spans="1:19" x14ac:dyDescent="0.3">
      <c r="A2727">
        <v>73.033333334202567</v>
      </c>
      <c r="B2727">
        <v>887.22299999999996</v>
      </c>
      <c r="C2727">
        <v>987.85900000000004</v>
      </c>
      <c r="D2727">
        <v>986.33</v>
      </c>
      <c r="E2727">
        <v>1022.676</v>
      </c>
      <c r="F2727">
        <v>1041.2619999999999</v>
      </c>
      <c r="G2727">
        <v>1066.232</v>
      </c>
      <c r="H2727">
        <v>1079.6110000000001</v>
      </c>
      <c r="I2727">
        <v>1090.6320000000001</v>
      </c>
      <c r="J2727">
        <v>1105.0550000000001</v>
      </c>
      <c r="K2727">
        <v>1102.1590000000001</v>
      </c>
      <c r="L2727">
        <v>1121.72</v>
      </c>
      <c r="M2727">
        <v>1112.3689999999999</v>
      </c>
      <c r="P2727">
        <v>0</v>
      </c>
      <c r="Q2727">
        <v>0</v>
      </c>
      <c r="S2727">
        <v>0</v>
      </c>
    </row>
    <row r="2728" spans="1:19" x14ac:dyDescent="0.3">
      <c r="A2728">
        <v>73.050000004765266</v>
      </c>
      <c r="B2728">
        <v>883.64499999999998</v>
      </c>
      <c r="C2728">
        <v>986.76700000000005</v>
      </c>
      <c r="D2728">
        <v>983.44600000000003</v>
      </c>
      <c r="E2728">
        <v>1026.4359999999999</v>
      </c>
      <c r="F2728">
        <v>1041.9829999999999</v>
      </c>
      <c r="G2728">
        <v>1066.9559999999999</v>
      </c>
      <c r="H2728">
        <v>1079.6110000000001</v>
      </c>
      <c r="I2728">
        <v>1092.8789999999999</v>
      </c>
      <c r="J2728">
        <v>1104.566</v>
      </c>
      <c r="K2728">
        <v>1100.8050000000001</v>
      </c>
      <c r="L2728">
        <v>1118.8679999999999</v>
      </c>
      <c r="M2728">
        <v>1110.5360000000001</v>
      </c>
      <c r="P2728">
        <v>0</v>
      </c>
      <c r="Q2728">
        <v>0</v>
      </c>
      <c r="S2728">
        <v>0</v>
      </c>
    </row>
    <row r="2729" spans="1:19" x14ac:dyDescent="0.3">
      <c r="A2729">
        <v>73.083333335413286</v>
      </c>
      <c r="B2729">
        <v>885.54</v>
      </c>
      <c r="C2729">
        <v>987.09500000000003</v>
      </c>
      <c r="D2729">
        <v>986.65800000000002</v>
      </c>
      <c r="E2729">
        <v>1025.556</v>
      </c>
      <c r="F2729">
        <v>1042.501</v>
      </c>
      <c r="G2729">
        <v>1067.364</v>
      </c>
      <c r="H2729">
        <v>1078.94</v>
      </c>
      <c r="I2729">
        <v>1089.6590000000001</v>
      </c>
      <c r="J2729">
        <v>1102.479</v>
      </c>
      <c r="K2729">
        <v>1099.884</v>
      </c>
      <c r="L2729">
        <v>1118.8489999999999</v>
      </c>
      <c r="M2729">
        <v>1110.857</v>
      </c>
      <c r="P2729">
        <v>0</v>
      </c>
      <c r="Q2729">
        <v>0</v>
      </c>
      <c r="S2729">
        <v>0</v>
      </c>
    </row>
    <row r="2730" spans="1:19" x14ac:dyDescent="0.3">
      <c r="A2730">
        <v>73.100000005975986</v>
      </c>
      <c r="B2730">
        <v>889.40099999999995</v>
      </c>
      <c r="C2730">
        <v>989.44299999999998</v>
      </c>
      <c r="D2730">
        <v>985.45899999999995</v>
      </c>
      <c r="E2730">
        <v>1026.1790000000001</v>
      </c>
      <c r="F2730">
        <v>1041.595</v>
      </c>
      <c r="G2730">
        <v>1066.1210000000001</v>
      </c>
      <c r="H2730">
        <v>1075.9760000000001</v>
      </c>
      <c r="I2730">
        <v>1085.877</v>
      </c>
      <c r="J2730">
        <v>1099.2819999999999</v>
      </c>
      <c r="K2730">
        <v>1099</v>
      </c>
      <c r="L2730">
        <v>1120.7570000000001</v>
      </c>
      <c r="M2730">
        <v>1112.671</v>
      </c>
      <c r="P2730">
        <v>0</v>
      </c>
      <c r="Q2730">
        <v>0</v>
      </c>
      <c r="S2730">
        <v>0</v>
      </c>
    </row>
    <row r="2731" spans="1:19" x14ac:dyDescent="0.3">
      <c r="A2731">
        <v>73.133333336624005</v>
      </c>
      <c r="B2731">
        <v>896.40599999999995</v>
      </c>
      <c r="C2731">
        <v>991.73699999999997</v>
      </c>
      <c r="D2731">
        <v>982.21199999999999</v>
      </c>
      <c r="E2731">
        <v>1026.952</v>
      </c>
      <c r="F2731">
        <v>1041.336</v>
      </c>
      <c r="G2731">
        <v>1064.5239999999999</v>
      </c>
      <c r="H2731">
        <v>1070.962</v>
      </c>
      <c r="I2731">
        <v>1080.5060000000001</v>
      </c>
      <c r="J2731">
        <v>1094.171</v>
      </c>
      <c r="K2731">
        <v>1092.1110000000001</v>
      </c>
      <c r="L2731">
        <v>1112.671</v>
      </c>
      <c r="M2731">
        <v>1107.97</v>
      </c>
      <c r="P2731">
        <v>0</v>
      </c>
      <c r="Q2731">
        <v>0</v>
      </c>
      <c r="S2731">
        <v>0</v>
      </c>
    </row>
    <row r="2732" spans="1:19" x14ac:dyDescent="0.3">
      <c r="A2732">
        <v>73.166666667272025</v>
      </c>
      <c r="B2732">
        <v>896.17600000000004</v>
      </c>
      <c r="C2732">
        <v>990.31700000000001</v>
      </c>
      <c r="D2732">
        <v>982.03200000000004</v>
      </c>
      <c r="E2732">
        <v>1024.4190000000001</v>
      </c>
      <c r="F2732">
        <v>1042.002</v>
      </c>
      <c r="G2732">
        <v>1064.414</v>
      </c>
      <c r="H2732">
        <v>1071.7080000000001</v>
      </c>
      <c r="I2732">
        <v>1080.2270000000001</v>
      </c>
      <c r="J2732">
        <v>1094.546</v>
      </c>
      <c r="K2732">
        <v>1093.797</v>
      </c>
      <c r="L2732">
        <v>1113.8810000000001</v>
      </c>
      <c r="M2732">
        <v>1108.328</v>
      </c>
      <c r="P2732">
        <v>0</v>
      </c>
      <c r="Q2732">
        <v>0</v>
      </c>
      <c r="S2732">
        <v>0</v>
      </c>
    </row>
    <row r="2733" spans="1:19" x14ac:dyDescent="0.3">
      <c r="A2733">
        <v>73.183333337834725</v>
      </c>
      <c r="B2733">
        <v>894.505</v>
      </c>
      <c r="C2733">
        <v>990.46199999999999</v>
      </c>
      <c r="D2733">
        <v>984.44299999999998</v>
      </c>
      <c r="E2733">
        <v>1026.326</v>
      </c>
      <c r="F2733">
        <v>1041.4659999999999</v>
      </c>
      <c r="G2733">
        <v>1063.578</v>
      </c>
      <c r="H2733">
        <v>1073.367</v>
      </c>
      <c r="I2733">
        <v>1081.72</v>
      </c>
      <c r="J2733">
        <v>1095.7470000000001</v>
      </c>
      <c r="K2733">
        <v>1092.5039999999999</v>
      </c>
      <c r="L2733">
        <v>1112.444</v>
      </c>
      <c r="M2733">
        <v>1107.3499999999999</v>
      </c>
      <c r="P2733">
        <v>0</v>
      </c>
      <c r="Q2733">
        <v>0</v>
      </c>
      <c r="S2733">
        <v>0</v>
      </c>
    </row>
    <row r="2734" spans="1:19" x14ac:dyDescent="0.3">
      <c r="A2734">
        <v>73.216666668482745</v>
      </c>
      <c r="B2734">
        <v>889.84500000000003</v>
      </c>
      <c r="C2734">
        <v>986.31399999999996</v>
      </c>
      <c r="D2734">
        <v>984.22699999999998</v>
      </c>
      <c r="E2734">
        <v>1025.374</v>
      </c>
      <c r="F2734">
        <v>1041.8920000000001</v>
      </c>
      <c r="G2734">
        <v>1066.326</v>
      </c>
      <c r="H2734">
        <v>1076.6669999999999</v>
      </c>
      <c r="I2734">
        <v>1082.9949999999999</v>
      </c>
      <c r="J2734">
        <v>1096.557</v>
      </c>
      <c r="K2734">
        <v>1096.3499999999999</v>
      </c>
      <c r="L2734">
        <v>1113.9949999999999</v>
      </c>
      <c r="M2734">
        <v>1108.441</v>
      </c>
      <c r="P2734">
        <v>0</v>
      </c>
      <c r="Q2734">
        <v>0</v>
      </c>
      <c r="S2734">
        <v>0</v>
      </c>
    </row>
    <row r="2735" spans="1:19" x14ac:dyDescent="0.3">
      <c r="A2735">
        <v>73.233333339045444</v>
      </c>
      <c r="B2735">
        <v>895.14599999999996</v>
      </c>
      <c r="C2735">
        <v>989.899</v>
      </c>
      <c r="D2735">
        <v>983.50099999999998</v>
      </c>
      <c r="E2735">
        <v>1017.598</v>
      </c>
      <c r="F2735">
        <v>1041.116</v>
      </c>
      <c r="G2735">
        <v>1065.249</v>
      </c>
      <c r="H2735">
        <v>1080.787</v>
      </c>
      <c r="I2735">
        <v>1087.6379999999999</v>
      </c>
      <c r="J2735">
        <v>1100.9760000000001</v>
      </c>
      <c r="K2735">
        <v>1099.2460000000001</v>
      </c>
      <c r="L2735">
        <v>1119.039</v>
      </c>
      <c r="M2735">
        <v>1110.6880000000001</v>
      </c>
      <c r="P2735">
        <v>0</v>
      </c>
      <c r="Q2735">
        <v>0</v>
      </c>
      <c r="S2735">
        <v>0</v>
      </c>
    </row>
    <row r="2736" spans="1:19" x14ac:dyDescent="0.3">
      <c r="A2736">
        <v>73.266666669693464</v>
      </c>
      <c r="B2736">
        <v>898.75199999999995</v>
      </c>
      <c r="C2736">
        <v>992.702</v>
      </c>
      <c r="D2736">
        <v>981.05200000000002</v>
      </c>
      <c r="E2736">
        <v>1021.1369999999999</v>
      </c>
      <c r="F2736">
        <v>1041.4480000000001</v>
      </c>
      <c r="G2736">
        <v>1064.896</v>
      </c>
      <c r="H2736">
        <v>1081.8150000000001</v>
      </c>
      <c r="I2736">
        <v>1085.99</v>
      </c>
      <c r="J2736">
        <v>1097.1769999999999</v>
      </c>
      <c r="K2736">
        <v>1094.2650000000001</v>
      </c>
      <c r="L2736">
        <v>1112.3879999999999</v>
      </c>
      <c r="M2736">
        <v>1105.6579999999999</v>
      </c>
      <c r="P2736">
        <v>0</v>
      </c>
      <c r="Q2736">
        <v>0</v>
      </c>
      <c r="S2736">
        <v>0</v>
      </c>
    </row>
    <row r="2737" spans="1:19" x14ac:dyDescent="0.3">
      <c r="A2737">
        <v>73.300000000341484</v>
      </c>
      <c r="B2737">
        <v>897.70500000000004</v>
      </c>
      <c r="C2737">
        <v>989.572</v>
      </c>
      <c r="D2737">
        <v>981.54300000000001</v>
      </c>
      <c r="E2737">
        <v>1025.8320000000001</v>
      </c>
      <c r="F2737">
        <v>1044.0920000000001</v>
      </c>
      <c r="G2737">
        <v>1068.3720000000001</v>
      </c>
      <c r="H2737">
        <v>1083.2380000000001</v>
      </c>
      <c r="I2737">
        <v>1085.1849999999999</v>
      </c>
      <c r="J2737">
        <v>1095.7670000000001</v>
      </c>
      <c r="K2737">
        <v>1094.546</v>
      </c>
      <c r="L2737">
        <v>1114.6179999999999</v>
      </c>
      <c r="M2737">
        <v>1109.0450000000001</v>
      </c>
      <c r="P2737">
        <v>0</v>
      </c>
      <c r="Q2737">
        <v>0</v>
      </c>
      <c r="S2737">
        <v>0</v>
      </c>
    </row>
    <row r="2738" spans="1:19" x14ac:dyDescent="0.3">
      <c r="A2738">
        <v>73.316666670904183</v>
      </c>
      <c r="B2738">
        <v>884.76099999999997</v>
      </c>
      <c r="C2738">
        <v>988.42399999999998</v>
      </c>
      <c r="D2738">
        <v>980.61699999999996</v>
      </c>
      <c r="E2738">
        <v>1023.4109999999999</v>
      </c>
      <c r="F2738">
        <v>1042.557</v>
      </c>
      <c r="G2738">
        <v>1067.5139999999999</v>
      </c>
      <c r="H2738">
        <v>1084.885</v>
      </c>
      <c r="I2738">
        <v>1085.7460000000001</v>
      </c>
      <c r="J2738">
        <v>1097.9480000000001</v>
      </c>
      <c r="K2738">
        <v>1096.6690000000001</v>
      </c>
      <c r="L2738">
        <v>1118.8119999999999</v>
      </c>
      <c r="M2738">
        <v>1110.385</v>
      </c>
      <c r="P2738">
        <v>0</v>
      </c>
      <c r="Q2738">
        <v>0</v>
      </c>
      <c r="S2738">
        <v>0</v>
      </c>
    </row>
    <row r="2739" spans="1:19" x14ac:dyDescent="0.3">
      <c r="A2739">
        <v>73.350000001552203</v>
      </c>
      <c r="B2739">
        <v>895.34100000000001</v>
      </c>
      <c r="C2739">
        <v>990.33600000000001</v>
      </c>
      <c r="D2739">
        <v>979.87400000000002</v>
      </c>
      <c r="E2739">
        <v>1023.8869999999999</v>
      </c>
      <c r="F2739">
        <v>1041.7809999999999</v>
      </c>
      <c r="G2739">
        <v>1066.7339999999999</v>
      </c>
      <c r="H2739">
        <v>1083.537</v>
      </c>
      <c r="I2739">
        <v>1090.4829999999999</v>
      </c>
      <c r="J2739">
        <v>1100.9749999999999</v>
      </c>
      <c r="K2739">
        <v>1098.0419999999999</v>
      </c>
      <c r="L2739">
        <v>1119.1890000000001</v>
      </c>
      <c r="M2739">
        <v>1110.7439999999999</v>
      </c>
      <c r="P2739">
        <v>0</v>
      </c>
      <c r="Q2739">
        <v>0</v>
      </c>
      <c r="S2739">
        <v>0</v>
      </c>
    </row>
    <row r="2740" spans="1:19" x14ac:dyDescent="0.3">
      <c r="A2740">
        <v>73.366666672114903</v>
      </c>
      <c r="B2740">
        <v>888.51599999999996</v>
      </c>
      <c r="C2740">
        <v>986.91399999999999</v>
      </c>
      <c r="D2740">
        <v>980.59900000000005</v>
      </c>
      <c r="E2740">
        <v>1024.4929999999999</v>
      </c>
      <c r="F2740">
        <v>1043.703</v>
      </c>
      <c r="G2740">
        <v>1068.614</v>
      </c>
      <c r="H2740">
        <v>1080.8789999999999</v>
      </c>
      <c r="I2740">
        <v>1089.6400000000001</v>
      </c>
      <c r="J2740">
        <v>1099.998</v>
      </c>
      <c r="K2740">
        <v>1097.1959999999999</v>
      </c>
      <c r="L2740">
        <v>1116.79</v>
      </c>
      <c r="M2740">
        <v>1109.7049999999999</v>
      </c>
      <c r="P2740">
        <v>0</v>
      </c>
      <c r="Q2740">
        <v>0</v>
      </c>
      <c r="S2740">
        <v>0</v>
      </c>
    </row>
    <row r="2741" spans="1:19" x14ac:dyDescent="0.3">
      <c r="A2741">
        <v>73.400000002762923</v>
      </c>
      <c r="B2741">
        <v>882.495</v>
      </c>
      <c r="C2741">
        <v>984.26199999999994</v>
      </c>
      <c r="D2741">
        <v>979.83699999999999</v>
      </c>
      <c r="E2741">
        <v>1024.951</v>
      </c>
      <c r="F2741">
        <v>1043.019</v>
      </c>
      <c r="G2741">
        <v>1068.3720000000001</v>
      </c>
      <c r="H2741">
        <v>1081.2339999999999</v>
      </c>
      <c r="I2741">
        <v>1087.675</v>
      </c>
      <c r="J2741">
        <v>1098.7</v>
      </c>
      <c r="K2741">
        <v>1094.6769999999999</v>
      </c>
      <c r="L2741">
        <v>1115.298</v>
      </c>
      <c r="M2741">
        <v>1107.82</v>
      </c>
      <c r="P2741">
        <v>0</v>
      </c>
      <c r="Q2741">
        <v>0</v>
      </c>
      <c r="S2741">
        <v>0</v>
      </c>
    </row>
    <row r="2742" spans="1:19" x14ac:dyDescent="0.3">
      <c r="A2742">
        <v>73.433333333410943</v>
      </c>
      <c r="B2742">
        <v>889.79300000000001</v>
      </c>
      <c r="C2742">
        <v>985.26199999999994</v>
      </c>
      <c r="D2742">
        <v>979.78499999999997</v>
      </c>
      <c r="E2742">
        <v>1021.689</v>
      </c>
      <c r="F2742">
        <v>1038.885</v>
      </c>
      <c r="G2742">
        <v>1066.94</v>
      </c>
      <c r="H2742">
        <v>1079.4459999999999</v>
      </c>
      <c r="I2742">
        <v>1088.7819999999999</v>
      </c>
      <c r="J2742">
        <v>1101.3910000000001</v>
      </c>
      <c r="K2742">
        <v>1099.0219999999999</v>
      </c>
      <c r="L2742">
        <v>1118.9839999999999</v>
      </c>
      <c r="M2742">
        <v>1111.144</v>
      </c>
      <c r="P2742">
        <v>0</v>
      </c>
      <c r="Q2742">
        <v>0</v>
      </c>
      <c r="S2742">
        <v>0</v>
      </c>
    </row>
    <row r="2743" spans="1:19" x14ac:dyDescent="0.3">
      <c r="A2743">
        <v>73.450000003973642</v>
      </c>
      <c r="B2743">
        <v>896.39</v>
      </c>
      <c r="C2743">
        <v>988.20699999999999</v>
      </c>
      <c r="D2743">
        <v>976.59199999999998</v>
      </c>
      <c r="E2743">
        <v>1018.35</v>
      </c>
      <c r="F2743">
        <v>1037.595</v>
      </c>
      <c r="G2743">
        <v>1066.3630000000001</v>
      </c>
      <c r="H2743">
        <v>1078.8109999999999</v>
      </c>
      <c r="I2743">
        <v>1087.039</v>
      </c>
      <c r="J2743">
        <v>1098.3810000000001</v>
      </c>
      <c r="K2743">
        <v>1097.4970000000001</v>
      </c>
      <c r="L2743">
        <v>1119.587</v>
      </c>
      <c r="M2743">
        <v>1109.385</v>
      </c>
      <c r="P2743">
        <v>0</v>
      </c>
      <c r="Q2743">
        <v>0</v>
      </c>
      <c r="S2743">
        <v>0</v>
      </c>
    </row>
    <row r="2744" spans="1:19" x14ac:dyDescent="0.3">
      <c r="A2744">
        <v>73.483333334621662</v>
      </c>
      <c r="B2744">
        <v>895.23500000000001</v>
      </c>
      <c r="C2744">
        <v>988.88</v>
      </c>
      <c r="D2744">
        <v>975.70299999999997</v>
      </c>
      <c r="E2744">
        <v>1019.982</v>
      </c>
      <c r="F2744">
        <v>1039.252</v>
      </c>
      <c r="G2744">
        <v>1065.3610000000001</v>
      </c>
      <c r="H2744">
        <v>1079.482</v>
      </c>
      <c r="I2744">
        <v>1089.585</v>
      </c>
      <c r="J2744">
        <v>1100.5999999999999</v>
      </c>
      <c r="K2744">
        <v>1098.569</v>
      </c>
      <c r="L2744">
        <v>1116.7719999999999</v>
      </c>
      <c r="M2744">
        <v>1109.46</v>
      </c>
      <c r="P2744">
        <v>0</v>
      </c>
      <c r="Q2744">
        <v>0</v>
      </c>
      <c r="S2744">
        <v>0</v>
      </c>
    </row>
    <row r="2745" spans="1:19" x14ac:dyDescent="0.3">
      <c r="A2745">
        <v>73.516666665269682</v>
      </c>
      <c r="B2745">
        <v>893.40499999999997</v>
      </c>
      <c r="C2745">
        <v>989.69899999999996</v>
      </c>
      <c r="D2745">
        <v>978.22400000000005</v>
      </c>
      <c r="E2745">
        <v>1020.917</v>
      </c>
      <c r="F2745">
        <v>1039.528</v>
      </c>
      <c r="G2745">
        <v>1064.489</v>
      </c>
      <c r="H2745">
        <v>1080.134</v>
      </c>
      <c r="I2745">
        <v>1090.0899999999999</v>
      </c>
      <c r="J2745">
        <v>1099.81</v>
      </c>
      <c r="K2745">
        <v>1096.7829999999999</v>
      </c>
      <c r="L2745">
        <v>1118.1130000000001</v>
      </c>
      <c r="M2745">
        <v>1109.5930000000001</v>
      </c>
      <c r="P2745">
        <v>0</v>
      </c>
      <c r="Q2745">
        <v>0</v>
      </c>
      <c r="S2745">
        <v>0</v>
      </c>
    </row>
    <row r="2746" spans="1:19" x14ac:dyDescent="0.3">
      <c r="A2746">
        <v>73.533333335832381</v>
      </c>
      <c r="B2746">
        <v>884.07100000000003</v>
      </c>
      <c r="C2746">
        <v>988.11500000000001</v>
      </c>
      <c r="D2746">
        <v>977.96900000000005</v>
      </c>
      <c r="E2746">
        <v>1018.441</v>
      </c>
      <c r="F2746">
        <v>1036.8579999999999</v>
      </c>
      <c r="G2746">
        <v>1060.924</v>
      </c>
      <c r="H2746">
        <v>1077.095</v>
      </c>
      <c r="I2746">
        <v>1085.7650000000001</v>
      </c>
      <c r="J2746">
        <v>1096.2550000000001</v>
      </c>
      <c r="K2746">
        <v>1097.9480000000001</v>
      </c>
      <c r="L2746">
        <v>1118.396</v>
      </c>
      <c r="M2746">
        <v>1109.894</v>
      </c>
      <c r="P2746">
        <v>0</v>
      </c>
      <c r="Q2746">
        <v>0</v>
      </c>
      <c r="S2746">
        <v>0</v>
      </c>
    </row>
    <row r="2747" spans="1:19" x14ac:dyDescent="0.3">
      <c r="A2747">
        <v>73.566666666480401</v>
      </c>
      <c r="B2747">
        <v>884.47900000000004</v>
      </c>
      <c r="C2747">
        <v>989.13499999999999</v>
      </c>
      <c r="D2747">
        <v>976.93600000000004</v>
      </c>
      <c r="E2747">
        <v>1016.13</v>
      </c>
      <c r="F2747">
        <v>1033.912</v>
      </c>
      <c r="G2747">
        <v>1057.751</v>
      </c>
      <c r="H2747">
        <v>1077.2639999999999</v>
      </c>
      <c r="I2747">
        <v>1083.163</v>
      </c>
      <c r="J2747">
        <v>1093.854</v>
      </c>
      <c r="K2747">
        <v>1093.048</v>
      </c>
      <c r="L2747">
        <v>1115.374</v>
      </c>
      <c r="M2747">
        <v>1111.557</v>
      </c>
      <c r="P2747">
        <v>0</v>
      </c>
      <c r="Q2747">
        <v>0</v>
      </c>
      <c r="S2747">
        <v>0</v>
      </c>
    </row>
    <row r="2748" spans="1:19" x14ac:dyDescent="0.3">
      <c r="A2748">
        <v>73.583333337043101</v>
      </c>
      <c r="B2748">
        <v>894.4</v>
      </c>
      <c r="C2748">
        <v>989.00699999999995</v>
      </c>
      <c r="D2748">
        <v>978.55</v>
      </c>
      <c r="E2748">
        <v>1016.992</v>
      </c>
      <c r="F2748">
        <v>1035.0170000000001</v>
      </c>
      <c r="G2748">
        <v>1057.6400000000001</v>
      </c>
      <c r="H2748">
        <v>1078.4010000000001</v>
      </c>
      <c r="I2748">
        <v>1089.3599999999999</v>
      </c>
      <c r="J2748">
        <v>1096.3879999999999</v>
      </c>
      <c r="K2748">
        <v>1095.673</v>
      </c>
      <c r="L2748">
        <v>1117.8869999999999</v>
      </c>
      <c r="M2748">
        <v>1115.1469999999999</v>
      </c>
      <c r="P2748">
        <v>0</v>
      </c>
      <c r="Q2748">
        <v>0</v>
      </c>
      <c r="S2748">
        <v>0</v>
      </c>
    </row>
    <row r="2749" spans="1:19" x14ac:dyDescent="0.3">
      <c r="A2749">
        <v>73.616666667691121</v>
      </c>
      <c r="B2749">
        <v>903.26800000000003</v>
      </c>
      <c r="C2749">
        <v>992.74099999999999</v>
      </c>
      <c r="D2749">
        <v>983.08600000000001</v>
      </c>
      <c r="E2749">
        <v>1021.341</v>
      </c>
      <c r="F2749">
        <v>1039.787</v>
      </c>
      <c r="G2749">
        <v>1063.117</v>
      </c>
      <c r="H2749">
        <v>1084.925</v>
      </c>
      <c r="I2749">
        <v>1091.309</v>
      </c>
      <c r="J2749">
        <v>1099.7739999999999</v>
      </c>
      <c r="K2749">
        <v>1099.0029999999999</v>
      </c>
      <c r="L2749">
        <v>1118.9459999999999</v>
      </c>
      <c r="M2749">
        <v>1115.375</v>
      </c>
      <c r="P2749">
        <v>0</v>
      </c>
      <c r="Q2749">
        <v>0</v>
      </c>
      <c r="S2749">
        <v>0</v>
      </c>
    </row>
    <row r="2750" spans="1:19" x14ac:dyDescent="0.3">
      <c r="A2750">
        <v>73.64999999833914</v>
      </c>
      <c r="B2750">
        <v>906.57299999999998</v>
      </c>
      <c r="C2750">
        <v>994.56100000000004</v>
      </c>
      <c r="D2750">
        <v>986.47900000000004</v>
      </c>
      <c r="E2750">
        <v>1024.0360000000001</v>
      </c>
      <c r="F2750">
        <v>1041.9680000000001</v>
      </c>
      <c r="G2750">
        <v>1067.498</v>
      </c>
      <c r="H2750">
        <v>1086.6099999999999</v>
      </c>
      <c r="I2750">
        <v>1092.9570000000001</v>
      </c>
      <c r="J2750">
        <v>1099.3040000000001</v>
      </c>
      <c r="K2750">
        <v>1096.07</v>
      </c>
      <c r="L2750">
        <v>1114.7329999999999</v>
      </c>
      <c r="M2750">
        <v>1110.3879999999999</v>
      </c>
      <c r="P2750">
        <v>0</v>
      </c>
      <c r="Q2750">
        <v>0</v>
      </c>
      <c r="S2750">
        <v>0</v>
      </c>
    </row>
    <row r="2751" spans="1:19" x14ac:dyDescent="0.3">
      <c r="A2751">
        <v>73.66666666890184</v>
      </c>
      <c r="B2751">
        <v>902.94600000000003</v>
      </c>
      <c r="C2751">
        <v>994.48599999999999</v>
      </c>
      <c r="D2751">
        <v>987.80600000000004</v>
      </c>
      <c r="E2751">
        <v>1022.953</v>
      </c>
      <c r="F2751">
        <v>1043.075</v>
      </c>
      <c r="G2751">
        <v>1067.4770000000001</v>
      </c>
      <c r="H2751">
        <v>1088.462</v>
      </c>
      <c r="I2751">
        <v>1090.259</v>
      </c>
      <c r="J2751">
        <v>1098.588</v>
      </c>
      <c r="K2751">
        <v>1096.425</v>
      </c>
      <c r="L2751">
        <v>1115.242</v>
      </c>
      <c r="M2751">
        <v>1113.126</v>
      </c>
      <c r="P2751">
        <v>0</v>
      </c>
      <c r="Q2751">
        <v>0</v>
      </c>
      <c r="S2751">
        <v>0</v>
      </c>
    </row>
    <row r="2752" spans="1:19" x14ac:dyDescent="0.3">
      <c r="A2752">
        <v>73.69999999954986</v>
      </c>
      <c r="B2752">
        <v>903.73</v>
      </c>
      <c r="C2752">
        <v>994.01499999999999</v>
      </c>
      <c r="D2752">
        <v>985.20799999999997</v>
      </c>
      <c r="E2752">
        <v>1021.506</v>
      </c>
      <c r="F2752">
        <v>1043.6679999999999</v>
      </c>
      <c r="G2752">
        <v>1067.181</v>
      </c>
      <c r="H2752">
        <v>1086.9280000000001</v>
      </c>
      <c r="I2752">
        <v>1088.856</v>
      </c>
      <c r="J2752">
        <v>1101.5419999999999</v>
      </c>
      <c r="K2752">
        <v>1098.684</v>
      </c>
      <c r="L2752">
        <v>1119.8720000000001</v>
      </c>
      <c r="M2752">
        <v>1113.713</v>
      </c>
      <c r="P2752">
        <v>0</v>
      </c>
      <c r="Q2752">
        <v>0</v>
      </c>
      <c r="S2752">
        <v>0</v>
      </c>
    </row>
    <row r="2753" spans="1:19" x14ac:dyDescent="0.3">
      <c r="A2753">
        <v>73.716666670112559</v>
      </c>
      <c r="B2753">
        <v>920.44500000000005</v>
      </c>
      <c r="C2753">
        <v>995.45299999999997</v>
      </c>
      <c r="D2753">
        <v>987.57100000000003</v>
      </c>
      <c r="E2753">
        <v>1025.2470000000001</v>
      </c>
      <c r="F2753">
        <v>1045.1659999999999</v>
      </c>
      <c r="G2753">
        <v>1070.3679999999999</v>
      </c>
      <c r="H2753">
        <v>1087.7139999999999</v>
      </c>
      <c r="I2753">
        <v>1094.173</v>
      </c>
      <c r="J2753">
        <v>1109.009</v>
      </c>
      <c r="K2753">
        <v>1105.472</v>
      </c>
      <c r="L2753">
        <v>1121.9690000000001</v>
      </c>
      <c r="M2753">
        <v>1112.5039999999999</v>
      </c>
      <c r="P2753">
        <v>0</v>
      </c>
      <c r="Q2753">
        <v>0</v>
      </c>
      <c r="S2753">
        <v>0</v>
      </c>
    </row>
    <row r="2754" spans="1:19" x14ac:dyDescent="0.3">
      <c r="A2754">
        <v>73.750000000760579</v>
      </c>
      <c r="B2754">
        <v>916.98199999999997</v>
      </c>
      <c r="C2754">
        <v>993.75800000000004</v>
      </c>
      <c r="D2754">
        <v>990.154</v>
      </c>
      <c r="E2754">
        <v>1029.972</v>
      </c>
      <c r="F2754">
        <v>1047.4190000000001</v>
      </c>
      <c r="G2754">
        <v>1073.5920000000001</v>
      </c>
      <c r="H2754">
        <v>1091.8130000000001</v>
      </c>
      <c r="I2754">
        <v>1097.6479999999999</v>
      </c>
      <c r="J2754">
        <v>1106.8620000000001</v>
      </c>
      <c r="K2754">
        <v>1101.1079999999999</v>
      </c>
      <c r="L2754">
        <v>1117.2629999999999</v>
      </c>
      <c r="M2754">
        <v>1109.498</v>
      </c>
      <c r="P2754">
        <v>0</v>
      </c>
      <c r="Q2754">
        <v>0</v>
      </c>
      <c r="S2754">
        <v>0</v>
      </c>
    </row>
    <row r="2755" spans="1:19" x14ac:dyDescent="0.3">
      <c r="A2755">
        <v>73.783333331408599</v>
      </c>
      <c r="B2755">
        <v>918.16099999999994</v>
      </c>
      <c r="C2755">
        <v>991.53899999999999</v>
      </c>
      <c r="D2755">
        <v>988.06299999999999</v>
      </c>
      <c r="E2755">
        <v>1031.152</v>
      </c>
      <c r="F2755">
        <v>1047.68</v>
      </c>
      <c r="G2755">
        <v>1073.3879999999999</v>
      </c>
      <c r="H2755">
        <v>1087.415</v>
      </c>
      <c r="I2755">
        <v>1090.354</v>
      </c>
      <c r="J2755">
        <v>1100.6020000000001</v>
      </c>
      <c r="K2755">
        <v>1097.2729999999999</v>
      </c>
      <c r="L2755">
        <v>1113.0329999999999</v>
      </c>
      <c r="M2755">
        <v>1106.864</v>
      </c>
      <c r="P2755">
        <v>0</v>
      </c>
      <c r="Q2755">
        <v>0</v>
      </c>
      <c r="S2755">
        <v>0</v>
      </c>
    </row>
    <row r="2756" spans="1:19" x14ac:dyDescent="0.3">
      <c r="A2756">
        <v>73.800000001971299</v>
      </c>
      <c r="B2756">
        <v>922.36</v>
      </c>
      <c r="C2756">
        <v>993.61500000000001</v>
      </c>
      <c r="D2756">
        <v>989.64700000000005</v>
      </c>
      <c r="E2756">
        <v>1028.4280000000001</v>
      </c>
      <c r="F2756">
        <v>1045.018</v>
      </c>
      <c r="G2756">
        <v>1069.046</v>
      </c>
      <c r="H2756">
        <v>1085.2249999999999</v>
      </c>
      <c r="I2756">
        <v>1085.8800000000001</v>
      </c>
      <c r="J2756">
        <v>1095.92</v>
      </c>
      <c r="K2756">
        <v>1093.163</v>
      </c>
      <c r="L2756">
        <v>1109.425</v>
      </c>
      <c r="M2756">
        <v>1104.326</v>
      </c>
      <c r="P2756">
        <v>0</v>
      </c>
      <c r="Q2756">
        <v>0</v>
      </c>
      <c r="S2756">
        <v>0</v>
      </c>
    </row>
    <row r="2757" spans="1:19" x14ac:dyDescent="0.3">
      <c r="A2757">
        <v>73.833333332619318</v>
      </c>
      <c r="B2757">
        <v>922.71699999999998</v>
      </c>
      <c r="C2757">
        <v>994.92600000000004</v>
      </c>
      <c r="D2757">
        <v>988.31799999999998</v>
      </c>
      <c r="E2757">
        <v>1027.1759999999999</v>
      </c>
      <c r="F2757">
        <v>1041.617</v>
      </c>
      <c r="G2757">
        <v>1064.3240000000001</v>
      </c>
      <c r="H2757">
        <v>1078.2539999999999</v>
      </c>
      <c r="I2757">
        <v>1081.6489999999999</v>
      </c>
      <c r="J2757">
        <v>1094.961</v>
      </c>
      <c r="K2757">
        <v>1095.4690000000001</v>
      </c>
      <c r="L2757">
        <v>1114.961</v>
      </c>
      <c r="M2757">
        <v>1110.4069999999999</v>
      </c>
      <c r="P2757">
        <v>0</v>
      </c>
      <c r="Q2757">
        <v>0</v>
      </c>
      <c r="S2757">
        <v>0</v>
      </c>
    </row>
    <row r="2758" spans="1:19" x14ac:dyDescent="0.3">
      <c r="A2758">
        <v>73.850000003182018</v>
      </c>
      <c r="B2758">
        <v>905.649</v>
      </c>
      <c r="C2758">
        <v>994.36099999999999</v>
      </c>
      <c r="D2758">
        <v>988.75400000000002</v>
      </c>
      <c r="E2758">
        <v>1030.213</v>
      </c>
      <c r="F2758">
        <v>1042.559</v>
      </c>
      <c r="G2758">
        <v>1069.325</v>
      </c>
      <c r="H2758">
        <v>1081.798</v>
      </c>
      <c r="I2758">
        <v>1092.432</v>
      </c>
      <c r="J2758">
        <v>1099.605</v>
      </c>
      <c r="K2758">
        <v>1097.029</v>
      </c>
      <c r="L2758">
        <v>1118.134</v>
      </c>
      <c r="M2758">
        <v>1112.3340000000001</v>
      </c>
      <c r="P2758">
        <v>0</v>
      </c>
      <c r="Q2758">
        <v>0</v>
      </c>
      <c r="S2758">
        <v>0</v>
      </c>
    </row>
    <row r="2759" spans="1:19" x14ac:dyDescent="0.3">
      <c r="A2759">
        <v>73.883333333830038</v>
      </c>
      <c r="B2759">
        <v>898.70100000000002</v>
      </c>
      <c r="C2759">
        <v>992.10400000000004</v>
      </c>
      <c r="D2759">
        <v>984.55499999999995</v>
      </c>
      <c r="E2759">
        <v>1027.194</v>
      </c>
      <c r="F2759">
        <v>1044.5740000000001</v>
      </c>
      <c r="G2759">
        <v>1073.0899999999999</v>
      </c>
      <c r="H2759">
        <v>1086.9280000000001</v>
      </c>
      <c r="I2759">
        <v>1095.731</v>
      </c>
      <c r="J2759">
        <v>1102.3689999999999</v>
      </c>
      <c r="K2759">
        <v>1096.4829999999999</v>
      </c>
      <c r="L2759">
        <v>1114.6579999999999</v>
      </c>
      <c r="M2759">
        <v>1108.3869999999999</v>
      </c>
      <c r="P2759">
        <v>0</v>
      </c>
      <c r="Q2759">
        <v>0</v>
      </c>
      <c r="S2759">
        <v>0</v>
      </c>
    </row>
    <row r="2760" spans="1:19" x14ac:dyDescent="0.3">
      <c r="A2760">
        <v>73.916666664478058</v>
      </c>
      <c r="B2760">
        <v>904.56500000000005</v>
      </c>
      <c r="C2760">
        <v>986.44299999999998</v>
      </c>
      <c r="D2760">
        <v>982.97699999999998</v>
      </c>
      <c r="E2760">
        <v>1024.4949999999999</v>
      </c>
      <c r="F2760">
        <v>1043.9829999999999</v>
      </c>
      <c r="G2760">
        <v>1069.306</v>
      </c>
      <c r="H2760">
        <v>1082.6030000000001</v>
      </c>
      <c r="I2760">
        <v>1089.886</v>
      </c>
      <c r="J2760">
        <v>1099.06</v>
      </c>
      <c r="K2760">
        <v>1096.4459999999999</v>
      </c>
      <c r="L2760">
        <v>1113.883</v>
      </c>
      <c r="M2760">
        <v>1107.296</v>
      </c>
      <c r="P2760">
        <v>0</v>
      </c>
      <c r="Q2760">
        <v>0</v>
      </c>
      <c r="S2760">
        <v>0</v>
      </c>
    </row>
    <row r="2761" spans="1:19" x14ac:dyDescent="0.3">
      <c r="A2761">
        <v>73.933333335040757</v>
      </c>
      <c r="B2761">
        <v>901.04499999999996</v>
      </c>
      <c r="C2761">
        <v>986.077</v>
      </c>
      <c r="D2761">
        <v>983.48299999999995</v>
      </c>
      <c r="E2761">
        <v>1030.3589999999999</v>
      </c>
      <c r="F2761">
        <v>1044.683</v>
      </c>
      <c r="G2761">
        <v>1070.8889999999999</v>
      </c>
      <c r="H2761">
        <v>1081.4780000000001</v>
      </c>
      <c r="I2761">
        <v>1091.307</v>
      </c>
      <c r="J2761">
        <v>1102.2739999999999</v>
      </c>
      <c r="K2761">
        <v>1096.8579999999999</v>
      </c>
      <c r="L2761">
        <v>1114.1079999999999</v>
      </c>
      <c r="M2761">
        <v>1107.953</v>
      </c>
      <c r="P2761">
        <v>0</v>
      </c>
      <c r="Q2761">
        <v>0</v>
      </c>
      <c r="S2761">
        <v>0</v>
      </c>
    </row>
    <row r="2762" spans="1:19" x14ac:dyDescent="0.3">
      <c r="A2762">
        <v>73.966666665688777</v>
      </c>
      <c r="B2762">
        <v>898.15099999999995</v>
      </c>
      <c r="C2762">
        <v>982.95899999999995</v>
      </c>
      <c r="D2762">
        <v>978.98699999999997</v>
      </c>
      <c r="E2762">
        <v>1028.704</v>
      </c>
      <c r="F2762">
        <v>1044.075</v>
      </c>
      <c r="G2762">
        <v>1069.194</v>
      </c>
      <c r="H2762">
        <v>1082.454</v>
      </c>
      <c r="I2762">
        <v>1094.173</v>
      </c>
      <c r="J2762">
        <v>1103.9490000000001</v>
      </c>
      <c r="K2762">
        <v>1099.8119999999999</v>
      </c>
      <c r="L2762">
        <v>1116.6790000000001</v>
      </c>
      <c r="M2762">
        <v>1109.009</v>
      </c>
      <c r="P2762">
        <v>0</v>
      </c>
      <c r="Q2762">
        <v>0</v>
      </c>
      <c r="S2762">
        <v>0</v>
      </c>
    </row>
    <row r="2763" spans="1:19" x14ac:dyDescent="0.3">
      <c r="A2763">
        <v>73.999999996336797</v>
      </c>
      <c r="B2763">
        <v>892.98199999999997</v>
      </c>
      <c r="C2763">
        <v>981.85299999999995</v>
      </c>
      <c r="D2763">
        <v>981.58100000000002</v>
      </c>
      <c r="E2763">
        <v>1030.3610000000001</v>
      </c>
      <c r="F2763">
        <v>1046.239</v>
      </c>
      <c r="G2763">
        <v>1069.307</v>
      </c>
      <c r="H2763">
        <v>1080.6769999999999</v>
      </c>
      <c r="I2763">
        <v>1091.8530000000001</v>
      </c>
      <c r="J2763">
        <v>1103.1969999999999</v>
      </c>
      <c r="K2763">
        <v>1100.001</v>
      </c>
      <c r="L2763">
        <v>1119.646</v>
      </c>
      <c r="M2763">
        <v>1111.9380000000001</v>
      </c>
      <c r="P2763">
        <v>0</v>
      </c>
      <c r="Q2763">
        <v>0</v>
      </c>
      <c r="S2763">
        <v>0</v>
      </c>
    </row>
    <row r="2764" spans="1:19" x14ac:dyDescent="0.3">
      <c r="A2764">
        <v>74.016666666899496</v>
      </c>
      <c r="B2764">
        <v>892.57399999999996</v>
      </c>
      <c r="C2764">
        <v>987.60799999999995</v>
      </c>
      <c r="D2764">
        <v>981.07299999999998</v>
      </c>
      <c r="E2764">
        <v>1026.5129999999999</v>
      </c>
      <c r="F2764">
        <v>1045.6099999999999</v>
      </c>
      <c r="G2764">
        <v>1069.6610000000001</v>
      </c>
      <c r="H2764">
        <v>1080.6959999999999</v>
      </c>
      <c r="I2764">
        <v>1091.778</v>
      </c>
      <c r="J2764">
        <v>1104.645</v>
      </c>
      <c r="K2764">
        <v>1103.1780000000001</v>
      </c>
      <c r="L2764">
        <v>1122.5550000000001</v>
      </c>
      <c r="M2764">
        <v>1111.654</v>
      </c>
      <c r="P2764">
        <v>0</v>
      </c>
      <c r="Q2764">
        <v>0</v>
      </c>
      <c r="S2764">
        <v>0</v>
      </c>
    </row>
    <row r="2765" spans="1:19" x14ac:dyDescent="0.3">
      <c r="A2765">
        <v>74.049999997547516</v>
      </c>
      <c r="B2765">
        <v>894.45500000000004</v>
      </c>
      <c r="C2765">
        <v>989.68299999999999</v>
      </c>
      <c r="D2765">
        <v>984.31899999999996</v>
      </c>
      <c r="E2765">
        <v>1023.67</v>
      </c>
      <c r="F2765">
        <v>1045.184</v>
      </c>
      <c r="G2765">
        <v>1070.8340000000001</v>
      </c>
      <c r="H2765">
        <v>1081.2550000000001</v>
      </c>
      <c r="I2765">
        <v>1090.953</v>
      </c>
      <c r="J2765">
        <v>1103.6289999999999</v>
      </c>
      <c r="K2765">
        <v>1099.3979999999999</v>
      </c>
      <c r="L2765">
        <v>1118.3979999999999</v>
      </c>
      <c r="M2765">
        <v>1110.8979999999999</v>
      </c>
      <c r="P2765">
        <v>0</v>
      </c>
      <c r="Q2765">
        <v>0</v>
      </c>
      <c r="S2765">
        <v>0</v>
      </c>
    </row>
    <row r="2766" spans="1:19" x14ac:dyDescent="0.3">
      <c r="A2766">
        <v>74.066666668110216</v>
      </c>
      <c r="B2766">
        <v>896.39200000000005</v>
      </c>
      <c r="C2766">
        <v>987.42600000000004</v>
      </c>
      <c r="D2766">
        <v>982.524</v>
      </c>
      <c r="E2766">
        <v>1021.2859999999999</v>
      </c>
      <c r="F2766">
        <v>1042.9480000000001</v>
      </c>
      <c r="G2766">
        <v>1069.9960000000001</v>
      </c>
      <c r="H2766">
        <v>1082.7349999999999</v>
      </c>
      <c r="I2766">
        <v>1093.6500000000001</v>
      </c>
      <c r="J2766">
        <v>1105.586</v>
      </c>
      <c r="K2766">
        <v>1100.828</v>
      </c>
      <c r="L2766">
        <v>1118.5119999999999</v>
      </c>
      <c r="M2766">
        <v>1113.9970000000001</v>
      </c>
      <c r="P2766">
        <v>0</v>
      </c>
      <c r="Q2766">
        <v>0</v>
      </c>
      <c r="S2766">
        <v>0</v>
      </c>
    </row>
    <row r="2767" spans="1:19" x14ac:dyDescent="0.3">
      <c r="A2767">
        <v>74.099999998758236</v>
      </c>
      <c r="B2767">
        <v>890.255</v>
      </c>
      <c r="C2767">
        <v>979.55100000000004</v>
      </c>
      <c r="D2767">
        <v>982.25300000000004</v>
      </c>
      <c r="E2767">
        <v>1020.4059999999999</v>
      </c>
      <c r="F2767">
        <v>1044.1320000000001</v>
      </c>
      <c r="G2767">
        <v>1073.52</v>
      </c>
      <c r="H2767">
        <v>1090.2429999999999</v>
      </c>
      <c r="I2767">
        <v>1098.6659999999999</v>
      </c>
      <c r="J2767">
        <v>1110.8420000000001</v>
      </c>
      <c r="K2767">
        <v>1105.229</v>
      </c>
      <c r="L2767">
        <v>1123.4670000000001</v>
      </c>
      <c r="M2767">
        <v>1113.6389999999999</v>
      </c>
      <c r="P2767">
        <v>0</v>
      </c>
      <c r="Q2767">
        <v>0</v>
      </c>
      <c r="S2767">
        <v>0</v>
      </c>
    </row>
    <row r="2768" spans="1:19" x14ac:dyDescent="0.3">
      <c r="A2768">
        <v>74.133333339883634</v>
      </c>
      <c r="B2768">
        <v>886.428</v>
      </c>
      <c r="C2768">
        <v>978.38900000000001</v>
      </c>
      <c r="D2768">
        <v>979.36800000000005</v>
      </c>
      <c r="E2768">
        <v>1018.718</v>
      </c>
      <c r="F2768">
        <v>1043.4469999999999</v>
      </c>
      <c r="G2768">
        <v>1074.8240000000001</v>
      </c>
      <c r="H2768">
        <v>1092.6379999999999</v>
      </c>
      <c r="I2768">
        <v>1098.8150000000001</v>
      </c>
      <c r="J2768">
        <v>1109.1410000000001</v>
      </c>
      <c r="K2768">
        <v>1104.0050000000001</v>
      </c>
      <c r="L2768">
        <v>1123.731</v>
      </c>
      <c r="M2768">
        <v>1115.2239999999999</v>
      </c>
      <c r="P2768">
        <v>0</v>
      </c>
      <c r="Q2768">
        <v>0</v>
      </c>
      <c r="S2768">
        <v>0</v>
      </c>
    </row>
    <row r="2769" spans="1:19" x14ac:dyDescent="0.3">
      <c r="A2769">
        <v>74.149999999968955</v>
      </c>
      <c r="B2769">
        <v>883.38199999999995</v>
      </c>
      <c r="C2769">
        <v>980.42</v>
      </c>
      <c r="D2769">
        <v>977.84500000000003</v>
      </c>
      <c r="E2769">
        <v>1019.8</v>
      </c>
      <c r="F2769">
        <v>1045.998</v>
      </c>
      <c r="G2769">
        <v>1075.4760000000001</v>
      </c>
      <c r="H2769">
        <v>1094.2860000000001</v>
      </c>
      <c r="I2769">
        <v>1095.4870000000001</v>
      </c>
      <c r="J2769">
        <v>1108.2180000000001</v>
      </c>
      <c r="K2769">
        <v>1105.3779999999999</v>
      </c>
      <c r="L2769">
        <v>1125.174</v>
      </c>
      <c r="M2769">
        <v>1114.0340000000001</v>
      </c>
      <c r="P2769">
        <v>0</v>
      </c>
      <c r="Q2769">
        <v>0</v>
      </c>
      <c r="S2769">
        <v>0</v>
      </c>
    </row>
    <row r="2770" spans="1:19" x14ac:dyDescent="0.3">
      <c r="A2770">
        <v>74.183333330616975</v>
      </c>
      <c r="B2770">
        <v>880.726</v>
      </c>
      <c r="C2770">
        <v>983.17700000000002</v>
      </c>
      <c r="D2770">
        <v>980.71100000000001</v>
      </c>
      <c r="E2770">
        <v>1023.505</v>
      </c>
      <c r="F2770">
        <v>1046.0170000000001</v>
      </c>
      <c r="G2770">
        <v>1077.452</v>
      </c>
      <c r="H2770">
        <v>1089.269</v>
      </c>
      <c r="I2770">
        <v>1092.864</v>
      </c>
      <c r="J2770">
        <v>1103.009</v>
      </c>
      <c r="K2770">
        <v>1098.5709999999999</v>
      </c>
      <c r="L2770">
        <v>1118.645</v>
      </c>
      <c r="M2770">
        <v>1111.4649999999999</v>
      </c>
      <c r="P2770">
        <v>0</v>
      </c>
      <c r="Q2770">
        <v>0</v>
      </c>
      <c r="S2770">
        <v>0</v>
      </c>
    </row>
    <row r="2771" spans="1:19" x14ac:dyDescent="0.3">
      <c r="A2771">
        <v>74.200000001179674</v>
      </c>
      <c r="B2771">
        <v>885.98699999999997</v>
      </c>
      <c r="C2771">
        <v>984.61099999999999</v>
      </c>
      <c r="D2771">
        <v>981.43700000000001</v>
      </c>
      <c r="E2771">
        <v>1023.0839999999999</v>
      </c>
      <c r="F2771">
        <v>1043.577</v>
      </c>
      <c r="G2771">
        <v>1071.19</v>
      </c>
      <c r="H2771">
        <v>1083.8030000000001</v>
      </c>
      <c r="I2771">
        <v>1087.0039999999999</v>
      </c>
      <c r="J2771">
        <v>1096.71</v>
      </c>
      <c r="K2771">
        <v>1093.501</v>
      </c>
      <c r="L2771">
        <v>1112.354</v>
      </c>
      <c r="M2771">
        <v>1107.0340000000001</v>
      </c>
      <c r="P2771">
        <v>0</v>
      </c>
      <c r="Q2771">
        <v>0</v>
      </c>
      <c r="S2771">
        <v>0</v>
      </c>
    </row>
    <row r="2772" spans="1:19" x14ac:dyDescent="0.3">
      <c r="A2772">
        <v>74.233333331827694</v>
      </c>
      <c r="B2772">
        <v>893.904</v>
      </c>
      <c r="C2772">
        <v>988.46400000000006</v>
      </c>
      <c r="D2772">
        <v>983.97500000000002</v>
      </c>
      <c r="E2772">
        <v>1026.33</v>
      </c>
      <c r="F2772">
        <v>1043.355</v>
      </c>
      <c r="G2772">
        <v>1068.076</v>
      </c>
      <c r="H2772">
        <v>1084.4010000000001</v>
      </c>
      <c r="I2772">
        <v>1089.7370000000001</v>
      </c>
      <c r="J2772">
        <v>1100.9970000000001</v>
      </c>
      <c r="K2772">
        <v>1097.424</v>
      </c>
      <c r="L2772">
        <v>1114.1859999999999</v>
      </c>
      <c r="M2772">
        <v>1106.319</v>
      </c>
      <c r="P2772">
        <v>0</v>
      </c>
      <c r="Q2772">
        <v>0</v>
      </c>
      <c r="S2772">
        <v>0</v>
      </c>
    </row>
    <row r="2773" spans="1:19" x14ac:dyDescent="0.3">
      <c r="A2773">
        <v>74.266666672953093</v>
      </c>
      <c r="B2773">
        <v>896.16200000000003</v>
      </c>
      <c r="C2773">
        <v>991.65</v>
      </c>
      <c r="D2773">
        <v>983.34199999999998</v>
      </c>
      <c r="E2773">
        <v>1026.7719999999999</v>
      </c>
      <c r="F2773">
        <v>1043.2270000000001</v>
      </c>
      <c r="G2773">
        <v>1070.9670000000001</v>
      </c>
      <c r="H2773">
        <v>1082.4179999999999</v>
      </c>
      <c r="I2773">
        <v>1089.645</v>
      </c>
      <c r="J2773">
        <v>1099.268</v>
      </c>
      <c r="K2773">
        <v>1093.951</v>
      </c>
      <c r="L2773">
        <v>1112.0899999999999</v>
      </c>
      <c r="M2773">
        <v>1107.6179999999999</v>
      </c>
      <c r="P2773">
        <v>0</v>
      </c>
      <c r="Q2773">
        <v>0</v>
      </c>
      <c r="S2773">
        <v>0</v>
      </c>
    </row>
    <row r="2774" spans="1:19" x14ac:dyDescent="0.3">
      <c r="A2774">
        <v>74.283333333038414</v>
      </c>
      <c r="B2774">
        <v>888.34199999999998</v>
      </c>
      <c r="C2774">
        <v>992.505</v>
      </c>
      <c r="D2774">
        <v>982.39800000000002</v>
      </c>
      <c r="E2774">
        <v>1025.6880000000001</v>
      </c>
      <c r="F2774">
        <v>1044.76</v>
      </c>
      <c r="G2774">
        <v>1070.9290000000001</v>
      </c>
      <c r="H2774">
        <v>1081.069</v>
      </c>
      <c r="I2774">
        <v>1087.3969999999999</v>
      </c>
      <c r="J2774">
        <v>1096.8040000000001</v>
      </c>
      <c r="K2774">
        <v>1095.1869999999999</v>
      </c>
      <c r="L2774">
        <v>1112.883</v>
      </c>
      <c r="M2774">
        <v>1107.9559999999999</v>
      </c>
      <c r="P2774">
        <v>0</v>
      </c>
      <c r="Q2774">
        <v>0</v>
      </c>
      <c r="S2774">
        <v>0</v>
      </c>
    </row>
    <row r="2775" spans="1:19" x14ac:dyDescent="0.3">
      <c r="A2775">
        <v>74.316666663686433</v>
      </c>
      <c r="B2775">
        <v>893.76300000000003</v>
      </c>
      <c r="C2775">
        <v>986.899</v>
      </c>
      <c r="D2775">
        <v>976.23199999999997</v>
      </c>
      <c r="E2775">
        <v>1019.893</v>
      </c>
      <c r="F2775">
        <v>1043.577</v>
      </c>
      <c r="G2775">
        <v>1071.376</v>
      </c>
      <c r="H2775">
        <v>1081.556</v>
      </c>
      <c r="I2775">
        <v>1088.165</v>
      </c>
      <c r="J2775">
        <v>1097.1990000000001</v>
      </c>
      <c r="K2775">
        <v>1094.212</v>
      </c>
      <c r="L2775">
        <v>1114.451</v>
      </c>
      <c r="M2775">
        <v>1108.2560000000001</v>
      </c>
      <c r="P2775">
        <v>0</v>
      </c>
      <c r="Q2775">
        <v>0</v>
      </c>
      <c r="S2775">
        <v>0</v>
      </c>
    </row>
    <row r="2776" spans="1:19" x14ac:dyDescent="0.3">
      <c r="A2776">
        <v>74.333333334249133</v>
      </c>
      <c r="B2776">
        <v>889.83100000000002</v>
      </c>
      <c r="C2776">
        <v>987.62800000000004</v>
      </c>
      <c r="D2776">
        <v>977.42899999999997</v>
      </c>
      <c r="E2776">
        <v>1025.0650000000001</v>
      </c>
      <c r="F2776">
        <v>1043.3009999999999</v>
      </c>
      <c r="G2776">
        <v>1069.4939999999999</v>
      </c>
      <c r="H2776">
        <v>1079.1690000000001</v>
      </c>
      <c r="I2776">
        <v>1087.0419999999999</v>
      </c>
      <c r="J2776">
        <v>1097.482</v>
      </c>
      <c r="K2776">
        <v>1093.2950000000001</v>
      </c>
      <c r="L2776">
        <v>1113.1289999999999</v>
      </c>
      <c r="M2776">
        <v>1108.144</v>
      </c>
      <c r="P2776">
        <v>0</v>
      </c>
      <c r="Q2776">
        <v>0</v>
      </c>
      <c r="S2776">
        <v>0</v>
      </c>
    </row>
    <row r="2777" spans="1:19" x14ac:dyDescent="0.3">
      <c r="A2777">
        <v>74.366666664897153</v>
      </c>
      <c r="B2777">
        <v>879.15499999999997</v>
      </c>
      <c r="C2777">
        <v>988.55600000000004</v>
      </c>
      <c r="D2777">
        <v>976.88499999999999</v>
      </c>
      <c r="E2777">
        <v>1022.314</v>
      </c>
      <c r="F2777">
        <v>1040.971</v>
      </c>
      <c r="G2777">
        <v>1068.2639999999999</v>
      </c>
      <c r="H2777">
        <v>1075.925</v>
      </c>
      <c r="I2777">
        <v>1087.3040000000001</v>
      </c>
      <c r="J2777">
        <v>1100.528</v>
      </c>
      <c r="K2777">
        <v>1098.385</v>
      </c>
      <c r="L2777">
        <v>1114.527</v>
      </c>
      <c r="M2777">
        <v>1107.1479999999999</v>
      </c>
      <c r="P2777">
        <v>0</v>
      </c>
      <c r="Q2777">
        <v>0</v>
      </c>
      <c r="S2777">
        <v>0</v>
      </c>
    </row>
    <row r="2778" spans="1:19" x14ac:dyDescent="0.3">
      <c r="A2778">
        <v>74.400000006022552</v>
      </c>
      <c r="B2778">
        <v>889.17499999999995</v>
      </c>
      <c r="C2778">
        <v>990.52099999999996</v>
      </c>
      <c r="D2778">
        <v>979.65899999999999</v>
      </c>
      <c r="E2778">
        <v>1024.038</v>
      </c>
      <c r="F2778">
        <v>1040.971</v>
      </c>
      <c r="G2778">
        <v>1067.3689999999999</v>
      </c>
      <c r="H2778">
        <v>1075.999</v>
      </c>
      <c r="I2778">
        <v>1093.0329999999999</v>
      </c>
      <c r="J2778">
        <v>1100.96</v>
      </c>
      <c r="K2778">
        <v>1095.2249999999999</v>
      </c>
      <c r="L2778">
        <v>1112.1079999999999</v>
      </c>
      <c r="M2778">
        <v>1104.665</v>
      </c>
      <c r="P2778">
        <v>0</v>
      </c>
      <c r="Q2778">
        <v>0</v>
      </c>
      <c r="S2778">
        <v>0</v>
      </c>
    </row>
    <row r="2779" spans="1:19" x14ac:dyDescent="0.3">
      <c r="A2779">
        <v>74.416666666107872</v>
      </c>
      <c r="B2779">
        <v>906.30700000000002</v>
      </c>
      <c r="C2779">
        <v>986.04300000000001</v>
      </c>
      <c r="D2779">
        <v>978.82500000000005</v>
      </c>
      <c r="E2779">
        <v>1018.316</v>
      </c>
      <c r="F2779">
        <v>1037.1189999999999</v>
      </c>
      <c r="G2779">
        <v>1067.127</v>
      </c>
      <c r="H2779">
        <v>1074.713</v>
      </c>
      <c r="I2779">
        <v>1091.778</v>
      </c>
      <c r="J2779">
        <v>1100.3579999999999</v>
      </c>
      <c r="K2779">
        <v>1093.3320000000001</v>
      </c>
      <c r="L2779">
        <v>1109.9169999999999</v>
      </c>
      <c r="M2779">
        <v>1103.7239999999999</v>
      </c>
      <c r="P2779">
        <v>0</v>
      </c>
      <c r="Q2779">
        <v>0</v>
      </c>
      <c r="S2779">
        <v>0</v>
      </c>
    </row>
    <row r="2780" spans="1:19" x14ac:dyDescent="0.3">
      <c r="A2780">
        <v>74.449999996755892</v>
      </c>
      <c r="B2780">
        <v>912.58199999999999</v>
      </c>
      <c r="C2780">
        <v>988.35500000000002</v>
      </c>
      <c r="D2780">
        <v>981.76300000000003</v>
      </c>
      <c r="E2780">
        <v>1020.37</v>
      </c>
      <c r="F2780">
        <v>1035.3699999999999</v>
      </c>
      <c r="G2780">
        <v>1063.174</v>
      </c>
      <c r="H2780">
        <v>1074.2280000000001</v>
      </c>
      <c r="I2780">
        <v>1091.6099999999999</v>
      </c>
      <c r="J2780">
        <v>1100.001</v>
      </c>
      <c r="K2780">
        <v>1098.0640000000001</v>
      </c>
      <c r="L2780">
        <v>1111.768</v>
      </c>
      <c r="M2780">
        <v>1106.32</v>
      </c>
      <c r="P2780">
        <v>0</v>
      </c>
      <c r="Q2780">
        <v>0</v>
      </c>
      <c r="S2780">
        <v>0</v>
      </c>
    </row>
    <row r="2781" spans="1:19" x14ac:dyDescent="0.3">
      <c r="A2781">
        <v>74.466666667318592</v>
      </c>
      <c r="B2781">
        <v>905.61699999999996</v>
      </c>
      <c r="C2781">
        <v>988.50300000000004</v>
      </c>
      <c r="D2781">
        <v>977.721</v>
      </c>
      <c r="E2781">
        <v>1019.749</v>
      </c>
      <c r="F2781">
        <v>1035.961</v>
      </c>
      <c r="G2781">
        <v>1062.229</v>
      </c>
      <c r="H2781">
        <v>1076.691</v>
      </c>
      <c r="I2781">
        <v>1087.8869999999999</v>
      </c>
      <c r="J2781">
        <v>1095.114</v>
      </c>
      <c r="K2781">
        <v>1088.991</v>
      </c>
      <c r="L2781">
        <v>1110.165</v>
      </c>
      <c r="M2781">
        <v>1106.961</v>
      </c>
      <c r="P2781">
        <v>0</v>
      </c>
      <c r="Q2781">
        <v>0</v>
      </c>
      <c r="S2781">
        <v>0</v>
      </c>
    </row>
    <row r="2782" spans="1:19" x14ac:dyDescent="0.3">
      <c r="A2782">
        <v>74.499999997966611</v>
      </c>
      <c r="B2782">
        <v>908.48099999999999</v>
      </c>
      <c r="C2782">
        <v>991.81299999999999</v>
      </c>
      <c r="D2782">
        <v>974.76199999999994</v>
      </c>
      <c r="E2782">
        <v>1013.345</v>
      </c>
      <c r="F2782">
        <v>1031.963</v>
      </c>
      <c r="G2782">
        <v>1058.143</v>
      </c>
      <c r="H2782">
        <v>1072.0650000000001</v>
      </c>
      <c r="I2782">
        <v>1083.203</v>
      </c>
      <c r="J2782">
        <v>1092.92</v>
      </c>
      <c r="K2782">
        <v>1090.617</v>
      </c>
      <c r="L2782">
        <v>1112.75</v>
      </c>
      <c r="M2782">
        <v>1108.3689999999999</v>
      </c>
      <c r="P2782">
        <v>0</v>
      </c>
      <c r="Q2782">
        <v>0</v>
      </c>
      <c r="S2782">
        <v>0</v>
      </c>
    </row>
    <row r="2783" spans="1:19" x14ac:dyDescent="0.3">
      <c r="A2783">
        <v>74.53333333909201</v>
      </c>
      <c r="B2783">
        <v>900.46199999999999</v>
      </c>
      <c r="C2783">
        <v>992.06799999999998</v>
      </c>
      <c r="D2783">
        <v>979.20600000000002</v>
      </c>
      <c r="E2783">
        <v>1015.51</v>
      </c>
      <c r="F2783">
        <v>1029.902</v>
      </c>
      <c r="G2783">
        <v>1055.23</v>
      </c>
      <c r="H2783">
        <v>1071.3579999999999</v>
      </c>
      <c r="I2783">
        <v>1080.3979999999999</v>
      </c>
      <c r="J2783">
        <v>1091.6289999999999</v>
      </c>
      <c r="K2783">
        <v>1089.4939999999999</v>
      </c>
      <c r="L2783">
        <v>1115.2260000000001</v>
      </c>
      <c r="M2783">
        <v>1111.22</v>
      </c>
      <c r="P2783">
        <v>0</v>
      </c>
      <c r="Q2783">
        <v>0</v>
      </c>
      <c r="S2783">
        <v>0</v>
      </c>
    </row>
    <row r="2784" spans="1:19" x14ac:dyDescent="0.3">
      <c r="A2784">
        <v>74.549999999177331</v>
      </c>
      <c r="B2784">
        <v>904.42499999999995</v>
      </c>
      <c r="C2784">
        <v>992.10500000000002</v>
      </c>
      <c r="D2784">
        <v>978.82600000000002</v>
      </c>
      <c r="E2784">
        <v>1016.684</v>
      </c>
      <c r="F2784">
        <v>1032.498</v>
      </c>
      <c r="G2784">
        <v>1056.808</v>
      </c>
      <c r="H2784">
        <v>1073.4829999999999</v>
      </c>
      <c r="I2784">
        <v>1081.6690000000001</v>
      </c>
      <c r="J2784">
        <v>1096.3910000000001</v>
      </c>
      <c r="K2784">
        <v>1095.902</v>
      </c>
      <c r="L2784">
        <v>1116.8320000000001</v>
      </c>
      <c r="M2784">
        <v>1108.7840000000001</v>
      </c>
      <c r="P2784">
        <v>0</v>
      </c>
      <c r="Q2784">
        <v>0</v>
      </c>
      <c r="S2784">
        <v>0</v>
      </c>
    </row>
    <row r="2785" spans="1:19" x14ac:dyDescent="0.3">
      <c r="A2785">
        <v>74.583333329825351</v>
      </c>
      <c r="B2785">
        <v>894.29600000000005</v>
      </c>
      <c r="C2785">
        <v>992.25</v>
      </c>
      <c r="D2785">
        <v>981.32799999999997</v>
      </c>
      <c r="E2785">
        <v>1018.187</v>
      </c>
      <c r="F2785">
        <v>1033.4369999999999</v>
      </c>
      <c r="G2785">
        <v>1057.94</v>
      </c>
      <c r="H2785">
        <v>1075.8309999999999</v>
      </c>
      <c r="I2785">
        <v>1087.079</v>
      </c>
      <c r="J2785">
        <v>1096.4280000000001</v>
      </c>
      <c r="K2785">
        <v>1093.3140000000001</v>
      </c>
      <c r="L2785">
        <v>1113.6949999999999</v>
      </c>
      <c r="M2785">
        <v>1109.671</v>
      </c>
      <c r="P2785">
        <v>0</v>
      </c>
      <c r="Q2785">
        <v>0</v>
      </c>
      <c r="S2785">
        <v>0</v>
      </c>
    </row>
    <row r="2786" spans="1:19" x14ac:dyDescent="0.3">
      <c r="A2786">
        <v>74.60000000038805</v>
      </c>
      <c r="B2786">
        <v>893.03599999999994</v>
      </c>
      <c r="C2786">
        <v>990.54</v>
      </c>
      <c r="D2786">
        <v>980.476</v>
      </c>
      <c r="E2786">
        <v>1015.951</v>
      </c>
      <c r="F2786">
        <v>1035.021</v>
      </c>
      <c r="G2786">
        <v>1060.3720000000001</v>
      </c>
      <c r="H2786">
        <v>1077.7329999999999</v>
      </c>
      <c r="I2786">
        <v>1090.019</v>
      </c>
      <c r="J2786">
        <v>1099.287</v>
      </c>
      <c r="K2786">
        <v>1098.479</v>
      </c>
      <c r="L2786">
        <v>1114.6220000000001</v>
      </c>
      <c r="M2786">
        <v>1109.7280000000001</v>
      </c>
      <c r="P2786">
        <v>0</v>
      </c>
      <c r="Q2786">
        <v>0</v>
      </c>
      <c r="S2786">
        <v>0</v>
      </c>
    </row>
    <row r="2787" spans="1:19" x14ac:dyDescent="0.3">
      <c r="A2787">
        <v>74.63333333103607</v>
      </c>
      <c r="B2787">
        <v>906.96699999999998</v>
      </c>
      <c r="C2787">
        <v>993.78</v>
      </c>
      <c r="D2787">
        <v>981.09299999999996</v>
      </c>
      <c r="E2787">
        <v>1018.206</v>
      </c>
      <c r="F2787">
        <v>1038.5550000000001</v>
      </c>
      <c r="G2787">
        <v>1062.2829999999999</v>
      </c>
      <c r="H2787">
        <v>1077.9570000000001</v>
      </c>
      <c r="I2787">
        <v>1088.3530000000001</v>
      </c>
      <c r="J2787">
        <v>1098.328</v>
      </c>
      <c r="K2787">
        <v>1096.8430000000001</v>
      </c>
      <c r="L2787">
        <v>1114.5840000000001</v>
      </c>
      <c r="M2787">
        <v>1108.3699999999999</v>
      </c>
      <c r="P2787">
        <v>0</v>
      </c>
      <c r="Q2787">
        <v>0</v>
      </c>
      <c r="S2787">
        <v>0</v>
      </c>
    </row>
    <row r="2788" spans="1:19" x14ac:dyDescent="0.3">
      <c r="A2788">
        <v>74.666666672161469</v>
      </c>
      <c r="B2788">
        <v>904.904</v>
      </c>
      <c r="C2788">
        <v>993.74300000000005</v>
      </c>
      <c r="D2788">
        <v>980.56600000000003</v>
      </c>
      <c r="E2788">
        <v>1018.096</v>
      </c>
      <c r="F2788">
        <v>1038.3889999999999</v>
      </c>
      <c r="G2788">
        <v>1062.5609999999999</v>
      </c>
      <c r="H2788">
        <v>1076.838</v>
      </c>
      <c r="I2788">
        <v>1090.1679999999999</v>
      </c>
      <c r="J2788">
        <v>1100.847</v>
      </c>
      <c r="K2788">
        <v>1096.56</v>
      </c>
      <c r="L2788">
        <v>1115.396</v>
      </c>
      <c r="M2788">
        <v>1111.5419999999999</v>
      </c>
      <c r="P2788">
        <v>0</v>
      </c>
      <c r="Q2788">
        <v>0</v>
      </c>
      <c r="S2788">
        <v>0</v>
      </c>
    </row>
    <row r="2789" spans="1:19" x14ac:dyDescent="0.3">
      <c r="A2789">
        <v>74.683333332246789</v>
      </c>
      <c r="B2789">
        <v>904.85</v>
      </c>
      <c r="C2789">
        <v>992.34100000000001</v>
      </c>
      <c r="D2789">
        <v>980.98299999999995</v>
      </c>
      <c r="E2789">
        <v>1016.519</v>
      </c>
      <c r="F2789">
        <v>1037.2840000000001</v>
      </c>
      <c r="G2789">
        <v>1061.1320000000001</v>
      </c>
      <c r="H2789">
        <v>1077.6400000000001</v>
      </c>
      <c r="I2789">
        <v>1090.711</v>
      </c>
      <c r="J2789">
        <v>1102.9349999999999</v>
      </c>
      <c r="K2789">
        <v>1099.9449999999999</v>
      </c>
      <c r="L2789">
        <v>1118.3810000000001</v>
      </c>
      <c r="M2789">
        <v>1114.5640000000001</v>
      </c>
      <c r="P2789">
        <v>0</v>
      </c>
      <c r="Q2789">
        <v>0</v>
      </c>
      <c r="S2789">
        <v>0</v>
      </c>
    </row>
    <row r="2790" spans="1:19" x14ac:dyDescent="0.3">
      <c r="A2790">
        <v>74.716666673372188</v>
      </c>
      <c r="B2790">
        <v>904.14</v>
      </c>
      <c r="C2790">
        <v>993.59799999999996</v>
      </c>
      <c r="D2790">
        <v>978.572</v>
      </c>
      <c r="E2790">
        <v>1014.924</v>
      </c>
      <c r="F2790">
        <v>1037.211</v>
      </c>
      <c r="G2790">
        <v>1062.5060000000001</v>
      </c>
      <c r="H2790">
        <v>1077.174</v>
      </c>
      <c r="I2790">
        <v>1090.057</v>
      </c>
      <c r="J2790">
        <v>1103.481</v>
      </c>
      <c r="K2790">
        <v>1097.7449999999999</v>
      </c>
      <c r="L2790">
        <v>1121.952</v>
      </c>
      <c r="M2790">
        <v>1114.471</v>
      </c>
      <c r="P2790">
        <v>0</v>
      </c>
      <c r="Q2790">
        <v>0</v>
      </c>
      <c r="S2790">
        <v>0</v>
      </c>
    </row>
    <row r="2791" spans="1:19" x14ac:dyDescent="0.3">
      <c r="A2791">
        <v>74.750000004020208</v>
      </c>
      <c r="B2791">
        <v>912.798</v>
      </c>
      <c r="C2791">
        <v>992.63499999999999</v>
      </c>
      <c r="D2791">
        <v>979.00900000000001</v>
      </c>
      <c r="E2791">
        <v>1016.117</v>
      </c>
      <c r="F2791">
        <v>1035.74</v>
      </c>
      <c r="G2791">
        <v>1062.972</v>
      </c>
      <c r="H2791">
        <v>1079.1890000000001</v>
      </c>
      <c r="I2791">
        <v>1094.7570000000001</v>
      </c>
      <c r="J2791">
        <v>1107.018</v>
      </c>
      <c r="K2791">
        <v>1100.2860000000001</v>
      </c>
      <c r="L2791">
        <v>1118.383</v>
      </c>
      <c r="M2791">
        <v>1113.6980000000001</v>
      </c>
      <c r="P2791">
        <v>0</v>
      </c>
      <c r="Q2791">
        <v>0</v>
      </c>
      <c r="S2791">
        <v>0</v>
      </c>
    </row>
    <row r="2792" spans="1:19" x14ac:dyDescent="0.3">
      <c r="A2792">
        <v>74.766666664105529</v>
      </c>
      <c r="B2792">
        <v>913.56200000000001</v>
      </c>
      <c r="C2792">
        <v>992.505</v>
      </c>
      <c r="D2792">
        <v>979.31500000000005</v>
      </c>
      <c r="E2792">
        <v>1018.444</v>
      </c>
      <c r="F2792">
        <v>1038.279</v>
      </c>
      <c r="G2792">
        <v>1068.45</v>
      </c>
      <c r="H2792">
        <v>1081.8</v>
      </c>
      <c r="I2792">
        <v>1092.134</v>
      </c>
      <c r="J2792">
        <v>1102.596</v>
      </c>
      <c r="K2792">
        <v>1096.673</v>
      </c>
      <c r="L2792">
        <v>1117.4359999999999</v>
      </c>
      <c r="M2792">
        <v>1112.4110000000001</v>
      </c>
      <c r="P2792">
        <v>0</v>
      </c>
      <c r="Q2792">
        <v>0</v>
      </c>
      <c r="S2792">
        <v>0</v>
      </c>
    </row>
    <row r="2793" spans="1:19" x14ac:dyDescent="0.3">
      <c r="A2793">
        <v>74.800000005230928</v>
      </c>
      <c r="B2793">
        <v>910.40800000000002</v>
      </c>
      <c r="C2793">
        <v>994.16200000000003</v>
      </c>
      <c r="D2793">
        <v>979.31500000000005</v>
      </c>
      <c r="E2793">
        <v>1020.407</v>
      </c>
      <c r="F2793">
        <v>1037.414</v>
      </c>
      <c r="G2793">
        <v>1066.7750000000001</v>
      </c>
      <c r="H2793">
        <v>1079.7650000000001</v>
      </c>
      <c r="I2793">
        <v>1091.779</v>
      </c>
      <c r="J2793">
        <v>1099.9269999999999</v>
      </c>
      <c r="K2793">
        <v>1095.827</v>
      </c>
      <c r="L2793">
        <v>1116.3789999999999</v>
      </c>
      <c r="M2793">
        <v>1111.202</v>
      </c>
      <c r="P2793">
        <v>0</v>
      </c>
      <c r="Q2793">
        <v>0</v>
      </c>
      <c r="S2793">
        <v>0</v>
      </c>
    </row>
    <row r="2794" spans="1:19" x14ac:dyDescent="0.3">
      <c r="A2794">
        <v>74.816666665316248</v>
      </c>
      <c r="B2794">
        <v>909.44399999999996</v>
      </c>
      <c r="C2794">
        <v>991.48599999999999</v>
      </c>
      <c r="D2794">
        <v>978.77099999999996</v>
      </c>
      <c r="E2794">
        <v>1022.699</v>
      </c>
      <c r="F2794">
        <v>1035.701</v>
      </c>
      <c r="G2794">
        <v>1061.7070000000001</v>
      </c>
      <c r="H2794">
        <v>1076.6890000000001</v>
      </c>
      <c r="I2794">
        <v>1088.259</v>
      </c>
      <c r="J2794">
        <v>1097.7449999999999</v>
      </c>
      <c r="K2794">
        <v>1095.2059999999999</v>
      </c>
      <c r="L2794">
        <v>1110.616</v>
      </c>
      <c r="M2794">
        <v>1105.4359999999999</v>
      </c>
      <c r="P2794">
        <v>0</v>
      </c>
      <c r="Q2794">
        <v>0</v>
      </c>
      <c r="S2794">
        <v>0</v>
      </c>
    </row>
    <row r="2795" spans="1:19" x14ac:dyDescent="0.3">
      <c r="A2795">
        <v>74.850000006441647</v>
      </c>
      <c r="B2795">
        <v>899.85699999999997</v>
      </c>
      <c r="C2795">
        <v>993.14200000000005</v>
      </c>
      <c r="D2795">
        <v>981.01900000000001</v>
      </c>
      <c r="E2795">
        <v>1020.4059999999999</v>
      </c>
      <c r="F2795">
        <v>1035.664</v>
      </c>
      <c r="G2795">
        <v>1062.3009999999999</v>
      </c>
      <c r="H2795">
        <v>1077.117</v>
      </c>
      <c r="I2795">
        <v>1087.846</v>
      </c>
      <c r="J2795">
        <v>1098.308</v>
      </c>
      <c r="K2795">
        <v>1093.519</v>
      </c>
      <c r="L2795">
        <v>1108.181</v>
      </c>
      <c r="M2795">
        <v>1104.1189999999999</v>
      </c>
      <c r="P2795">
        <v>0</v>
      </c>
      <c r="Q2795">
        <v>0</v>
      </c>
      <c r="S2795">
        <v>0</v>
      </c>
    </row>
    <row r="2796" spans="1:19" x14ac:dyDescent="0.3">
      <c r="A2796">
        <v>74.883333337089667</v>
      </c>
      <c r="B2796">
        <v>896.87300000000005</v>
      </c>
      <c r="C2796">
        <v>994.56299999999999</v>
      </c>
      <c r="D2796">
        <v>981.72699999999998</v>
      </c>
      <c r="E2796">
        <v>1021.067</v>
      </c>
      <c r="F2796">
        <v>1035.039</v>
      </c>
      <c r="G2796">
        <v>1063.1559999999999</v>
      </c>
      <c r="H2796">
        <v>1077.3610000000001</v>
      </c>
      <c r="I2796">
        <v>1088.596</v>
      </c>
      <c r="J2796">
        <v>1101.318</v>
      </c>
      <c r="K2796">
        <v>1096.636</v>
      </c>
      <c r="L2796">
        <v>1113.5260000000001</v>
      </c>
      <c r="M2796">
        <v>1106.3009999999999</v>
      </c>
      <c r="P2796">
        <v>0</v>
      </c>
      <c r="Q2796">
        <v>0</v>
      </c>
      <c r="S2796">
        <v>0</v>
      </c>
    </row>
    <row r="2797" spans="1:19" x14ac:dyDescent="0.3">
      <c r="A2797">
        <v>74.899999997174987</v>
      </c>
      <c r="B2797">
        <v>900.375</v>
      </c>
      <c r="C2797">
        <v>994.947</v>
      </c>
      <c r="D2797">
        <v>978.24699999999996</v>
      </c>
      <c r="E2797">
        <v>1016.961</v>
      </c>
      <c r="F2797">
        <v>1036.201</v>
      </c>
      <c r="G2797">
        <v>1067.1669999999999</v>
      </c>
      <c r="H2797">
        <v>1080.3630000000001</v>
      </c>
      <c r="I2797">
        <v>1093.3720000000001</v>
      </c>
      <c r="J2797">
        <v>1105.0809999999999</v>
      </c>
      <c r="K2797">
        <v>1093.7090000000001</v>
      </c>
      <c r="L2797">
        <v>1112.5070000000001</v>
      </c>
      <c r="M2797">
        <v>1107.2809999999999</v>
      </c>
      <c r="P2797">
        <v>0</v>
      </c>
      <c r="Q2797">
        <v>0</v>
      </c>
      <c r="S2797">
        <v>0</v>
      </c>
    </row>
    <row r="2798" spans="1:19" x14ac:dyDescent="0.3">
      <c r="A2798">
        <v>74.933333338300386</v>
      </c>
      <c r="B2798">
        <v>899.89400000000001</v>
      </c>
      <c r="C2798">
        <v>992.39700000000005</v>
      </c>
      <c r="D2798">
        <v>975.053</v>
      </c>
      <c r="E2798">
        <v>1013.456</v>
      </c>
      <c r="F2798">
        <v>1034.5050000000001</v>
      </c>
      <c r="G2798">
        <v>1063.508</v>
      </c>
      <c r="H2798">
        <v>1078.6469999999999</v>
      </c>
      <c r="I2798">
        <v>1087.473</v>
      </c>
      <c r="J2798">
        <v>1100.115</v>
      </c>
      <c r="K2798">
        <v>1095.5450000000001</v>
      </c>
      <c r="L2798">
        <v>1111.259</v>
      </c>
      <c r="M2798">
        <v>1106.809</v>
      </c>
      <c r="P2798">
        <v>0</v>
      </c>
      <c r="Q2798">
        <v>0</v>
      </c>
      <c r="S2798">
        <v>0</v>
      </c>
    </row>
    <row r="2799" spans="1:19" x14ac:dyDescent="0.3">
      <c r="A2799">
        <v>74.949999998385707</v>
      </c>
      <c r="B2799">
        <v>897.81399999999996</v>
      </c>
      <c r="C2799">
        <v>992.08699999999999</v>
      </c>
      <c r="D2799">
        <v>971.66499999999996</v>
      </c>
      <c r="E2799">
        <v>1010.6950000000001</v>
      </c>
      <c r="F2799">
        <v>1033.0309999999999</v>
      </c>
      <c r="G2799">
        <v>1059.3689999999999</v>
      </c>
      <c r="H2799">
        <v>1075.6079999999999</v>
      </c>
      <c r="I2799">
        <v>1084.364</v>
      </c>
      <c r="J2799">
        <v>1100.058</v>
      </c>
      <c r="K2799">
        <v>1097.3689999999999</v>
      </c>
      <c r="L2799">
        <v>1118.23</v>
      </c>
      <c r="M2799">
        <v>1111.258</v>
      </c>
      <c r="P2799">
        <v>0</v>
      </c>
      <c r="Q2799">
        <v>0</v>
      </c>
      <c r="S2799">
        <v>0</v>
      </c>
    </row>
    <row r="2800" spans="1:19" x14ac:dyDescent="0.3">
      <c r="A2800">
        <v>74.983333339511105</v>
      </c>
      <c r="B2800">
        <v>899.25599999999997</v>
      </c>
      <c r="C2800">
        <v>990.66899999999998</v>
      </c>
      <c r="D2800">
        <v>972.01099999999997</v>
      </c>
      <c r="E2800">
        <v>1013.146</v>
      </c>
      <c r="F2800">
        <v>1031.7080000000001</v>
      </c>
      <c r="G2800">
        <v>1056.29</v>
      </c>
      <c r="H2800">
        <v>1072.5719999999999</v>
      </c>
      <c r="I2800">
        <v>1085.6769999999999</v>
      </c>
      <c r="J2800">
        <v>1102.5419999999999</v>
      </c>
      <c r="K2800">
        <v>1096.1489999999999</v>
      </c>
      <c r="L2800">
        <v>1115.3789999999999</v>
      </c>
      <c r="M2800">
        <v>1109.163</v>
      </c>
      <c r="P2800">
        <v>0</v>
      </c>
      <c r="Q2800">
        <v>0</v>
      </c>
      <c r="S2800">
        <v>0</v>
      </c>
    </row>
    <row r="2801" spans="1:19" x14ac:dyDescent="0.3">
      <c r="A2801">
        <v>75.016666670159125</v>
      </c>
      <c r="B2801">
        <v>905.13499999999999</v>
      </c>
      <c r="C2801">
        <v>991.45</v>
      </c>
      <c r="D2801">
        <v>971.82799999999997</v>
      </c>
      <c r="E2801">
        <v>1009.508</v>
      </c>
      <c r="F2801">
        <v>1028.9259999999999</v>
      </c>
      <c r="G2801">
        <v>1053.098</v>
      </c>
      <c r="H2801">
        <v>1071.9549999999999</v>
      </c>
      <c r="I2801">
        <v>1084.346</v>
      </c>
      <c r="J2801">
        <v>1098.5160000000001</v>
      </c>
      <c r="K2801">
        <v>1098.5540000000001</v>
      </c>
      <c r="L2801">
        <v>1119.9680000000001</v>
      </c>
      <c r="M2801">
        <v>1112.0519999999999</v>
      </c>
      <c r="P2801">
        <v>0</v>
      </c>
      <c r="Q2801">
        <v>0</v>
      </c>
      <c r="S2801">
        <v>0</v>
      </c>
    </row>
    <row r="2802" spans="1:19" x14ac:dyDescent="0.3">
      <c r="A2802">
        <v>75.033333330244446</v>
      </c>
      <c r="B2802">
        <v>899.91099999999994</v>
      </c>
      <c r="C2802">
        <v>983.36</v>
      </c>
      <c r="D2802">
        <v>974.90800000000002</v>
      </c>
      <c r="E2802">
        <v>1013.475</v>
      </c>
      <c r="F2802">
        <v>1033.4559999999999</v>
      </c>
      <c r="G2802">
        <v>1057.105</v>
      </c>
      <c r="H2802">
        <v>1073.8</v>
      </c>
      <c r="I2802">
        <v>1092.06</v>
      </c>
      <c r="J2802">
        <v>1104.9100000000001</v>
      </c>
      <c r="K2802">
        <v>1106.2449999999999</v>
      </c>
      <c r="L2802">
        <v>1126.3340000000001</v>
      </c>
      <c r="M2802">
        <v>1117.8710000000001</v>
      </c>
      <c r="P2802">
        <v>0</v>
      </c>
      <c r="Q2802">
        <v>0</v>
      </c>
      <c r="S2802">
        <v>0</v>
      </c>
    </row>
    <row r="2803" spans="1:19" x14ac:dyDescent="0.3">
      <c r="A2803">
        <v>75.066666671369845</v>
      </c>
      <c r="B2803">
        <v>898.03</v>
      </c>
      <c r="C2803">
        <v>978.97199999999998</v>
      </c>
      <c r="D2803">
        <v>988.95799999999997</v>
      </c>
      <c r="E2803">
        <v>1020.7569999999999</v>
      </c>
      <c r="F2803">
        <v>1034.1199999999999</v>
      </c>
      <c r="G2803">
        <v>1057.7560000000001</v>
      </c>
      <c r="H2803">
        <v>1072.739</v>
      </c>
      <c r="I2803">
        <v>1085.6769999999999</v>
      </c>
      <c r="J2803">
        <v>1099.1569999999999</v>
      </c>
      <c r="K2803">
        <v>1099.0820000000001</v>
      </c>
      <c r="L2803">
        <v>1119.913</v>
      </c>
      <c r="M2803">
        <v>1113.8489999999999</v>
      </c>
      <c r="P2803">
        <v>0</v>
      </c>
      <c r="Q2803">
        <v>0</v>
      </c>
      <c r="S2803">
        <v>0</v>
      </c>
    </row>
    <row r="2804" spans="1:19" x14ac:dyDescent="0.3">
      <c r="A2804">
        <v>75.083333331455165</v>
      </c>
      <c r="B2804">
        <v>895.38</v>
      </c>
      <c r="C2804">
        <v>969.00900000000001</v>
      </c>
      <c r="D2804">
        <v>992.48800000000006</v>
      </c>
      <c r="E2804">
        <v>1022.663</v>
      </c>
      <c r="F2804">
        <v>1033.511</v>
      </c>
      <c r="G2804">
        <v>1056.9010000000001</v>
      </c>
      <c r="H2804">
        <v>1075.0119999999999</v>
      </c>
      <c r="I2804">
        <v>1081.0889999999999</v>
      </c>
      <c r="J2804">
        <v>1091.6289999999999</v>
      </c>
      <c r="K2804">
        <v>1091.1990000000001</v>
      </c>
      <c r="L2804">
        <v>1114.6780000000001</v>
      </c>
      <c r="M2804">
        <v>1113.394</v>
      </c>
      <c r="P2804">
        <v>0</v>
      </c>
      <c r="Q2804">
        <v>0</v>
      </c>
      <c r="S2804">
        <v>0</v>
      </c>
    </row>
    <row r="2805" spans="1:19" x14ac:dyDescent="0.3">
      <c r="A2805">
        <v>75.116666672580564</v>
      </c>
      <c r="B2805">
        <v>885.88300000000004</v>
      </c>
      <c r="C2805">
        <v>970.24</v>
      </c>
      <c r="D2805">
        <v>1000.228</v>
      </c>
      <c r="E2805">
        <v>1030.2539999999999</v>
      </c>
      <c r="F2805">
        <v>1043.653</v>
      </c>
      <c r="G2805">
        <v>1062.9349999999999</v>
      </c>
      <c r="H2805">
        <v>1080.662</v>
      </c>
      <c r="I2805">
        <v>1091.7249999999999</v>
      </c>
      <c r="J2805">
        <v>1096.5250000000001</v>
      </c>
      <c r="K2805">
        <v>1096.2239999999999</v>
      </c>
      <c r="L2805">
        <v>1122.4639999999999</v>
      </c>
      <c r="M2805">
        <v>1122.105</v>
      </c>
      <c r="P2805">
        <v>0</v>
      </c>
      <c r="Q2805">
        <v>0</v>
      </c>
      <c r="S2805">
        <v>0</v>
      </c>
    </row>
    <row r="2806" spans="1:19" x14ac:dyDescent="0.3">
      <c r="A2806">
        <v>75.150000003228584</v>
      </c>
      <c r="B2806">
        <v>889.81299999999999</v>
      </c>
      <c r="C2806">
        <v>977.70100000000002</v>
      </c>
      <c r="D2806">
        <v>998.78599999999994</v>
      </c>
      <c r="E2806">
        <v>1031.5039999999999</v>
      </c>
      <c r="F2806">
        <v>1047.904</v>
      </c>
      <c r="G2806">
        <v>1070.4259999999999</v>
      </c>
      <c r="H2806">
        <v>1087.2670000000001</v>
      </c>
      <c r="I2806">
        <v>1097.3130000000001</v>
      </c>
      <c r="J2806">
        <v>1105.06</v>
      </c>
      <c r="K2806">
        <v>1103.2360000000001</v>
      </c>
      <c r="L2806">
        <v>1126.144</v>
      </c>
      <c r="M2806">
        <v>1120.6859999999999</v>
      </c>
      <c r="P2806">
        <v>0</v>
      </c>
      <c r="Q2806">
        <v>0</v>
      </c>
      <c r="S2806">
        <v>0</v>
      </c>
    </row>
    <row r="2807" spans="1:19" x14ac:dyDescent="0.3">
      <c r="A2807">
        <v>75.166666663313904</v>
      </c>
      <c r="B2807">
        <v>883.048</v>
      </c>
      <c r="C2807">
        <v>980.005</v>
      </c>
      <c r="D2807">
        <v>993.10699999999997</v>
      </c>
      <c r="E2807">
        <v>1028.2639999999999</v>
      </c>
      <c r="F2807">
        <v>1045.463</v>
      </c>
      <c r="G2807">
        <v>1071.2840000000001</v>
      </c>
      <c r="H2807">
        <v>1091.5170000000001</v>
      </c>
      <c r="I2807">
        <v>1099.4749999999999</v>
      </c>
      <c r="J2807">
        <v>1107.749</v>
      </c>
      <c r="K2807">
        <v>1103.105</v>
      </c>
      <c r="L2807">
        <v>1121.1400000000001</v>
      </c>
      <c r="M2807">
        <v>1115.2639999999999</v>
      </c>
      <c r="P2807">
        <v>0</v>
      </c>
      <c r="Q2807">
        <v>0</v>
      </c>
      <c r="S2807">
        <v>0</v>
      </c>
    </row>
    <row r="2808" spans="1:19" x14ac:dyDescent="0.3">
      <c r="A2808">
        <v>75.200000004439303</v>
      </c>
      <c r="B2808">
        <v>876.73599999999999</v>
      </c>
      <c r="C2808">
        <v>985.101</v>
      </c>
      <c r="D2808">
        <v>993.05200000000002</v>
      </c>
      <c r="E2808">
        <v>1028.7049999999999</v>
      </c>
      <c r="F2808">
        <v>1047.2929999999999</v>
      </c>
      <c r="G2808">
        <v>1072.8679999999999</v>
      </c>
      <c r="H2808">
        <v>1086.125</v>
      </c>
      <c r="I2808">
        <v>1094.1010000000001</v>
      </c>
      <c r="J2808">
        <v>1105.117</v>
      </c>
      <c r="K2808">
        <v>1102.183</v>
      </c>
      <c r="L2808">
        <v>1120.5160000000001</v>
      </c>
      <c r="M2808">
        <v>1112.0899999999999</v>
      </c>
      <c r="P2808">
        <v>0</v>
      </c>
      <c r="Q2808">
        <v>0</v>
      </c>
      <c r="S2808">
        <v>0</v>
      </c>
    </row>
    <row r="2809" spans="1:19" x14ac:dyDescent="0.3">
      <c r="A2809">
        <v>75.216666664524624</v>
      </c>
      <c r="B2809">
        <v>875.90800000000002</v>
      </c>
      <c r="C2809">
        <v>986.31899999999996</v>
      </c>
      <c r="D2809">
        <v>991.779</v>
      </c>
      <c r="E2809">
        <v>1025.03</v>
      </c>
      <c r="F2809">
        <v>1040.4369999999999</v>
      </c>
      <c r="G2809">
        <v>1065.2550000000001</v>
      </c>
      <c r="H2809">
        <v>1077.1199999999999</v>
      </c>
      <c r="I2809">
        <v>1084.9469999999999</v>
      </c>
      <c r="J2809">
        <v>1097.183</v>
      </c>
      <c r="K2809">
        <v>1096.6559999999999</v>
      </c>
      <c r="L2809">
        <v>1118.402</v>
      </c>
      <c r="M2809">
        <v>1110.5239999999999</v>
      </c>
      <c r="P2809">
        <v>0</v>
      </c>
      <c r="Q2809">
        <v>0</v>
      </c>
      <c r="S2809">
        <v>0</v>
      </c>
    </row>
    <row r="2810" spans="1:19" x14ac:dyDescent="0.3">
      <c r="A2810">
        <v>75.250000005650023</v>
      </c>
      <c r="B2810">
        <v>875.48400000000004</v>
      </c>
      <c r="C2810">
        <v>985.91899999999998</v>
      </c>
      <c r="D2810">
        <v>986.33699999999999</v>
      </c>
      <c r="E2810">
        <v>1019.675</v>
      </c>
      <c r="F2810">
        <v>1035.998</v>
      </c>
      <c r="G2810">
        <v>1060.5029999999999</v>
      </c>
      <c r="H2810">
        <v>1073.7829999999999</v>
      </c>
      <c r="I2810">
        <v>1086.4639999999999</v>
      </c>
      <c r="J2810">
        <v>1102.3920000000001</v>
      </c>
      <c r="K2810">
        <v>1100.2670000000001</v>
      </c>
      <c r="L2810">
        <v>1119.5360000000001</v>
      </c>
      <c r="M2810">
        <v>1113.6410000000001</v>
      </c>
      <c r="P2810">
        <v>0</v>
      </c>
      <c r="Q2810">
        <v>0</v>
      </c>
      <c r="S2810">
        <v>0</v>
      </c>
    </row>
    <row r="2811" spans="1:19" x14ac:dyDescent="0.3">
      <c r="A2811">
        <v>75.283333336298043</v>
      </c>
      <c r="B2811">
        <v>883.70399999999995</v>
      </c>
      <c r="C2811">
        <v>986.04600000000005</v>
      </c>
      <c r="D2811">
        <v>983.97799999999995</v>
      </c>
      <c r="E2811">
        <v>1017.86</v>
      </c>
      <c r="F2811">
        <v>1036.55</v>
      </c>
      <c r="G2811">
        <v>1058.8879999999999</v>
      </c>
      <c r="H2811">
        <v>1070.4469999999999</v>
      </c>
      <c r="I2811">
        <v>1084.704</v>
      </c>
      <c r="J2811">
        <v>1099.0440000000001</v>
      </c>
      <c r="K2811">
        <v>1096.2429999999999</v>
      </c>
      <c r="L2811">
        <v>1117.5709999999999</v>
      </c>
      <c r="M2811">
        <v>1112.0160000000001</v>
      </c>
      <c r="P2811">
        <v>0</v>
      </c>
      <c r="Q2811">
        <v>0</v>
      </c>
      <c r="S2811">
        <v>0</v>
      </c>
    </row>
    <row r="2812" spans="1:19" x14ac:dyDescent="0.3">
      <c r="A2812">
        <v>75.299999996383363</v>
      </c>
      <c r="B2812">
        <v>885.22799999999995</v>
      </c>
      <c r="C2812">
        <v>987.375</v>
      </c>
      <c r="D2812">
        <v>981.11300000000006</v>
      </c>
      <c r="E2812">
        <v>1016.1</v>
      </c>
      <c r="F2812">
        <v>1036.5329999999999</v>
      </c>
      <c r="G2812">
        <v>1061.7850000000001</v>
      </c>
      <c r="H2812">
        <v>1071.3789999999999</v>
      </c>
      <c r="I2812">
        <v>1085.154</v>
      </c>
      <c r="J2812">
        <v>1102.768</v>
      </c>
      <c r="K2812">
        <v>1099.346</v>
      </c>
      <c r="L2812">
        <v>1118.289</v>
      </c>
      <c r="M2812">
        <v>1108.9000000000001</v>
      </c>
      <c r="P2812">
        <v>0</v>
      </c>
      <c r="Q2812">
        <v>0</v>
      </c>
      <c r="S2812">
        <v>0</v>
      </c>
    </row>
    <row r="2813" spans="1:19" x14ac:dyDescent="0.3">
      <c r="A2813">
        <v>75.333333337508762</v>
      </c>
      <c r="B2813">
        <v>886.678</v>
      </c>
      <c r="C2813">
        <v>985.3</v>
      </c>
      <c r="D2813">
        <v>979.76900000000001</v>
      </c>
      <c r="E2813">
        <v>1016.2809999999999</v>
      </c>
      <c r="F2813">
        <v>1042.0250000000001</v>
      </c>
      <c r="G2813">
        <v>1061.5409999999999</v>
      </c>
      <c r="H2813">
        <v>1072.1969999999999</v>
      </c>
      <c r="I2813">
        <v>1087.9970000000001</v>
      </c>
      <c r="J2813">
        <v>1105.079</v>
      </c>
      <c r="K2813">
        <v>1101.9570000000001</v>
      </c>
      <c r="L2813">
        <v>1120.8</v>
      </c>
      <c r="M2813">
        <v>1111.3720000000001</v>
      </c>
      <c r="P2813">
        <v>0</v>
      </c>
      <c r="Q2813">
        <v>0</v>
      </c>
      <c r="S2813">
        <v>0</v>
      </c>
    </row>
    <row r="2814" spans="1:19" x14ac:dyDescent="0.3">
      <c r="A2814">
        <v>75.349999997594082</v>
      </c>
      <c r="B2814">
        <v>896.21699999999998</v>
      </c>
      <c r="C2814">
        <v>982.92600000000004</v>
      </c>
      <c r="D2814">
        <v>975.52700000000004</v>
      </c>
      <c r="E2814">
        <v>1014.724</v>
      </c>
      <c r="F2814">
        <v>1036.164</v>
      </c>
      <c r="G2814">
        <v>1059.241</v>
      </c>
      <c r="H2814">
        <v>1068.2660000000001</v>
      </c>
      <c r="I2814">
        <v>1086.145</v>
      </c>
      <c r="J2814">
        <v>1103.877</v>
      </c>
      <c r="K2814">
        <v>1100.2860000000001</v>
      </c>
      <c r="L2814">
        <v>1117.4949999999999</v>
      </c>
      <c r="M2814">
        <v>1107.883</v>
      </c>
      <c r="P2814">
        <v>0</v>
      </c>
      <c r="Q2814">
        <v>0</v>
      </c>
      <c r="S2814">
        <v>0</v>
      </c>
    </row>
    <row r="2815" spans="1:19" x14ac:dyDescent="0.3">
      <c r="A2815">
        <v>75.383333338719481</v>
      </c>
      <c r="B2815">
        <v>896.12900000000002</v>
      </c>
      <c r="C2815">
        <v>979.84400000000005</v>
      </c>
      <c r="D2815">
        <v>973.44200000000001</v>
      </c>
      <c r="E2815">
        <v>1016.081</v>
      </c>
      <c r="F2815">
        <v>1032.6110000000001</v>
      </c>
      <c r="G2815">
        <v>1055.9749999999999</v>
      </c>
      <c r="H2815">
        <v>1065.441</v>
      </c>
      <c r="I2815">
        <v>1084.5730000000001</v>
      </c>
      <c r="J2815">
        <v>1097.616</v>
      </c>
      <c r="K2815">
        <v>1095.2650000000001</v>
      </c>
      <c r="L2815">
        <v>1114.8130000000001</v>
      </c>
      <c r="M2815">
        <v>1105.194</v>
      </c>
      <c r="P2815">
        <v>0</v>
      </c>
      <c r="Q2815">
        <v>0</v>
      </c>
      <c r="S2815">
        <v>0</v>
      </c>
    </row>
    <row r="2816" spans="1:19" x14ac:dyDescent="0.3">
      <c r="A2816">
        <v>75.416666669367501</v>
      </c>
      <c r="B2816">
        <v>872.07799999999997</v>
      </c>
      <c r="C2816">
        <v>975.50900000000001</v>
      </c>
      <c r="D2816">
        <v>972.51700000000005</v>
      </c>
      <c r="E2816">
        <v>1013.092</v>
      </c>
      <c r="F2816">
        <v>1028.9839999999999</v>
      </c>
      <c r="G2816">
        <v>1052.934</v>
      </c>
      <c r="H2816">
        <v>1062.471</v>
      </c>
      <c r="I2816">
        <v>1079.2460000000001</v>
      </c>
      <c r="J2816">
        <v>1092.98</v>
      </c>
      <c r="K2816">
        <v>1095.3969999999999</v>
      </c>
      <c r="L2816">
        <v>1112.7729999999999</v>
      </c>
      <c r="M2816">
        <v>1104.7809999999999</v>
      </c>
      <c r="P2816">
        <v>0</v>
      </c>
      <c r="Q2816">
        <v>0</v>
      </c>
      <c r="S2816">
        <v>0</v>
      </c>
    </row>
    <row r="2817" spans="1:19" x14ac:dyDescent="0.3">
      <c r="A2817">
        <v>75.433333339930201</v>
      </c>
      <c r="B2817">
        <v>860.74699999999996</v>
      </c>
      <c r="C2817">
        <v>977.92100000000005</v>
      </c>
      <c r="D2817">
        <v>971.34299999999996</v>
      </c>
      <c r="E2817">
        <v>1013.367</v>
      </c>
      <c r="F2817">
        <v>1028.873</v>
      </c>
      <c r="G2817">
        <v>1054.49</v>
      </c>
      <c r="H2817">
        <v>1063.9749999999999</v>
      </c>
      <c r="I2817">
        <v>1078.127</v>
      </c>
      <c r="J2817">
        <v>1095.134</v>
      </c>
      <c r="K2817">
        <v>1098.951</v>
      </c>
      <c r="L2817">
        <v>1115.059</v>
      </c>
      <c r="M2817">
        <v>1106.8679999999999</v>
      </c>
      <c r="P2817">
        <v>0</v>
      </c>
      <c r="Q2817">
        <v>0</v>
      </c>
      <c r="S2817">
        <v>0</v>
      </c>
    </row>
    <row r="2818" spans="1:19" x14ac:dyDescent="0.3">
      <c r="A2818">
        <v>75.466666670578221</v>
      </c>
      <c r="B2818">
        <v>873.84299999999996</v>
      </c>
      <c r="C2818">
        <v>978.30100000000004</v>
      </c>
      <c r="D2818">
        <v>971.197</v>
      </c>
      <c r="E2818">
        <v>1014.76</v>
      </c>
      <c r="F2818">
        <v>1029.296</v>
      </c>
      <c r="G2818">
        <v>1053.1369999999999</v>
      </c>
      <c r="H2818">
        <v>1065.7</v>
      </c>
      <c r="I2818">
        <v>1077.81</v>
      </c>
      <c r="J2818">
        <v>1095.6780000000001</v>
      </c>
      <c r="K2818">
        <v>1095.7539999999999</v>
      </c>
      <c r="L2818">
        <v>1117.5519999999999</v>
      </c>
      <c r="M2818">
        <v>1109.56</v>
      </c>
      <c r="P2818">
        <v>0</v>
      </c>
      <c r="Q2818">
        <v>0</v>
      </c>
      <c r="S2818">
        <v>0</v>
      </c>
    </row>
    <row r="2819" spans="1:19" x14ac:dyDescent="0.3">
      <c r="A2819">
        <v>75.50000000122624</v>
      </c>
      <c r="B2819">
        <v>874.84900000000005</v>
      </c>
      <c r="C2819">
        <v>981.947</v>
      </c>
      <c r="D2819">
        <v>972.67899999999997</v>
      </c>
      <c r="E2819">
        <v>1016.631</v>
      </c>
      <c r="F2819">
        <v>1031.837</v>
      </c>
      <c r="G2819">
        <v>1055.492</v>
      </c>
      <c r="H2819">
        <v>1067.501</v>
      </c>
      <c r="I2819">
        <v>1081.7270000000001</v>
      </c>
      <c r="J2819">
        <v>1100.173</v>
      </c>
      <c r="K2819">
        <v>1097.691</v>
      </c>
      <c r="L2819">
        <v>1119.309</v>
      </c>
      <c r="M2819">
        <v>1110.769</v>
      </c>
      <c r="P2819">
        <v>0</v>
      </c>
      <c r="Q2819">
        <v>0</v>
      </c>
      <c r="S2819">
        <v>0</v>
      </c>
    </row>
    <row r="2820" spans="1:19" x14ac:dyDescent="0.3">
      <c r="A2820">
        <v>75.51666667178894</v>
      </c>
      <c r="B2820">
        <v>883.98800000000006</v>
      </c>
      <c r="C2820">
        <v>983.92399999999998</v>
      </c>
      <c r="D2820">
        <v>973.33199999999999</v>
      </c>
      <c r="E2820">
        <v>1018.355</v>
      </c>
      <c r="F2820">
        <v>1033.807</v>
      </c>
      <c r="G2820">
        <v>1057.8679999999999</v>
      </c>
      <c r="H2820">
        <v>1068.694</v>
      </c>
      <c r="I2820">
        <v>1084.6099999999999</v>
      </c>
      <c r="J2820">
        <v>1102.241</v>
      </c>
      <c r="K2820">
        <v>1099.9469999999999</v>
      </c>
      <c r="L2820">
        <v>1118.837</v>
      </c>
      <c r="M2820">
        <v>1110.4480000000001</v>
      </c>
      <c r="P2820">
        <v>0</v>
      </c>
      <c r="Q2820">
        <v>0</v>
      </c>
      <c r="S2820">
        <v>0</v>
      </c>
    </row>
    <row r="2821" spans="1:19" x14ac:dyDescent="0.3">
      <c r="A2821">
        <v>75.55000000243696</v>
      </c>
      <c r="B2821">
        <v>880.35799999999995</v>
      </c>
      <c r="C2821">
        <v>983.74300000000005</v>
      </c>
      <c r="D2821">
        <v>976.70600000000002</v>
      </c>
      <c r="E2821">
        <v>1022.28</v>
      </c>
      <c r="F2821">
        <v>1038.0609999999999</v>
      </c>
      <c r="G2821">
        <v>1059.7239999999999</v>
      </c>
      <c r="H2821">
        <v>1070.9880000000001</v>
      </c>
      <c r="I2821">
        <v>1089.5350000000001</v>
      </c>
      <c r="J2821">
        <v>1105.0440000000001</v>
      </c>
      <c r="K2821">
        <v>1100.5309999999999</v>
      </c>
      <c r="L2821">
        <v>1117.08</v>
      </c>
      <c r="M2821">
        <v>1107.2249999999999</v>
      </c>
      <c r="P2821">
        <v>0</v>
      </c>
      <c r="Q2821">
        <v>0</v>
      </c>
      <c r="S2821">
        <v>0</v>
      </c>
    </row>
    <row r="2822" spans="1:19" x14ac:dyDescent="0.3">
      <c r="A2822">
        <v>75.566666672999659</v>
      </c>
      <c r="B2822">
        <v>888.68299999999999</v>
      </c>
      <c r="C2822">
        <v>980.77</v>
      </c>
      <c r="D2822">
        <v>975.05700000000002</v>
      </c>
      <c r="E2822">
        <v>1019.5119999999999</v>
      </c>
      <c r="F2822">
        <v>1037.5650000000001</v>
      </c>
      <c r="G2822">
        <v>1061.155</v>
      </c>
      <c r="H2822">
        <v>1071.0260000000001</v>
      </c>
      <c r="I2822">
        <v>1082.8900000000001</v>
      </c>
      <c r="J2822">
        <v>1095.473</v>
      </c>
      <c r="K2822">
        <v>1097.4480000000001</v>
      </c>
      <c r="L2822">
        <v>1112.415</v>
      </c>
      <c r="M2822">
        <v>1103.616</v>
      </c>
      <c r="P2822">
        <v>0</v>
      </c>
      <c r="Q2822">
        <v>0</v>
      </c>
      <c r="S2822">
        <v>0</v>
      </c>
    </row>
    <row r="2823" spans="1:19" x14ac:dyDescent="0.3">
      <c r="A2823">
        <v>75.600000003647679</v>
      </c>
      <c r="B2823">
        <v>878.83900000000006</v>
      </c>
      <c r="C2823">
        <v>977.08699999999999</v>
      </c>
      <c r="D2823">
        <v>973.96799999999996</v>
      </c>
      <c r="E2823">
        <v>1014.981</v>
      </c>
      <c r="F2823">
        <v>1033.55</v>
      </c>
      <c r="G2823">
        <v>1060.096</v>
      </c>
      <c r="H2823">
        <v>1070.1300000000001</v>
      </c>
      <c r="I2823">
        <v>1078.817</v>
      </c>
      <c r="J2823">
        <v>1090.2840000000001</v>
      </c>
      <c r="K2823">
        <v>1092.848</v>
      </c>
      <c r="L2823">
        <v>1111.6769999999999</v>
      </c>
      <c r="M2823">
        <v>1106.04</v>
      </c>
      <c r="P2823">
        <v>0</v>
      </c>
      <c r="Q2823">
        <v>0</v>
      </c>
      <c r="S2823">
        <v>0</v>
      </c>
    </row>
    <row r="2824" spans="1:19" x14ac:dyDescent="0.3">
      <c r="A2824">
        <v>75.633333334295699</v>
      </c>
      <c r="B2824">
        <v>888.07899999999995</v>
      </c>
      <c r="C2824">
        <v>977.59500000000003</v>
      </c>
      <c r="D2824">
        <v>973.85900000000004</v>
      </c>
      <c r="E2824">
        <v>1017.567</v>
      </c>
      <c r="F2824">
        <v>1040.086</v>
      </c>
      <c r="G2824">
        <v>1061.71</v>
      </c>
      <c r="H2824">
        <v>1071.845</v>
      </c>
      <c r="I2824">
        <v>1081.915</v>
      </c>
      <c r="J2824">
        <v>1093.8589999999999</v>
      </c>
      <c r="K2824">
        <v>1093.1289999999999</v>
      </c>
      <c r="L2824">
        <v>1115.077</v>
      </c>
      <c r="M2824">
        <v>1106.8489999999999</v>
      </c>
      <c r="P2824">
        <v>0</v>
      </c>
      <c r="Q2824">
        <v>0</v>
      </c>
      <c r="S2824">
        <v>0</v>
      </c>
    </row>
    <row r="2825" spans="1:19" x14ac:dyDescent="0.3">
      <c r="A2825">
        <v>75.650000004858398</v>
      </c>
      <c r="B2825">
        <v>891.65800000000002</v>
      </c>
      <c r="C2825">
        <v>980.02599999999995</v>
      </c>
      <c r="D2825">
        <v>973.75099999999998</v>
      </c>
      <c r="E2825">
        <v>1014.542</v>
      </c>
      <c r="F2825">
        <v>1036</v>
      </c>
      <c r="G2825">
        <v>1061.5450000000001</v>
      </c>
      <c r="H2825">
        <v>1070.672</v>
      </c>
      <c r="I2825">
        <v>1082.347</v>
      </c>
      <c r="J2825">
        <v>1097.8430000000001</v>
      </c>
      <c r="K2825">
        <v>1097.8800000000001</v>
      </c>
      <c r="L2825">
        <v>1118.2529999999999</v>
      </c>
      <c r="M2825">
        <v>1109.5239999999999</v>
      </c>
      <c r="P2825">
        <v>0</v>
      </c>
      <c r="Q2825">
        <v>0</v>
      </c>
      <c r="S2825">
        <v>0</v>
      </c>
    </row>
    <row r="2826" spans="1:19" x14ac:dyDescent="0.3">
      <c r="A2826">
        <v>75.683333335506418</v>
      </c>
      <c r="B2826">
        <v>884.04300000000001</v>
      </c>
      <c r="C2826">
        <v>976.72500000000002</v>
      </c>
      <c r="D2826">
        <v>971.85</v>
      </c>
      <c r="E2826">
        <v>1014.12</v>
      </c>
      <c r="F2826">
        <v>1032.2809999999999</v>
      </c>
      <c r="G2826">
        <v>1060.7840000000001</v>
      </c>
      <c r="H2826">
        <v>1069.5719999999999</v>
      </c>
      <c r="I2826">
        <v>1083.376</v>
      </c>
      <c r="J2826">
        <v>1103.3710000000001</v>
      </c>
      <c r="K2826">
        <v>1099.93</v>
      </c>
      <c r="L2826">
        <v>1117.7619999999999</v>
      </c>
      <c r="M2826">
        <v>1108.712</v>
      </c>
      <c r="P2826">
        <v>0</v>
      </c>
      <c r="Q2826">
        <v>0</v>
      </c>
      <c r="S2826">
        <v>0</v>
      </c>
    </row>
    <row r="2827" spans="1:19" x14ac:dyDescent="0.3">
      <c r="A2827">
        <v>75.700000006069118</v>
      </c>
      <c r="B2827">
        <v>894.06899999999996</v>
      </c>
      <c r="C2827">
        <v>979.86300000000006</v>
      </c>
      <c r="D2827">
        <v>973.75099999999998</v>
      </c>
      <c r="E2827">
        <v>1014.817</v>
      </c>
      <c r="F2827">
        <v>1031.7280000000001</v>
      </c>
      <c r="G2827">
        <v>1058.0550000000001</v>
      </c>
      <c r="H2827">
        <v>1067.076</v>
      </c>
      <c r="I2827">
        <v>1084.2750000000001</v>
      </c>
      <c r="J2827">
        <v>1108.261</v>
      </c>
      <c r="K2827">
        <v>1102.2429999999999</v>
      </c>
      <c r="L2827">
        <v>1120.8409999999999</v>
      </c>
      <c r="M2827">
        <v>1109.6379999999999</v>
      </c>
      <c r="P2827">
        <v>0</v>
      </c>
      <c r="Q2827">
        <v>0</v>
      </c>
      <c r="S2827">
        <v>0</v>
      </c>
    </row>
    <row r="2828" spans="1:19" x14ac:dyDescent="0.3">
      <c r="A2828">
        <v>75.733333336717138</v>
      </c>
      <c r="B2828">
        <v>891.09100000000001</v>
      </c>
      <c r="C2828">
        <v>973.56899999999996</v>
      </c>
      <c r="D2828">
        <v>971.05399999999997</v>
      </c>
      <c r="E2828">
        <v>1014.761</v>
      </c>
      <c r="F2828">
        <v>1030.5129999999999</v>
      </c>
      <c r="G2828">
        <v>1057.0519999999999</v>
      </c>
      <c r="H2828">
        <v>1065.8309999999999</v>
      </c>
      <c r="I2828">
        <v>1080.942</v>
      </c>
      <c r="J2828">
        <v>1102.4490000000001</v>
      </c>
      <c r="K2828">
        <v>1098.143</v>
      </c>
      <c r="L2828">
        <v>1119.518</v>
      </c>
      <c r="M2828">
        <v>1110.374</v>
      </c>
      <c r="P2828">
        <v>0</v>
      </c>
      <c r="Q2828">
        <v>0</v>
      </c>
      <c r="S2828">
        <v>0</v>
      </c>
    </row>
    <row r="2829" spans="1:19" x14ac:dyDescent="0.3">
      <c r="A2829">
        <v>75.766666667365158</v>
      </c>
      <c r="B2829">
        <v>889.42499999999995</v>
      </c>
      <c r="C2829">
        <v>975.14599999999996</v>
      </c>
      <c r="D2829">
        <v>971.46799999999996</v>
      </c>
      <c r="E2829">
        <v>1010.478</v>
      </c>
      <c r="F2829">
        <v>1028.7070000000001</v>
      </c>
      <c r="G2829">
        <v>1057.107</v>
      </c>
      <c r="H2829">
        <v>1065.5329999999999</v>
      </c>
      <c r="I2829">
        <v>1079.972</v>
      </c>
      <c r="J2829">
        <v>1099.665</v>
      </c>
      <c r="K2829">
        <v>1099.308</v>
      </c>
      <c r="L2829">
        <v>1122.3320000000001</v>
      </c>
      <c r="M2829">
        <v>1112.1300000000001</v>
      </c>
      <c r="P2829">
        <v>0</v>
      </c>
      <c r="Q2829">
        <v>0</v>
      </c>
      <c r="S2829">
        <v>0</v>
      </c>
    </row>
    <row r="2830" spans="1:19" x14ac:dyDescent="0.3">
      <c r="A2830">
        <v>75.783333337927857</v>
      </c>
      <c r="B2830">
        <v>899.75400000000002</v>
      </c>
      <c r="C2830">
        <v>980.64200000000005</v>
      </c>
      <c r="D2830">
        <v>972.89800000000002</v>
      </c>
      <c r="E2830">
        <v>1011.521</v>
      </c>
      <c r="F2830">
        <v>1030.421</v>
      </c>
      <c r="G2830">
        <v>1056.421</v>
      </c>
      <c r="H2830">
        <v>1068.8820000000001</v>
      </c>
      <c r="I2830">
        <v>1087.1389999999999</v>
      </c>
      <c r="J2830">
        <v>1107.433</v>
      </c>
      <c r="K2830">
        <v>1101.96</v>
      </c>
      <c r="L2830">
        <v>1121.086</v>
      </c>
      <c r="M2830">
        <v>1111.923</v>
      </c>
      <c r="P2830">
        <v>0</v>
      </c>
      <c r="Q2830">
        <v>0</v>
      </c>
      <c r="S2830">
        <v>0</v>
      </c>
    </row>
    <row r="2831" spans="1:19" x14ac:dyDescent="0.3">
      <c r="A2831">
        <v>75.816666668575877</v>
      </c>
      <c r="B2831">
        <v>893.19799999999998</v>
      </c>
      <c r="C2831">
        <v>981.05899999999997</v>
      </c>
      <c r="D2831">
        <v>976.34400000000005</v>
      </c>
      <c r="E2831">
        <v>1015.275</v>
      </c>
      <c r="F2831">
        <v>1032.943</v>
      </c>
      <c r="G2831">
        <v>1056.681</v>
      </c>
      <c r="H2831">
        <v>1070.0940000000001</v>
      </c>
      <c r="I2831">
        <v>1087.663</v>
      </c>
      <c r="J2831">
        <v>1111.356</v>
      </c>
      <c r="K2831">
        <v>1105.8720000000001</v>
      </c>
      <c r="L2831">
        <v>1124.097</v>
      </c>
      <c r="M2831">
        <v>1113.3589999999999</v>
      </c>
      <c r="P2831">
        <v>0</v>
      </c>
      <c r="Q2831">
        <v>0</v>
      </c>
      <c r="S2831">
        <v>0</v>
      </c>
    </row>
    <row r="2832" spans="1:19" x14ac:dyDescent="0.3">
      <c r="A2832">
        <v>75.833333339138576</v>
      </c>
      <c r="B2832">
        <v>895.774</v>
      </c>
      <c r="C2832">
        <v>984.46799999999996</v>
      </c>
      <c r="D2832">
        <v>978.846</v>
      </c>
      <c r="E2832">
        <v>1017.182</v>
      </c>
      <c r="F2832">
        <v>1033.9549999999999</v>
      </c>
      <c r="G2832">
        <v>1057.2560000000001</v>
      </c>
      <c r="H2832">
        <v>1072.6279999999999</v>
      </c>
      <c r="I2832">
        <v>1091.8</v>
      </c>
      <c r="J2832">
        <v>1108.748</v>
      </c>
      <c r="K2832">
        <v>1104.442</v>
      </c>
      <c r="L2832">
        <v>1122.521</v>
      </c>
      <c r="M2832">
        <v>1111.809</v>
      </c>
      <c r="P2832">
        <v>0</v>
      </c>
      <c r="Q2832">
        <v>0</v>
      </c>
      <c r="S2832">
        <v>0</v>
      </c>
    </row>
    <row r="2833" spans="1:19" x14ac:dyDescent="0.3">
      <c r="A2833">
        <v>75.866666669786596</v>
      </c>
      <c r="B2833">
        <v>899.61300000000006</v>
      </c>
      <c r="C2833">
        <v>981.91200000000003</v>
      </c>
      <c r="D2833">
        <v>977.61400000000003</v>
      </c>
      <c r="E2833">
        <v>1019.439</v>
      </c>
      <c r="F2833">
        <v>1035.6679999999999</v>
      </c>
      <c r="G2833">
        <v>1057.7950000000001</v>
      </c>
      <c r="H2833">
        <v>1073.8779999999999</v>
      </c>
      <c r="I2833">
        <v>1089.3109999999999</v>
      </c>
      <c r="J2833">
        <v>1107.433</v>
      </c>
      <c r="K2833">
        <v>1106.0039999999999</v>
      </c>
      <c r="L2833">
        <v>1122.3900000000001</v>
      </c>
      <c r="M2833">
        <v>1112.547</v>
      </c>
      <c r="P2833">
        <v>0</v>
      </c>
      <c r="Q2833">
        <v>0</v>
      </c>
      <c r="S2833">
        <v>0</v>
      </c>
    </row>
    <row r="2834" spans="1:19" x14ac:dyDescent="0.3">
      <c r="A2834">
        <v>75.900000000434616</v>
      </c>
      <c r="B2834">
        <v>893.21600000000001</v>
      </c>
      <c r="C2834">
        <v>984.08799999999997</v>
      </c>
      <c r="D2834">
        <v>978.57500000000005</v>
      </c>
      <c r="E2834">
        <v>1020.979</v>
      </c>
      <c r="F2834">
        <v>1035.944</v>
      </c>
      <c r="G2834">
        <v>1058.8340000000001</v>
      </c>
      <c r="H2834">
        <v>1073.002</v>
      </c>
      <c r="I2834">
        <v>1088.038</v>
      </c>
      <c r="J2834">
        <v>1102.9380000000001</v>
      </c>
      <c r="K2834">
        <v>1101.3209999999999</v>
      </c>
      <c r="L2834">
        <v>1116.741</v>
      </c>
      <c r="M2834">
        <v>1111.0540000000001</v>
      </c>
      <c r="P2834">
        <v>0</v>
      </c>
      <c r="Q2834">
        <v>0</v>
      </c>
      <c r="S2834">
        <v>0</v>
      </c>
    </row>
    <row r="2835" spans="1:19" x14ac:dyDescent="0.3">
      <c r="A2835">
        <v>75.916666670997316</v>
      </c>
      <c r="B2835">
        <v>883.26300000000003</v>
      </c>
      <c r="C2835">
        <v>981.64</v>
      </c>
      <c r="D2835">
        <v>976.29</v>
      </c>
      <c r="E2835">
        <v>1017.769</v>
      </c>
      <c r="F2835">
        <v>1034.269</v>
      </c>
      <c r="G2835">
        <v>1058.8900000000001</v>
      </c>
      <c r="H2835">
        <v>1068.6210000000001</v>
      </c>
      <c r="I2835">
        <v>1082.1590000000001</v>
      </c>
      <c r="J2835">
        <v>1098.7260000000001</v>
      </c>
      <c r="K2835">
        <v>1102.8820000000001</v>
      </c>
      <c r="L2835">
        <v>1117.175</v>
      </c>
      <c r="M2835">
        <v>1113.2080000000001</v>
      </c>
      <c r="P2835">
        <v>0</v>
      </c>
      <c r="Q2835">
        <v>0</v>
      </c>
      <c r="S2835">
        <v>0</v>
      </c>
    </row>
    <row r="2836" spans="1:19" x14ac:dyDescent="0.3">
      <c r="A2836">
        <v>75.950000001645336</v>
      </c>
      <c r="B2836">
        <v>882.60799999999995</v>
      </c>
      <c r="C2836">
        <v>978.50300000000004</v>
      </c>
      <c r="D2836">
        <v>976.81600000000003</v>
      </c>
      <c r="E2836">
        <v>1017.99</v>
      </c>
      <c r="F2836">
        <v>1034.1590000000001</v>
      </c>
      <c r="G2836">
        <v>1058.3340000000001</v>
      </c>
      <c r="H2836">
        <v>1067.9690000000001</v>
      </c>
      <c r="I2836">
        <v>1082.2909999999999</v>
      </c>
      <c r="J2836">
        <v>1099.2529999999999</v>
      </c>
      <c r="K2836">
        <v>1100.0239999999999</v>
      </c>
      <c r="L2836">
        <v>1117.6289999999999</v>
      </c>
      <c r="M2836">
        <v>1111.7909999999999</v>
      </c>
      <c r="P2836">
        <v>0</v>
      </c>
      <c r="Q2836">
        <v>0</v>
      </c>
      <c r="S2836">
        <v>0</v>
      </c>
    </row>
    <row r="2837" spans="1:19" x14ac:dyDescent="0.3">
      <c r="A2837">
        <v>75.966666672208035</v>
      </c>
      <c r="B2837">
        <v>877.04100000000005</v>
      </c>
      <c r="C2837">
        <v>977.03499999999997</v>
      </c>
      <c r="D2837">
        <v>978.12400000000002</v>
      </c>
      <c r="E2837">
        <v>1022.228</v>
      </c>
      <c r="F2837">
        <v>1036.204</v>
      </c>
      <c r="G2837">
        <v>1058.4090000000001</v>
      </c>
      <c r="H2837">
        <v>1069.444</v>
      </c>
      <c r="I2837">
        <v>1081.337</v>
      </c>
      <c r="J2837">
        <v>1096.6790000000001</v>
      </c>
      <c r="K2837">
        <v>1099.951</v>
      </c>
      <c r="L2837">
        <v>1116.875</v>
      </c>
      <c r="M2837">
        <v>1111.925</v>
      </c>
      <c r="P2837">
        <v>0</v>
      </c>
      <c r="Q2837">
        <v>0</v>
      </c>
      <c r="S2837">
        <v>0</v>
      </c>
    </row>
    <row r="2838" spans="1:19" x14ac:dyDescent="0.3">
      <c r="A2838">
        <v>76.000000002856055</v>
      </c>
      <c r="B2838">
        <v>882.16499999999996</v>
      </c>
      <c r="C2838">
        <v>979.39099999999996</v>
      </c>
      <c r="D2838">
        <v>984.21600000000001</v>
      </c>
      <c r="E2838">
        <v>1024.9949999999999</v>
      </c>
      <c r="F2838">
        <v>1037.252</v>
      </c>
      <c r="G2838">
        <v>1059.856</v>
      </c>
      <c r="H2838">
        <v>1073.953</v>
      </c>
      <c r="I2838">
        <v>1082.9269999999999</v>
      </c>
      <c r="J2838">
        <v>1100.287</v>
      </c>
      <c r="K2838">
        <v>1102.2059999999999</v>
      </c>
      <c r="L2838">
        <v>1117.7239999999999</v>
      </c>
      <c r="M2838">
        <v>1112.2449999999999</v>
      </c>
      <c r="P2838">
        <v>0</v>
      </c>
      <c r="Q2838">
        <v>0</v>
      </c>
      <c r="S2838">
        <v>0</v>
      </c>
    </row>
    <row r="2839" spans="1:19" x14ac:dyDescent="0.3">
      <c r="A2839">
        <v>76.033333333504075</v>
      </c>
      <c r="B2839">
        <v>869.55399999999997</v>
      </c>
      <c r="C2839">
        <v>977.36</v>
      </c>
      <c r="D2839">
        <v>978.95600000000002</v>
      </c>
      <c r="E2839">
        <v>1024.261</v>
      </c>
      <c r="F2839">
        <v>1036.441</v>
      </c>
      <c r="G2839">
        <v>1060.059</v>
      </c>
      <c r="H2839">
        <v>1074.4369999999999</v>
      </c>
      <c r="I2839">
        <v>1082.4580000000001</v>
      </c>
      <c r="J2839">
        <v>1101.7159999999999</v>
      </c>
      <c r="K2839">
        <v>1101.998</v>
      </c>
      <c r="L2839">
        <v>1119.405</v>
      </c>
      <c r="M2839">
        <v>1112.6790000000001</v>
      </c>
      <c r="P2839">
        <v>0</v>
      </c>
      <c r="Q2839">
        <v>0</v>
      </c>
      <c r="S2839">
        <v>0</v>
      </c>
    </row>
    <row r="2840" spans="1:19" x14ac:dyDescent="0.3">
      <c r="A2840">
        <v>76.050000004066774</v>
      </c>
      <c r="B2840">
        <v>875.87300000000005</v>
      </c>
      <c r="C2840">
        <v>980.42399999999998</v>
      </c>
      <c r="D2840">
        <v>978.10299999999995</v>
      </c>
      <c r="E2840">
        <v>1024.664</v>
      </c>
      <c r="F2840">
        <v>1034.1210000000001</v>
      </c>
      <c r="G2840">
        <v>1057.8309999999999</v>
      </c>
      <c r="H2840">
        <v>1071.845</v>
      </c>
      <c r="I2840">
        <v>1086.8009999999999</v>
      </c>
      <c r="J2840">
        <v>1103.7840000000001</v>
      </c>
      <c r="K2840">
        <v>1102.5429999999999</v>
      </c>
      <c r="L2840">
        <v>1120.386</v>
      </c>
      <c r="M2840">
        <v>1111.941</v>
      </c>
      <c r="P2840">
        <v>0</v>
      </c>
      <c r="Q2840">
        <v>0</v>
      </c>
      <c r="S2840">
        <v>0</v>
      </c>
    </row>
    <row r="2841" spans="1:19" x14ac:dyDescent="0.3">
      <c r="A2841">
        <v>76.083333334714794</v>
      </c>
      <c r="B2841">
        <v>875.11500000000001</v>
      </c>
      <c r="C2841">
        <v>984.07</v>
      </c>
      <c r="D2841">
        <v>978.15800000000002</v>
      </c>
      <c r="E2841">
        <v>1023.1609999999999</v>
      </c>
      <c r="F2841">
        <v>1032.943</v>
      </c>
      <c r="G2841">
        <v>1055.605</v>
      </c>
      <c r="H2841">
        <v>1070.5039999999999</v>
      </c>
      <c r="I2841">
        <v>1085.604</v>
      </c>
      <c r="J2841">
        <v>1101.133</v>
      </c>
      <c r="K2841">
        <v>1103.8219999999999</v>
      </c>
      <c r="L2841">
        <v>1121.2180000000001</v>
      </c>
      <c r="M2841">
        <v>1111.866</v>
      </c>
      <c r="P2841">
        <v>0</v>
      </c>
      <c r="Q2841">
        <v>0</v>
      </c>
      <c r="S2841">
        <v>0</v>
      </c>
    </row>
    <row r="2842" spans="1:19" x14ac:dyDescent="0.3">
      <c r="A2842">
        <v>76.116666665362814</v>
      </c>
      <c r="B2842">
        <v>873.65</v>
      </c>
      <c r="C2842">
        <v>985.39400000000001</v>
      </c>
      <c r="D2842">
        <v>977.505</v>
      </c>
      <c r="E2842">
        <v>1018.833</v>
      </c>
      <c r="F2842">
        <v>1033.2380000000001</v>
      </c>
      <c r="G2842">
        <v>1060.9870000000001</v>
      </c>
      <c r="H2842">
        <v>1070.8389999999999</v>
      </c>
      <c r="I2842">
        <v>1082.9829999999999</v>
      </c>
      <c r="J2842">
        <v>1096.018</v>
      </c>
      <c r="K2842">
        <v>1094.6279999999999</v>
      </c>
      <c r="L2842">
        <v>1112.376</v>
      </c>
      <c r="M2842">
        <v>1107.357</v>
      </c>
      <c r="P2842">
        <v>0</v>
      </c>
      <c r="Q2842">
        <v>0</v>
      </c>
      <c r="S2842">
        <v>0</v>
      </c>
    </row>
    <row r="2843" spans="1:19" x14ac:dyDescent="0.3">
      <c r="A2843">
        <v>76.133333335925514</v>
      </c>
      <c r="B2843">
        <v>861.48599999999999</v>
      </c>
      <c r="C2843">
        <v>979.01</v>
      </c>
      <c r="D2843">
        <v>975.41899999999998</v>
      </c>
      <c r="E2843">
        <v>1014.523</v>
      </c>
      <c r="F2843">
        <v>1031.1389999999999</v>
      </c>
      <c r="G2843">
        <v>1059.075</v>
      </c>
      <c r="H2843">
        <v>1070.1679999999999</v>
      </c>
      <c r="I2843">
        <v>1080.271</v>
      </c>
      <c r="J2843">
        <v>1093.4860000000001</v>
      </c>
      <c r="K2843">
        <v>1096.6389999999999</v>
      </c>
      <c r="L2843">
        <v>1116.684</v>
      </c>
      <c r="M2843">
        <v>1108.58</v>
      </c>
      <c r="P2843">
        <v>0</v>
      </c>
      <c r="Q2843">
        <v>0</v>
      </c>
      <c r="S2843">
        <v>0</v>
      </c>
    </row>
    <row r="2844" spans="1:19" x14ac:dyDescent="0.3">
      <c r="A2844">
        <v>76.166666666573533</v>
      </c>
      <c r="B2844">
        <v>875.50300000000004</v>
      </c>
      <c r="C2844">
        <v>980.53300000000002</v>
      </c>
      <c r="D2844">
        <v>972.93399999999997</v>
      </c>
      <c r="E2844">
        <v>1014.45</v>
      </c>
      <c r="F2844">
        <v>1031.3040000000001</v>
      </c>
      <c r="G2844">
        <v>1057.5719999999999</v>
      </c>
      <c r="H2844">
        <v>1073.076</v>
      </c>
      <c r="I2844">
        <v>1081.4659999999999</v>
      </c>
      <c r="J2844">
        <v>1097.278</v>
      </c>
      <c r="K2844">
        <v>1099.854</v>
      </c>
      <c r="L2844">
        <v>1120.5</v>
      </c>
      <c r="M2844">
        <v>1111.0350000000001</v>
      </c>
      <c r="P2844">
        <v>0</v>
      </c>
      <c r="Q2844">
        <v>0</v>
      </c>
      <c r="S2844">
        <v>0</v>
      </c>
    </row>
    <row r="2845" spans="1:19" x14ac:dyDescent="0.3">
      <c r="A2845">
        <v>76.183333337136233</v>
      </c>
      <c r="B2845">
        <v>881.01400000000001</v>
      </c>
      <c r="C2845">
        <v>985.32100000000003</v>
      </c>
      <c r="D2845">
        <v>974.33100000000002</v>
      </c>
      <c r="E2845">
        <v>1015.44</v>
      </c>
      <c r="F2845">
        <v>1030.789</v>
      </c>
      <c r="G2845">
        <v>1057.702</v>
      </c>
      <c r="H2845">
        <v>1073.8589999999999</v>
      </c>
      <c r="I2845">
        <v>1085.079</v>
      </c>
      <c r="J2845">
        <v>1100.9449999999999</v>
      </c>
      <c r="K2845">
        <v>1100.569</v>
      </c>
      <c r="L2845">
        <v>1117.6849999999999</v>
      </c>
      <c r="M2845">
        <v>1108.373</v>
      </c>
      <c r="P2845">
        <v>0</v>
      </c>
      <c r="Q2845">
        <v>0</v>
      </c>
      <c r="S2845">
        <v>0</v>
      </c>
    </row>
    <row r="2846" spans="1:19" x14ac:dyDescent="0.3">
      <c r="A2846">
        <v>76.216666667784253</v>
      </c>
      <c r="B2846">
        <v>889.072</v>
      </c>
      <c r="C2846">
        <v>986.24699999999996</v>
      </c>
      <c r="D2846">
        <v>974.53</v>
      </c>
      <c r="E2846">
        <v>1008.616</v>
      </c>
      <c r="F2846">
        <v>1028.9659999999999</v>
      </c>
      <c r="G2846">
        <v>1054.231</v>
      </c>
      <c r="H2846">
        <v>1075.5550000000001</v>
      </c>
      <c r="I2846">
        <v>1084.761</v>
      </c>
      <c r="J2846">
        <v>1102.1489999999999</v>
      </c>
      <c r="K2846">
        <v>1101.7539999999999</v>
      </c>
      <c r="L2846">
        <v>1120.481</v>
      </c>
      <c r="M2846">
        <v>1111.413</v>
      </c>
      <c r="P2846">
        <v>0</v>
      </c>
      <c r="Q2846">
        <v>0</v>
      </c>
      <c r="S2846">
        <v>0</v>
      </c>
    </row>
    <row r="2847" spans="1:19" x14ac:dyDescent="0.3">
      <c r="A2847">
        <v>76.249999998432273</v>
      </c>
      <c r="B2847">
        <v>884.85699999999997</v>
      </c>
      <c r="C2847">
        <v>984.95899999999995</v>
      </c>
      <c r="D2847">
        <v>973.62400000000002</v>
      </c>
      <c r="E2847">
        <v>1011.776</v>
      </c>
      <c r="F2847">
        <v>1029.6659999999999</v>
      </c>
      <c r="G2847">
        <v>1054.212</v>
      </c>
      <c r="H2847">
        <v>1078.575</v>
      </c>
      <c r="I2847">
        <v>1089.9469999999999</v>
      </c>
      <c r="J2847">
        <v>1104.1610000000001</v>
      </c>
      <c r="K2847">
        <v>1102.5429999999999</v>
      </c>
      <c r="L2847">
        <v>1119.027</v>
      </c>
      <c r="M2847">
        <v>1110.317</v>
      </c>
      <c r="P2847">
        <v>0</v>
      </c>
      <c r="Q2847">
        <v>0</v>
      </c>
      <c r="S2847">
        <v>0</v>
      </c>
    </row>
    <row r="2848" spans="1:19" x14ac:dyDescent="0.3">
      <c r="A2848">
        <v>76.266666668994972</v>
      </c>
      <c r="B2848">
        <v>885.51199999999994</v>
      </c>
      <c r="C2848">
        <v>985.99199999999996</v>
      </c>
      <c r="D2848">
        <v>973.07899999999995</v>
      </c>
      <c r="E2848">
        <v>1012.178</v>
      </c>
      <c r="F2848">
        <v>1030.568</v>
      </c>
      <c r="G2848">
        <v>1054.806</v>
      </c>
      <c r="H2848">
        <v>1078.0899999999999</v>
      </c>
      <c r="I2848">
        <v>1086.278</v>
      </c>
      <c r="J2848">
        <v>1099.328</v>
      </c>
      <c r="K2848">
        <v>1095.6420000000001</v>
      </c>
      <c r="L2848">
        <v>1113.453</v>
      </c>
      <c r="M2848">
        <v>1107.7329999999999</v>
      </c>
      <c r="P2848">
        <v>0</v>
      </c>
      <c r="Q2848">
        <v>0</v>
      </c>
      <c r="S2848">
        <v>0</v>
      </c>
    </row>
    <row r="2849" spans="1:19" x14ac:dyDescent="0.3">
      <c r="A2849">
        <v>76.299999999642992</v>
      </c>
      <c r="B2849">
        <v>887.90300000000002</v>
      </c>
      <c r="C2849">
        <v>987.15700000000004</v>
      </c>
      <c r="D2849">
        <v>972.91600000000005</v>
      </c>
      <c r="E2849">
        <v>1017.586</v>
      </c>
      <c r="F2849">
        <v>1029.6659999999999</v>
      </c>
      <c r="G2849">
        <v>1052.5830000000001</v>
      </c>
      <c r="H2849">
        <v>1071.9949999999999</v>
      </c>
      <c r="I2849">
        <v>1079.47</v>
      </c>
      <c r="J2849">
        <v>1092.175</v>
      </c>
      <c r="K2849">
        <v>1088.674</v>
      </c>
      <c r="L2849">
        <v>1107.451</v>
      </c>
      <c r="M2849">
        <v>1102.0920000000001</v>
      </c>
      <c r="P2849">
        <v>0</v>
      </c>
      <c r="Q2849">
        <v>0</v>
      </c>
      <c r="S2849">
        <v>0</v>
      </c>
    </row>
    <row r="2850" spans="1:19" x14ac:dyDescent="0.3">
      <c r="A2850">
        <v>76.316666670205692</v>
      </c>
      <c r="B2850">
        <v>900.16399999999999</v>
      </c>
      <c r="C2850">
        <v>987.79499999999996</v>
      </c>
      <c r="D2850">
        <v>979.28300000000002</v>
      </c>
      <c r="E2850">
        <v>1020.979</v>
      </c>
      <c r="F2850">
        <v>1031.8019999999999</v>
      </c>
      <c r="G2850">
        <v>1052.3620000000001</v>
      </c>
      <c r="H2850">
        <v>1073.5429999999999</v>
      </c>
      <c r="I2850">
        <v>1078.5940000000001</v>
      </c>
      <c r="J2850">
        <v>1092.5129999999999</v>
      </c>
      <c r="K2850">
        <v>1091.502</v>
      </c>
      <c r="L2850">
        <v>1110.6579999999999</v>
      </c>
      <c r="M2850">
        <v>1106.0419999999999</v>
      </c>
      <c r="P2850">
        <v>0</v>
      </c>
      <c r="Q2850">
        <v>0</v>
      </c>
      <c r="S2850">
        <v>0</v>
      </c>
    </row>
    <row r="2851" spans="1:19" x14ac:dyDescent="0.3">
      <c r="A2851">
        <v>76.350000000853711</v>
      </c>
      <c r="B2851">
        <v>910.26800000000003</v>
      </c>
      <c r="C2851">
        <v>988.32299999999998</v>
      </c>
      <c r="D2851">
        <v>976.07299999999998</v>
      </c>
      <c r="E2851">
        <v>1017.7329999999999</v>
      </c>
      <c r="F2851">
        <v>1029.74</v>
      </c>
      <c r="G2851">
        <v>1050.7539999999999</v>
      </c>
      <c r="H2851">
        <v>1068.5840000000001</v>
      </c>
      <c r="I2851">
        <v>1076.0409999999999</v>
      </c>
      <c r="J2851">
        <v>1089.2360000000001</v>
      </c>
      <c r="K2851">
        <v>1090.566</v>
      </c>
      <c r="L2851">
        <v>1110.5260000000001</v>
      </c>
      <c r="M2851">
        <v>1105.816</v>
      </c>
      <c r="P2851">
        <v>0</v>
      </c>
      <c r="Q2851">
        <v>0</v>
      </c>
      <c r="S2851">
        <v>0</v>
      </c>
    </row>
    <row r="2852" spans="1:19" x14ac:dyDescent="0.3">
      <c r="A2852">
        <v>76.383333331501731</v>
      </c>
      <c r="B2852">
        <v>915.90200000000004</v>
      </c>
      <c r="C2852">
        <v>988.06799999999998</v>
      </c>
      <c r="D2852">
        <v>974.89400000000001</v>
      </c>
      <c r="E2852">
        <v>1014.34</v>
      </c>
      <c r="F2852">
        <v>1028.414</v>
      </c>
      <c r="G2852">
        <v>1049.4970000000001</v>
      </c>
      <c r="H2852">
        <v>1065.424</v>
      </c>
      <c r="I2852">
        <v>1075.8920000000001</v>
      </c>
      <c r="J2852">
        <v>1094.1980000000001</v>
      </c>
      <c r="K2852">
        <v>1091.258</v>
      </c>
      <c r="L2852">
        <v>1110.431</v>
      </c>
      <c r="M2852">
        <v>1106.3610000000001</v>
      </c>
      <c r="P2852">
        <v>0</v>
      </c>
      <c r="Q2852">
        <v>0</v>
      </c>
      <c r="S2852">
        <v>0</v>
      </c>
    </row>
    <row r="2853" spans="1:19" x14ac:dyDescent="0.3">
      <c r="A2853">
        <v>76.400000002064431</v>
      </c>
      <c r="B2853">
        <v>899.73699999999997</v>
      </c>
      <c r="C2853">
        <v>985.86599999999999</v>
      </c>
      <c r="D2853">
        <v>975.18399999999997</v>
      </c>
      <c r="E2853">
        <v>1017.293</v>
      </c>
      <c r="F2853">
        <v>1030.587</v>
      </c>
      <c r="G2853">
        <v>1054.1759999999999</v>
      </c>
      <c r="H2853">
        <v>1065.5160000000001</v>
      </c>
      <c r="I2853">
        <v>1077.1959999999999</v>
      </c>
      <c r="J2853">
        <v>1093.4110000000001</v>
      </c>
      <c r="K2853">
        <v>1089.3109999999999</v>
      </c>
      <c r="L2853">
        <v>1109.694</v>
      </c>
      <c r="M2853">
        <v>1104.7439999999999</v>
      </c>
      <c r="P2853">
        <v>0</v>
      </c>
      <c r="Q2853">
        <v>0</v>
      </c>
      <c r="S2853">
        <v>0</v>
      </c>
    </row>
    <row r="2854" spans="1:19" x14ac:dyDescent="0.3">
      <c r="A2854">
        <v>76.433333332712451</v>
      </c>
      <c r="B2854">
        <v>892.77300000000002</v>
      </c>
      <c r="C2854">
        <v>982.52800000000002</v>
      </c>
      <c r="D2854">
        <v>972.13800000000003</v>
      </c>
      <c r="E2854">
        <v>1014.725</v>
      </c>
      <c r="F2854">
        <v>1028.8920000000001</v>
      </c>
      <c r="G2854">
        <v>1054.212</v>
      </c>
      <c r="H2854">
        <v>1069.2360000000001</v>
      </c>
      <c r="I2854">
        <v>1076.73</v>
      </c>
      <c r="J2854">
        <v>1093.0360000000001</v>
      </c>
      <c r="K2854">
        <v>1092.943</v>
      </c>
      <c r="L2854">
        <v>1116.684</v>
      </c>
      <c r="M2854">
        <v>1110.4490000000001</v>
      </c>
      <c r="P2854">
        <v>0</v>
      </c>
      <c r="Q2854">
        <v>0</v>
      </c>
      <c r="S2854">
        <v>0</v>
      </c>
    </row>
    <row r="2855" spans="1:19" x14ac:dyDescent="0.3">
      <c r="A2855">
        <v>76.45000000327515</v>
      </c>
      <c r="B2855">
        <v>882.13199999999995</v>
      </c>
      <c r="C2855">
        <v>981.96799999999996</v>
      </c>
      <c r="D2855">
        <v>975.63900000000001</v>
      </c>
      <c r="E2855">
        <v>1014.69</v>
      </c>
      <c r="F2855">
        <v>1028.306</v>
      </c>
      <c r="G2855">
        <v>1052.623</v>
      </c>
      <c r="H2855">
        <v>1068.7729999999999</v>
      </c>
      <c r="I2855">
        <v>1082.9100000000001</v>
      </c>
      <c r="J2855">
        <v>1096.2650000000001</v>
      </c>
      <c r="K2855">
        <v>1094.742</v>
      </c>
      <c r="L2855">
        <v>1113.8900000000001</v>
      </c>
      <c r="M2855">
        <v>1107.115</v>
      </c>
      <c r="P2855">
        <v>0</v>
      </c>
      <c r="Q2855">
        <v>0</v>
      </c>
      <c r="S2855">
        <v>0</v>
      </c>
    </row>
    <row r="2856" spans="1:19" x14ac:dyDescent="0.3">
      <c r="A2856">
        <v>76.48333333392317</v>
      </c>
      <c r="B2856">
        <v>873.94899999999996</v>
      </c>
      <c r="C2856">
        <v>979.91600000000005</v>
      </c>
      <c r="D2856">
        <v>973.89499999999998</v>
      </c>
      <c r="E2856">
        <v>1014.412</v>
      </c>
      <c r="F2856">
        <v>1028.634</v>
      </c>
      <c r="G2856">
        <v>1057.627</v>
      </c>
      <c r="H2856">
        <v>1069.105</v>
      </c>
      <c r="I2856">
        <v>1081.3530000000001</v>
      </c>
      <c r="J2856">
        <v>1093.4290000000001</v>
      </c>
      <c r="K2856">
        <v>1093.1849999999999</v>
      </c>
      <c r="L2856">
        <v>1112.6030000000001</v>
      </c>
      <c r="M2856">
        <v>1105.0060000000001</v>
      </c>
      <c r="P2856">
        <v>0</v>
      </c>
      <c r="Q2856">
        <v>0</v>
      </c>
      <c r="S2856">
        <v>0</v>
      </c>
    </row>
    <row r="2857" spans="1:19" x14ac:dyDescent="0.3">
      <c r="A2857">
        <v>76.51666666457119</v>
      </c>
      <c r="B2857">
        <v>875.18600000000004</v>
      </c>
      <c r="C2857">
        <v>980.78700000000003</v>
      </c>
      <c r="D2857">
        <v>971.452</v>
      </c>
      <c r="E2857">
        <v>1012.489</v>
      </c>
      <c r="F2857">
        <v>1026.8489999999999</v>
      </c>
      <c r="G2857">
        <v>1052.99</v>
      </c>
      <c r="H2857">
        <v>1067.8009999999999</v>
      </c>
      <c r="I2857">
        <v>1076.73</v>
      </c>
      <c r="J2857">
        <v>1088.019</v>
      </c>
      <c r="K2857">
        <v>1088.712</v>
      </c>
      <c r="L2857">
        <v>1110.0719999999999</v>
      </c>
      <c r="M2857">
        <v>1103.202</v>
      </c>
      <c r="P2857">
        <v>0</v>
      </c>
      <c r="Q2857">
        <v>0</v>
      </c>
      <c r="S2857">
        <v>0</v>
      </c>
    </row>
    <row r="2858" spans="1:19" x14ac:dyDescent="0.3">
      <c r="A2858">
        <v>76.533333335133889</v>
      </c>
      <c r="B2858">
        <v>873.24400000000003</v>
      </c>
      <c r="C2858">
        <v>982.47500000000002</v>
      </c>
      <c r="D2858">
        <v>971.61500000000001</v>
      </c>
      <c r="E2858">
        <v>1012.069</v>
      </c>
      <c r="F2858">
        <v>1024.335</v>
      </c>
      <c r="G2858">
        <v>1051.2349999999999</v>
      </c>
      <c r="H2858">
        <v>1066.1849999999999</v>
      </c>
      <c r="I2858">
        <v>1076.451</v>
      </c>
      <c r="J2858">
        <v>1092.8499999999999</v>
      </c>
      <c r="K2858">
        <v>1094.366</v>
      </c>
      <c r="L2858">
        <v>1114.3230000000001</v>
      </c>
      <c r="M2858">
        <v>1108.261</v>
      </c>
      <c r="P2858">
        <v>0</v>
      </c>
      <c r="Q2858">
        <v>0</v>
      </c>
      <c r="S2858">
        <v>0</v>
      </c>
    </row>
    <row r="2859" spans="1:19" x14ac:dyDescent="0.3">
      <c r="A2859">
        <v>76.566666665781909</v>
      </c>
      <c r="B2859">
        <v>874.39200000000005</v>
      </c>
      <c r="C2859">
        <v>982.94600000000003</v>
      </c>
      <c r="D2859">
        <v>968.09100000000001</v>
      </c>
      <c r="E2859">
        <v>1014.505</v>
      </c>
      <c r="F2859">
        <v>1025.4169999999999</v>
      </c>
      <c r="G2859">
        <v>1050.2180000000001</v>
      </c>
      <c r="H2859">
        <v>1067.3910000000001</v>
      </c>
      <c r="I2859">
        <v>1077.7370000000001</v>
      </c>
      <c r="J2859">
        <v>1100.8330000000001</v>
      </c>
      <c r="K2859">
        <v>1098.144</v>
      </c>
      <c r="L2859">
        <v>1120.7650000000001</v>
      </c>
      <c r="M2859">
        <v>1111.2809999999999</v>
      </c>
      <c r="P2859">
        <v>0</v>
      </c>
      <c r="Q2859">
        <v>0</v>
      </c>
      <c r="S2859">
        <v>0</v>
      </c>
    </row>
    <row r="2860" spans="1:19" x14ac:dyDescent="0.3">
      <c r="A2860">
        <v>76.583333336344609</v>
      </c>
      <c r="B2860">
        <v>876.65099999999995</v>
      </c>
      <c r="C2860">
        <v>983.03599999999994</v>
      </c>
      <c r="D2860">
        <v>969.89700000000005</v>
      </c>
      <c r="E2860">
        <v>1017.237</v>
      </c>
      <c r="F2860">
        <v>1026.7570000000001</v>
      </c>
      <c r="G2860">
        <v>1049.866</v>
      </c>
      <c r="H2860">
        <v>1064.625</v>
      </c>
      <c r="I2860">
        <v>1076.972</v>
      </c>
      <c r="J2860">
        <v>1097.222</v>
      </c>
      <c r="K2860">
        <v>1098.3119999999999</v>
      </c>
      <c r="L2860">
        <v>1121.4639999999999</v>
      </c>
      <c r="M2860">
        <v>1112.6980000000001</v>
      </c>
      <c r="P2860">
        <v>0</v>
      </c>
      <c r="Q2860">
        <v>0</v>
      </c>
      <c r="S2860">
        <v>0</v>
      </c>
    </row>
    <row r="2861" spans="1:19" x14ac:dyDescent="0.3">
      <c r="A2861">
        <v>76.616666666992629</v>
      </c>
      <c r="B2861">
        <v>876.73900000000003</v>
      </c>
      <c r="C2861">
        <v>979.73500000000001</v>
      </c>
      <c r="D2861">
        <v>967.16899999999998</v>
      </c>
      <c r="E2861">
        <v>1014.816</v>
      </c>
      <c r="F2861">
        <v>1027.6590000000001</v>
      </c>
      <c r="G2861">
        <v>1051.6220000000001</v>
      </c>
      <c r="H2861">
        <v>1067.4280000000001</v>
      </c>
      <c r="I2861">
        <v>1083.769</v>
      </c>
      <c r="J2861">
        <v>1103.4459999999999</v>
      </c>
      <c r="K2861">
        <v>1101.3019999999999</v>
      </c>
      <c r="L2861">
        <v>1123.2429999999999</v>
      </c>
      <c r="M2861">
        <v>1115.097</v>
      </c>
      <c r="P2861">
        <v>0</v>
      </c>
      <c r="Q2861">
        <v>0</v>
      </c>
      <c r="S2861">
        <v>0</v>
      </c>
    </row>
    <row r="2862" spans="1:19" x14ac:dyDescent="0.3">
      <c r="A2862">
        <v>76.649999997640649</v>
      </c>
      <c r="B2862">
        <v>873.44</v>
      </c>
      <c r="C2862">
        <v>978.05100000000004</v>
      </c>
      <c r="D2862">
        <v>968.23699999999997</v>
      </c>
      <c r="E2862">
        <v>1014.379</v>
      </c>
      <c r="F2862">
        <v>1027.385</v>
      </c>
      <c r="G2862">
        <v>1051.569</v>
      </c>
      <c r="H2862">
        <v>1070.115</v>
      </c>
      <c r="I2862">
        <v>1082.03</v>
      </c>
      <c r="J2862">
        <v>1099.1990000000001</v>
      </c>
      <c r="K2862">
        <v>1096.19</v>
      </c>
      <c r="L2862">
        <v>1118.6510000000001</v>
      </c>
      <c r="M2862">
        <v>1111.925</v>
      </c>
      <c r="P2862">
        <v>0</v>
      </c>
      <c r="Q2862">
        <v>0</v>
      </c>
      <c r="S2862">
        <v>0</v>
      </c>
    </row>
    <row r="2863" spans="1:19" x14ac:dyDescent="0.3">
      <c r="A2863">
        <v>76.666666668203348</v>
      </c>
      <c r="B2863">
        <v>880.71199999999999</v>
      </c>
      <c r="C2863">
        <v>981.11300000000006</v>
      </c>
      <c r="D2863">
        <v>968.97500000000002</v>
      </c>
      <c r="E2863">
        <v>1011.6660000000001</v>
      </c>
      <c r="F2863">
        <v>1025.3240000000001</v>
      </c>
      <c r="G2863">
        <v>1047.998</v>
      </c>
      <c r="H2863">
        <v>1065.979</v>
      </c>
      <c r="I2863">
        <v>1075.6669999999999</v>
      </c>
      <c r="J2863">
        <v>1092.0999999999999</v>
      </c>
      <c r="K2863">
        <v>1092.3430000000001</v>
      </c>
      <c r="L2863">
        <v>1115.153</v>
      </c>
      <c r="M2863">
        <v>1108.335</v>
      </c>
      <c r="P2863">
        <v>0</v>
      </c>
      <c r="Q2863">
        <v>0</v>
      </c>
      <c r="S2863">
        <v>0</v>
      </c>
    </row>
    <row r="2864" spans="1:19" x14ac:dyDescent="0.3">
      <c r="A2864">
        <v>76.699999998851368</v>
      </c>
      <c r="B2864">
        <v>891.72799999999995</v>
      </c>
      <c r="C2864">
        <v>982.16600000000005</v>
      </c>
      <c r="D2864">
        <v>967.76499999999999</v>
      </c>
      <c r="E2864">
        <v>1013.111</v>
      </c>
      <c r="F2864">
        <v>1026.297</v>
      </c>
      <c r="G2864">
        <v>1047.5740000000001</v>
      </c>
      <c r="H2864">
        <v>1066.0730000000001</v>
      </c>
      <c r="I2864">
        <v>1073.412</v>
      </c>
      <c r="J2864">
        <v>1088.768</v>
      </c>
      <c r="K2864">
        <v>1092.213</v>
      </c>
      <c r="L2864">
        <v>1114.8699999999999</v>
      </c>
      <c r="M2864">
        <v>1109.731</v>
      </c>
      <c r="P2864">
        <v>0</v>
      </c>
      <c r="Q2864">
        <v>0</v>
      </c>
      <c r="S2864">
        <v>0</v>
      </c>
    </row>
    <row r="2865" spans="1:19" x14ac:dyDescent="0.3">
      <c r="A2865">
        <v>76.733333339976767</v>
      </c>
      <c r="B2865">
        <v>885.88300000000004</v>
      </c>
      <c r="C2865">
        <v>981.875</v>
      </c>
      <c r="D2865">
        <v>967.34900000000005</v>
      </c>
      <c r="E2865">
        <v>1011.1180000000001</v>
      </c>
      <c r="F2865">
        <v>1024.829</v>
      </c>
      <c r="G2865">
        <v>1047.277</v>
      </c>
      <c r="H2865">
        <v>1071.3050000000001</v>
      </c>
      <c r="I2865">
        <v>1077.232</v>
      </c>
      <c r="J2865">
        <v>1093.354</v>
      </c>
      <c r="K2865">
        <v>1097.71</v>
      </c>
      <c r="L2865">
        <v>1118.799</v>
      </c>
      <c r="M2865">
        <v>1111.7149999999999</v>
      </c>
      <c r="P2865">
        <v>0</v>
      </c>
      <c r="Q2865">
        <v>0</v>
      </c>
      <c r="S2865">
        <v>0</v>
      </c>
    </row>
    <row r="2866" spans="1:19" x14ac:dyDescent="0.3">
      <c r="A2866">
        <v>76.750000000062087</v>
      </c>
      <c r="B2866">
        <v>880.41099999999994</v>
      </c>
      <c r="C2866">
        <v>978.447</v>
      </c>
      <c r="D2866">
        <v>968.72199999999998</v>
      </c>
      <c r="E2866">
        <v>1010.241</v>
      </c>
      <c r="F2866">
        <v>1025.489</v>
      </c>
      <c r="G2866">
        <v>1049.2180000000001</v>
      </c>
      <c r="H2866">
        <v>1072.442</v>
      </c>
      <c r="I2866">
        <v>1079.6179999999999</v>
      </c>
      <c r="J2866">
        <v>1095.867</v>
      </c>
      <c r="K2866">
        <v>1098.951</v>
      </c>
      <c r="L2866">
        <v>1118.875</v>
      </c>
      <c r="M2866">
        <v>1111.847</v>
      </c>
      <c r="P2866">
        <v>0</v>
      </c>
      <c r="Q2866">
        <v>0</v>
      </c>
      <c r="S2866">
        <v>0</v>
      </c>
    </row>
    <row r="2867" spans="1:19" x14ac:dyDescent="0.3">
      <c r="A2867">
        <v>76.783333330710107</v>
      </c>
      <c r="B2867">
        <v>874.81399999999996</v>
      </c>
      <c r="C2867">
        <v>979.173</v>
      </c>
      <c r="D2867">
        <v>970.11400000000003</v>
      </c>
      <c r="E2867">
        <v>1012.251</v>
      </c>
      <c r="F2867">
        <v>1025.471</v>
      </c>
      <c r="G2867">
        <v>1048.0540000000001</v>
      </c>
      <c r="H2867">
        <v>1071.472</v>
      </c>
      <c r="I2867">
        <v>1080.1030000000001</v>
      </c>
      <c r="J2867">
        <v>1098.1990000000001</v>
      </c>
      <c r="K2867">
        <v>1098.2180000000001</v>
      </c>
      <c r="L2867">
        <v>1118.4970000000001</v>
      </c>
      <c r="M2867">
        <v>1110.373</v>
      </c>
      <c r="P2867">
        <v>0</v>
      </c>
      <c r="Q2867">
        <v>0</v>
      </c>
      <c r="S2867">
        <v>0</v>
      </c>
    </row>
    <row r="2868" spans="1:19" x14ac:dyDescent="0.3">
      <c r="A2868">
        <v>76.800000001272807</v>
      </c>
      <c r="B2868">
        <v>885.54700000000003</v>
      </c>
      <c r="C2868">
        <v>979.154</v>
      </c>
      <c r="D2868">
        <v>970.38499999999999</v>
      </c>
      <c r="E2868">
        <v>1014.082</v>
      </c>
      <c r="F2868">
        <v>1029.076</v>
      </c>
      <c r="G2868">
        <v>1049.9580000000001</v>
      </c>
      <c r="H2868">
        <v>1070.1120000000001</v>
      </c>
      <c r="I2868">
        <v>1078.5740000000001</v>
      </c>
      <c r="J2868">
        <v>1094.6079999999999</v>
      </c>
      <c r="K2868">
        <v>1094.627</v>
      </c>
      <c r="L2868">
        <v>1117.212</v>
      </c>
      <c r="M2868">
        <v>1108.4469999999999</v>
      </c>
      <c r="P2868">
        <v>0</v>
      </c>
      <c r="Q2868">
        <v>0</v>
      </c>
      <c r="S2868">
        <v>0</v>
      </c>
    </row>
    <row r="2869" spans="1:19" x14ac:dyDescent="0.3">
      <c r="A2869">
        <v>76.833333331920826</v>
      </c>
      <c r="B2869">
        <v>880.11</v>
      </c>
      <c r="C2869">
        <v>979.77</v>
      </c>
      <c r="D2869">
        <v>972.66099999999994</v>
      </c>
      <c r="E2869">
        <v>1018.575</v>
      </c>
      <c r="F2869">
        <v>1033.181</v>
      </c>
      <c r="G2869">
        <v>1056.123</v>
      </c>
      <c r="H2869">
        <v>1074.0999999999999</v>
      </c>
      <c r="I2869">
        <v>1088.242</v>
      </c>
      <c r="J2869">
        <v>1101.6959999999999</v>
      </c>
      <c r="K2869">
        <v>1100.568</v>
      </c>
      <c r="L2869">
        <v>1120.7819999999999</v>
      </c>
      <c r="M2869">
        <v>1110.3910000000001</v>
      </c>
      <c r="P2869">
        <v>0</v>
      </c>
      <c r="Q2869">
        <v>0</v>
      </c>
      <c r="S2869">
        <v>0</v>
      </c>
    </row>
    <row r="2870" spans="1:19" x14ac:dyDescent="0.3">
      <c r="A2870">
        <v>76.866666673046225</v>
      </c>
      <c r="B2870">
        <v>872.59</v>
      </c>
      <c r="C2870">
        <v>979.245</v>
      </c>
      <c r="D2870">
        <v>973.40499999999997</v>
      </c>
      <c r="E2870">
        <v>1019.474</v>
      </c>
      <c r="F2870">
        <v>1034.7829999999999</v>
      </c>
      <c r="G2870">
        <v>1059.854</v>
      </c>
      <c r="H2870">
        <v>1080.271</v>
      </c>
      <c r="I2870">
        <v>1090.2270000000001</v>
      </c>
      <c r="J2870">
        <v>1103.7460000000001</v>
      </c>
      <c r="K2870">
        <v>1101.809</v>
      </c>
      <c r="L2870">
        <v>1122.2570000000001</v>
      </c>
      <c r="M2870">
        <v>1109.8820000000001</v>
      </c>
      <c r="P2870">
        <v>0</v>
      </c>
      <c r="Q2870">
        <v>0</v>
      </c>
      <c r="S2870">
        <v>0</v>
      </c>
    </row>
    <row r="2871" spans="1:19" x14ac:dyDescent="0.3">
      <c r="A2871">
        <v>76.883333333131546</v>
      </c>
      <c r="B2871">
        <v>873.40200000000004</v>
      </c>
      <c r="C2871">
        <v>982.00199999999995</v>
      </c>
      <c r="D2871">
        <v>967.51099999999997</v>
      </c>
      <c r="E2871">
        <v>1020.318</v>
      </c>
      <c r="F2871">
        <v>1034.3779999999999</v>
      </c>
      <c r="G2871">
        <v>1058.258</v>
      </c>
      <c r="H2871">
        <v>1076.394</v>
      </c>
      <c r="I2871">
        <v>1093.635</v>
      </c>
      <c r="J2871">
        <v>1105.9090000000001</v>
      </c>
      <c r="K2871">
        <v>1103.3699999999999</v>
      </c>
      <c r="L2871">
        <v>1123.394</v>
      </c>
      <c r="M2871">
        <v>1110.0329999999999</v>
      </c>
      <c r="P2871">
        <v>0</v>
      </c>
      <c r="Q2871">
        <v>0</v>
      </c>
      <c r="S2871">
        <v>0</v>
      </c>
    </row>
    <row r="2872" spans="1:19" x14ac:dyDescent="0.3">
      <c r="A2872">
        <v>76.916666663779566</v>
      </c>
      <c r="B2872">
        <v>865.19899999999996</v>
      </c>
      <c r="C2872">
        <v>981.947</v>
      </c>
      <c r="D2872">
        <v>966.17399999999998</v>
      </c>
      <c r="E2872">
        <v>1015.769</v>
      </c>
      <c r="F2872">
        <v>1030.346</v>
      </c>
      <c r="G2872">
        <v>1054.2670000000001</v>
      </c>
      <c r="H2872">
        <v>1072.646</v>
      </c>
      <c r="I2872">
        <v>1092.604</v>
      </c>
      <c r="J2872">
        <v>1108.1079999999999</v>
      </c>
      <c r="K2872">
        <v>1103.501</v>
      </c>
      <c r="L2872">
        <v>1123.6780000000001</v>
      </c>
      <c r="M2872">
        <v>1110.354</v>
      </c>
      <c r="P2872">
        <v>0</v>
      </c>
      <c r="Q2872">
        <v>0</v>
      </c>
      <c r="S2872">
        <v>0</v>
      </c>
    </row>
    <row r="2873" spans="1:19" x14ac:dyDescent="0.3">
      <c r="A2873">
        <v>76.933333334342265</v>
      </c>
      <c r="B2873">
        <v>873.61300000000006</v>
      </c>
      <c r="C2873">
        <v>981.29399999999998</v>
      </c>
      <c r="D2873">
        <v>966.66200000000003</v>
      </c>
      <c r="E2873">
        <v>1014.283</v>
      </c>
      <c r="F2873">
        <v>1028.357</v>
      </c>
      <c r="G2873">
        <v>1051.048</v>
      </c>
      <c r="H2873">
        <v>1068.0050000000001</v>
      </c>
      <c r="I2873">
        <v>1084.067</v>
      </c>
      <c r="J2873">
        <v>1103.144</v>
      </c>
      <c r="K2873">
        <v>1100.0409999999999</v>
      </c>
      <c r="L2873">
        <v>1120.7260000000001</v>
      </c>
      <c r="M2873">
        <v>1113.2439999999999</v>
      </c>
      <c r="P2873">
        <v>0</v>
      </c>
      <c r="Q2873">
        <v>0</v>
      </c>
      <c r="S2873">
        <v>0</v>
      </c>
    </row>
    <row r="2874" spans="1:19" x14ac:dyDescent="0.3">
      <c r="A2874">
        <v>76.966666664990285</v>
      </c>
      <c r="B2874">
        <v>876.86199999999997</v>
      </c>
      <c r="C2874">
        <v>983.18</v>
      </c>
      <c r="D2874">
        <v>966.91499999999996</v>
      </c>
      <c r="E2874">
        <v>1010.971</v>
      </c>
      <c r="F2874">
        <v>1026.241</v>
      </c>
      <c r="G2874">
        <v>1047.5540000000001</v>
      </c>
      <c r="H2874">
        <v>1066.183</v>
      </c>
      <c r="I2874">
        <v>1082.7750000000001</v>
      </c>
      <c r="J2874">
        <v>1105.645</v>
      </c>
      <c r="K2874">
        <v>1100.3800000000001</v>
      </c>
      <c r="L2874">
        <v>1121.1790000000001</v>
      </c>
      <c r="M2874">
        <v>1112.7339999999999</v>
      </c>
      <c r="P2874">
        <v>0</v>
      </c>
      <c r="Q2874">
        <v>0</v>
      </c>
      <c r="S2874">
        <v>0</v>
      </c>
    </row>
    <row r="2875" spans="1:19" x14ac:dyDescent="0.3">
      <c r="A2875">
        <v>77.000000006115684</v>
      </c>
      <c r="B2875">
        <v>876.88</v>
      </c>
      <c r="C2875">
        <v>977.14099999999996</v>
      </c>
      <c r="D2875">
        <v>968.36099999999999</v>
      </c>
      <c r="E2875">
        <v>1005.692</v>
      </c>
      <c r="F2875">
        <v>1026.021</v>
      </c>
      <c r="G2875">
        <v>1048.442</v>
      </c>
      <c r="H2875">
        <v>1066.8520000000001</v>
      </c>
      <c r="I2875">
        <v>1082.701</v>
      </c>
      <c r="J2875">
        <v>1102.4680000000001</v>
      </c>
      <c r="K2875">
        <v>1097.4839999999999</v>
      </c>
      <c r="L2875">
        <v>1119.309</v>
      </c>
      <c r="M2875">
        <v>1109.9580000000001</v>
      </c>
      <c r="P2875">
        <v>0</v>
      </c>
      <c r="Q2875">
        <v>0</v>
      </c>
      <c r="S2875">
        <v>0</v>
      </c>
    </row>
    <row r="2876" spans="1:19" x14ac:dyDescent="0.3">
      <c r="A2876">
        <v>77.016666666201004</v>
      </c>
      <c r="B2876">
        <v>886.57399999999996</v>
      </c>
      <c r="C2876">
        <v>980.87699999999995</v>
      </c>
      <c r="D2876">
        <v>972.64400000000001</v>
      </c>
      <c r="E2876">
        <v>1011.264</v>
      </c>
      <c r="F2876">
        <v>1027.6030000000001</v>
      </c>
      <c r="G2876">
        <v>1050.6600000000001</v>
      </c>
      <c r="H2876">
        <v>1067.3900000000001</v>
      </c>
      <c r="I2876">
        <v>1082.9259999999999</v>
      </c>
      <c r="J2876">
        <v>1100.2860000000001</v>
      </c>
      <c r="K2876">
        <v>1096.337</v>
      </c>
      <c r="L2876">
        <v>1115.701</v>
      </c>
      <c r="M2876">
        <v>1108.9179999999999</v>
      </c>
      <c r="P2876">
        <v>0</v>
      </c>
      <c r="Q2876">
        <v>0</v>
      </c>
      <c r="S2876">
        <v>0</v>
      </c>
    </row>
    <row r="2877" spans="1:19" x14ac:dyDescent="0.3">
      <c r="A2877">
        <v>77.049999996849024</v>
      </c>
      <c r="B2877">
        <v>881.86300000000006</v>
      </c>
      <c r="C2877">
        <v>980.02499999999998</v>
      </c>
      <c r="D2877">
        <v>973.351</v>
      </c>
      <c r="E2877">
        <v>1012.452</v>
      </c>
      <c r="F2877">
        <v>1027.327</v>
      </c>
      <c r="G2877">
        <v>1051.104</v>
      </c>
      <c r="H2877">
        <v>1070.8389999999999</v>
      </c>
      <c r="I2877">
        <v>1081.653</v>
      </c>
      <c r="J2877">
        <v>1096.2059999999999</v>
      </c>
      <c r="K2877">
        <v>1093.279</v>
      </c>
      <c r="L2877">
        <v>1113.8679999999999</v>
      </c>
      <c r="M2877">
        <v>1108.0709999999999</v>
      </c>
      <c r="P2877">
        <v>0</v>
      </c>
      <c r="Q2877">
        <v>0</v>
      </c>
      <c r="S2877">
        <v>0</v>
      </c>
    </row>
    <row r="2878" spans="1:19" x14ac:dyDescent="0.3">
      <c r="A2878">
        <v>77.066666667411724</v>
      </c>
      <c r="B2878">
        <v>875.48199999999997</v>
      </c>
      <c r="C2878">
        <v>980.947</v>
      </c>
      <c r="D2878">
        <v>969.85799999999995</v>
      </c>
      <c r="E2878">
        <v>1013.2910000000001</v>
      </c>
      <c r="F2878">
        <v>1027.4159999999999</v>
      </c>
      <c r="G2878">
        <v>1049.2339999999999</v>
      </c>
      <c r="H2878">
        <v>1066.682</v>
      </c>
      <c r="I2878">
        <v>1076.95</v>
      </c>
      <c r="J2878">
        <v>1092.396</v>
      </c>
      <c r="K2878">
        <v>1090.5609999999999</v>
      </c>
      <c r="L2878">
        <v>1112.335</v>
      </c>
      <c r="M2878">
        <v>1108.6320000000001</v>
      </c>
      <c r="P2878">
        <v>0</v>
      </c>
      <c r="Q2878">
        <v>0</v>
      </c>
      <c r="S2878">
        <v>0</v>
      </c>
    </row>
    <row r="2879" spans="1:19" x14ac:dyDescent="0.3">
      <c r="A2879">
        <v>77.099999998059744</v>
      </c>
      <c r="B2879">
        <v>873.82600000000002</v>
      </c>
      <c r="C2879">
        <v>980.26099999999997</v>
      </c>
      <c r="D2879">
        <v>967.94500000000005</v>
      </c>
      <c r="E2879">
        <v>1010.405</v>
      </c>
      <c r="F2879">
        <v>1026.1859999999999</v>
      </c>
      <c r="G2879">
        <v>1049.2739999999999</v>
      </c>
      <c r="H2879">
        <v>1067.539</v>
      </c>
      <c r="I2879">
        <v>1078.0530000000001</v>
      </c>
      <c r="J2879">
        <v>1093.0170000000001</v>
      </c>
      <c r="K2879">
        <v>1096.5060000000001</v>
      </c>
      <c r="L2879">
        <v>1116.74</v>
      </c>
      <c r="M2879">
        <v>1111.204</v>
      </c>
      <c r="P2879">
        <v>0</v>
      </c>
      <c r="Q2879">
        <v>0</v>
      </c>
      <c r="S2879">
        <v>0</v>
      </c>
    </row>
    <row r="2880" spans="1:19" x14ac:dyDescent="0.3">
      <c r="A2880">
        <v>77.133333339185143</v>
      </c>
      <c r="B2880">
        <v>865.05799999999999</v>
      </c>
      <c r="C2880">
        <v>978.35599999999999</v>
      </c>
      <c r="D2880">
        <v>969.19100000000003</v>
      </c>
      <c r="E2880">
        <v>1009.51</v>
      </c>
      <c r="F2880">
        <v>1024.04</v>
      </c>
      <c r="G2880">
        <v>1047.0920000000001</v>
      </c>
      <c r="H2880">
        <v>1069.1600000000001</v>
      </c>
      <c r="I2880">
        <v>1080.307</v>
      </c>
      <c r="J2880">
        <v>1098.1420000000001</v>
      </c>
      <c r="K2880">
        <v>1102.4480000000001</v>
      </c>
      <c r="L2880">
        <v>1119.1010000000001</v>
      </c>
      <c r="M2880">
        <v>1113.3579999999999</v>
      </c>
      <c r="P2880">
        <v>0</v>
      </c>
      <c r="Q2880">
        <v>0</v>
      </c>
      <c r="S2880">
        <v>0</v>
      </c>
    </row>
    <row r="2881" spans="1:19" x14ac:dyDescent="0.3">
      <c r="A2881">
        <v>77.149999999270463</v>
      </c>
      <c r="B2881">
        <v>865.95500000000004</v>
      </c>
      <c r="C2881">
        <v>976.25199999999995</v>
      </c>
      <c r="D2881">
        <v>968.08900000000006</v>
      </c>
      <c r="E2881">
        <v>1012.871</v>
      </c>
      <c r="F2881">
        <v>1026.498</v>
      </c>
      <c r="G2881">
        <v>1054.749</v>
      </c>
      <c r="H2881">
        <v>1070.1110000000001</v>
      </c>
      <c r="I2881">
        <v>1086.7629999999999</v>
      </c>
      <c r="J2881">
        <v>1100.8119999999999</v>
      </c>
      <c r="K2881">
        <v>1102.26</v>
      </c>
      <c r="L2881">
        <v>1119.0440000000001</v>
      </c>
      <c r="M2881">
        <v>1114.076</v>
      </c>
      <c r="P2881">
        <v>0</v>
      </c>
      <c r="Q2881">
        <v>0</v>
      </c>
      <c r="S2881">
        <v>0</v>
      </c>
    </row>
    <row r="2882" spans="1:19" x14ac:dyDescent="0.3">
      <c r="A2882">
        <v>77.183333329918483</v>
      </c>
      <c r="B2882">
        <v>857.34799999999996</v>
      </c>
      <c r="C2882">
        <v>976.25</v>
      </c>
      <c r="D2882">
        <v>965.23199999999997</v>
      </c>
      <c r="E2882">
        <v>1010.586</v>
      </c>
      <c r="F2882">
        <v>1026.367</v>
      </c>
      <c r="G2882">
        <v>1053.634</v>
      </c>
      <c r="H2882">
        <v>1068.2829999999999</v>
      </c>
      <c r="I2882">
        <v>1086.2750000000001</v>
      </c>
      <c r="J2882">
        <v>1100.453</v>
      </c>
      <c r="K2882">
        <v>1095.846</v>
      </c>
      <c r="L2882">
        <v>1114.5650000000001</v>
      </c>
      <c r="M2882">
        <v>1107.0540000000001</v>
      </c>
      <c r="P2882">
        <v>0</v>
      </c>
      <c r="Q2882">
        <v>0</v>
      </c>
      <c r="S2882">
        <v>0</v>
      </c>
    </row>
    <row r="2883" spans="1:19" x14ac:dyDescent="0.3">
      <c r="A2883">
        <v>77.200000000481182</v>
      </c>
      <c r="B2883">
        <v>850.75900000000001</v>
      </c>
      <c r="C2883">
        <v>975.30700000000002</v>
      </c>
      <c r="D2883">
        <v>961.98</v>
      </c>
      <c r="E2883">
        <v>1009.8</v>
      </c>
      <c r="F2883">
        <v>1024.6990000000001</v>
      </c>
      <c r="G2883">
        <v>1050.4549999999999</v>
      </c>
      <c r="H2883">
        <v>1065.55</v>
      </c>
      <c r="I2883">
        <v>1080.7339999999999</v>
      </c>
      <c r="J2883">
        <v>1094.288</v>
      </c>
      <c r="K2883">
        <v>1091.3109999999999</v>
      </c>
      <c r="L2883">
        <v>1111.1079999999999</v>
      </c>
      <c r="M2883">
        <v>1104.2329999999999</v>
      </c>
      <c r="P2883">
        <v>0</v>
      </c>
      <c r="Q2883">
        <v>0</v>
      </c>
      <c r="S2883">
        <v>0</v>
      </c>
    </row>
    <row r="2884" spans="1:19" x14ac:dyDescent="0.3">
      <c r="A2884">
        <v>77.233333331129202</v>
      </c>
      <c r="B2884">
        <v>871.28099999999995</v>
      </c>
      <c r="C2884">
        <v>975.54300000000001</v>
      </c>
      <c r="D2884">
        <v>965.88300000000004</v>
      </c>
      <c r="E2884">
        <v>1008.85</v>
      </c>
      <c r="F2884">
        <v>1023.617</v>
      </c>
      <c r="G2884">
        <v>1048.366</v>
      </c>
      <c r="H2884">
        <v>1067.183</v>
      </c>
      <c r="I2884">
        <v>1078.74</v>
      </c>
      <c r="J2884">
        <v>1090.787</v>
      </c>
      <c r="K2884">
        <v>1092.2840000000001</v>
      </c>
      <c r="L2884">
        <v>1116.2090000000001</v>
      </c>
      <c r="M2884">
        <v>1107.1659999999999</v>
      </c>
      <c r="P2884">
        <v>0</v>
      </c>
      <c r="Q2884">
        <v>0</v>
      </c>
      <c r="S2884">
        <v>0</v>
      </c>
    </row>
    <row r="2885" spans="1:19" x14ac:dyDescent="0.3">
      <c r="A2885">
        <v>77.266666672254601</v>
      </c>
      <c r="B2885">
        <v>883.47400000000005</v>
      </c>
      <c r="C2885">
        <v>980.80399999999997</v>
      </c>
      <c r="D2885">
        <v>967.69200000000001</v>
      </c>
      <c r="E2885">
        <v>1008.852</v>
      </c>
      <c r="F2885">
        <v>1022.848</v>
      </c>
      <c r="G2885">
        <v>1046.6849999999999</v>
      </c>
      <c r="H2885">
        <v>1065.57</v>
      </c>
      <c r="I2885">
        <v>1079.3009999999999</v>
      </c>
      <c r="J2885">
        <v>1090.5830000000001</v>
      </c>
      <c r="K2885">
        <v>1091.2190000000001</v>
      </c>
      <c r="L2885">
        <v>1115.7950000000001</v>
      </c>
      <c r="M2885">
        <v>1108.635</v>
      </c>
      <c r="P2885">
        <v>0</v>
      </c>
      <c r="Q2885">
        <v>0</v>
      </c>
      <c r="S2885">
        <v>0</v>
      </c>
    </row>
    <row r="2886" spans="1:19" x14ac:dyDescent="0.3">
      <c r="A2886">
        <v>77.283333332339922</v>
      </c>
      <c r="B2886">
        <v>886.37900000000002</v>
      </c>
      <c r="C2886">
        <v>982.54499999999996</v>
      </c>
      <c r="D2886">
        <v>969.101</v>
      </c>
      <c r="E2886">
        <v>1012.067</v>
      </c>
      <c r="F2886">
        <v>1022.94</v>
      </c>
      <c r="G2886">
        <v>1046.278</v>
      </c>
      <c r="H2886">
        <v>1067.3900000000001</v>
      </c>
      <c r="I2886">
        <v>1080.0840000000001</v>
      </c>
      <c r="J2886">
        <v>1093.653</v>
      </c>
      <c r="K2886">
        <v>1098.894</v>
      </c>
      <c r="L2886">
        <v>1122.2940000000001</v>
      </c>
      <c r="M2886">
        <v>1111.1279999999999</v>
      </c>
      <c r="P2886">
        <v>0</v>
      </c>
      <c r="Q2886">
        <v>0</v>
      </c>
      <c r="S2886">
        <v>0</v>
      </c>
    </row>
    <row r="2887" spans="1:19" x14ac:dyDescent="0.3">
      <c r="A2887">
        <v>77.316666662987942</v>
      </c>
      <c r="B2887">
        <v>892.73400000000004</v>
      </c>
      <c r="C2887">
        <v>979.36900000000003</v>
      </c>
      <c r="D2887">
        <v>969.28</v>
      </c>
      <c r="E2887">
        <v>1010.6950000000001</v>
      </c>
      <c r="F2887">
        <v>1023.359</v>
      </c>
      <c r="G2887">
        <v>1046.7940000000001</v>
      </c>
      <c r="H2887">
        <v>1072.1220000000001</v>
      </c>
      <c r="I2887">
        <v>1088.558</v>
      </c>
      <c r="J2887">
        <v>1100.96</v>
      </c>
      <c r="K2887">
        <v>1099.287</v>
      </c>
      <c r="L2887">
        <v>1119.9680000000001</v>
      </c>
      <c r="M2887">
        <v>1108.2560000000001</v>
      </c>
      <c r="P2887">
        <v>0</v>
      </c>
      <c r="Q2887">
        <v>0</v>
      </c>
      <c r="S2887">
        <v>0</v>
      </c>
    </row>
    <row r="2888" spans="1:19" x14ac:dyDescent="0.3">
      <c r="A2888">
        <v>77.333333333550641</v>
      </c>
      <c r="B2888">
        <v>895.16700000000003</v>
      </c>
      <c r="C2888">
        <v>979.35199999999998</v>
      </c>
      <c r="D2888">
        <v>966.78599999999994</v>
      </c>
      <c r="E2888">
        <v>1008.942</v>
      </c>
      <c r="F2888">
        <v>1024.3869999999999</v>
      </c>
      <c r="G2888">
        <v>1047.9960000000001</v>
      </c>
      <c r="H2888">
        <v>1072.8679999999999</v>
      </c>
      <c r="I2888">
        <v>1087.211</v>
      </c>
      <c r="J2888">
        <v>1099.25</v>
      </c>
      <c r="K2888">
        <v>1097.538</v>
      </c>
      <c r="L2888">
        <v>1116.8130000000001</v>
      </c>
      <c r="M2888">
        <v>1106.057</v>
      </c>
      <c r="P2888">
        <v>0</v>
      </c>
      <c r="Q2888">
        <v>0</v>
      </c>
      <c r="S2888">
        <v>0</v>
      </c>
    </row>
    <row r="2889" spans="1:19" x14ac:dyDescent="0.3">
      <c r="A2889">
        <v>77.366666664198661</v>
      </c>
      <c r="B2889">
        <v>891.44200000000001</v>
      </c>
      <c r="C2889">
        <v>976.649</v>
      </c>
      <c r="D2889">
        <v>964.346</v>
      </c>
      <c r="E2889">
        <v>1007.936</v>
      </c>
      <c r="F2889">
        <v>1022.571</v>
      </c>
      <c r="G2889">
        <v>1046.0170000000001</v>
      </c>
      <c r="H2889">
        <v>1070.2950000000001</v>
      </c>
      <c r="I2889">
        <v>1083.915</v>
      </c>
      <c r="J2889">
        <v>1099.7570000000001</v>
      </c>
      <c r="K2889">
        <v>1095.9580000000001</v>
      </c>
      <c r="L2889">
        <v>1114.357</v>
      </c>
      <c r="M2889">
        <v>1106.9780000000001</v>
      </c>
      <c r="P2889">
        <v>0</v>
      </c>
      <c r="Q2889">
        <v>0</v>
      </c>
      <c r="S2889">
        <v>0</v>
      </c>
    </row>
    <row r="2890" spans="1:19" x14ac:dyDescent="0.3">
      <c r="A2890">
        <v>77.40000000532406</v>
      </c>
      <c r="B2890">
        <v>881.33</v>
      </c>
      <c r="C2890">
        <v>970.97900000000004</v>
      </c>
      <c r="D2890">
        <v>966.38900000000001</v>
      </c>
      <c r="E2890">
        <v>1011.372</v>
      </c>
      <c r="F2890">
        <v>1023.451</v>
      </c>
      <c r="G2890">
        <v>1046.3510000000001</v>
      </c>
      <c r="H2890">
        <v>1066.4970000000001</v>
      </c>
      <c r="I2890">
        <v>1078.46</v>
      </c>
      <c r="J2890">
        <v>1094.1569999999999</v>
      </c>
      <c r="K2890">
        <v>1094.662</v>
      </c>
      <c r="L2890">
        <v>1112.6759999999999</v>
      </c>
      <c r="M2890">
        <v>1107.5050000000001</v>
      </c>
      <c r="P2890">
        <v>0</v>
      </c>
      <c r="Q2890">
        <v>0</v>
      </c>
      <c r="S2890">
        <v>0</v>
      </c>
    </row>
    <row r="2891" spans="1:19" x14ac:dyDescent="0.3">
      <c r="A2891">
        <v>77.41666666540938</v>
      </c>
      <c r="B2891">
        <v>891.33500000000004</v>
      </c>
      <c r="C2891">
        <v>975.07100000000003</v>
      </c>
      <c r="D2891">
        <v>968.46600000000001</v>
      </c>
      <c r="E2891">
        <v>1012.869</v>
      </c>
      <c r="F2891">
        <v>1024.6610000000001</v>
      </c>
      <c r="G2891">
        <v>1046.905</v>
      </c>
      <c r="H2891">
        <v>1067.3309999999999</v>
      </c>
      <c r="I2891">
        <v>1076.4090000000001</v>
      </c>
      <c r="J2891">
        <v>1090.711</v>
      </c>
      <c r="K2891">
        <v>1091.2539999999999</v>
      </c>
      <c r="L2891">
        <v>1110.4839999999999</v>
      </c>
      <c r="M2891">
        <v>1105.605</v>
      </c>
      <c r="P2891">
        <v>0</v>
      </c>
      <c r="Q2891">
        <v>0</v>
      </c>
      <c r="S2891">
        <v>0</v>
      </c>
    </row>
    <row r="2892" spans="1:19" x14ac:dyDescent="0.3">
      <c r="A2892">
        <v>77.450000006534779</v>
      </c>
      <c r="B2892">
        <v>892.93</v>
      </c>
      <c r="C2892">
        <v>977.95500000000004</v>
      </c>
      <c r="D2892">
        <v>967.56299999999999</v>
      </c>
      <c r="E2892">
        <v>1010.787</v>
      </c>
      <c r="F2892">
        <v>1023.213</v>
      </c>
      <c r="G2892">
        <v>1047.2380000000001</v>
      </c>
      <c r="H2892">
        <v>1068.376</v>
      </c>
      <c r="I2892">
        <v>1074.509</v>
      </c>
      <c r="J2892">
        <v>1088.3900000000001</v>
      </c>
      <c r="K2892">
        <v>1089.4390000000001</v>
      </c>
      <c r="L2892">
        <v>1116.02</v>
      </c>
      <c r="M2892">
        <v>1107.1659999999999</v>
      </c>
      <c r="P2892">
        <v>0</v>
      </c>
      <c r="Q2892">
        <v>0</v>
      </c>
      <c r="S2892">
        <v>0</v>
      </c>
    </row>
    <row r="2893" spans="1:19" x14ac:dyDescent="0.3">
      <c r="A2893">
        <v>77.483333337182799</v>
      </c>
      <c r="B2893">
        <v>887.72299999999996</v>
      </c>
      <c r="C2893">
        <v>975.36199999999997</v>
      </c>
      <c r="D2893">
        <v>967.58100000000002</v>
      </c>
      <c r="E2893">
        <v>1011.554</v>
      </c>
      <c r="F2893">
        <v>1023.69</v>
      </c>
      <c r="G2893">
        <v>1048.0139999999999</v>
      </c>
      <c r="H2893">
        <v>1069.7370000000001</v>
      </c>
      <c r="I2893">
        <v>1077.9570000000001</v>
      </c>
      <c r="J2893">
        <v>1095.319</v>
      </c>
      <c r="K2893">
        <v>1095.2629999999999</v>
      </c>
      <c r="L2893">
        <v>1118.759</v>
      </c>
      <c r="M2893">
        <v>1109.086</v>
      </c>
      <c r="P2893">
        <v>0</v>
      </c>
      <c r="Q2893">
        <v>0</v>
      </c>
      <c r="S2893">
        <v>0</v>
      </c>
    </row>
    <row r="2894" spans="1:19" x14ac:dyDescent="0.3">
      <c r="A2894">
        <v>77.49999999726812</v>
      </c>
      <c r="B2894">
        <v>877.86500000000001</v>
      </c>
      <c r="C2894">
        <v>976.59400000000005</v>
      </c>
      <c r="D2894">
        <v>968.43</v>
      </c>
      <c r="E2894">
        <v>1010.7859999999999</v>
      </c>
      <c r="F2894">
        <v>1023.835</v>
      </c>
      <c r="G2894">
        <v>1050.6569999999999</v>
      </c>
      <c r="H2894">
        <v>1072.252</v>
      </c>
      <c r="I2894">
        <v>1089.0440000000001</v>
      </c>
      <c r="J2894">
        <v>1098.308</v>
      </c>
      <c r="K2894">
        <v>1098.5150000000001</v>
      </c>
      <c r="L2894">
        <v>1119.5889999999999</v>
      </c>
      <c r="M2894">
        <v>1110.2940000000001</v>
      </c>
      <c r="P2894">
        <v>0</v>
      </c>
      <c r="Q2894">
        <v>0</v>
      </c>
      <c r="S2894">
        <v>0</v>
      </c>
    </row>
    <row r="2895" spans="1:19" x14ac:dyDescent="0.3">
      <c r="A2895">
        <v>77.533333338393518</v>
      </c>
      <c r="B2895">
        <v>871.79200000000003</v>
      </c>
      <c r="C2895">
        <v>977.46500000000003</v>
      </c>
      <c r="D2895">
        <v>966.58699999999999</v>
      </c>
      <c r="E2895">
        <v>1009.471</v>
      </c>
      <c r="F2895">
        <v>1024.4780000000001</v>
      </c>
      <c r="G2895">
        <v>1049.4369999999999</v>
      </c>
      <c r="H2895">
        <v>1070.836</v>
      </c>
      <c r="I2895">
        <v>1084.627</v>
      </c>
      <c r="J2895">
        <v>1097.5940000000001</v>
      </c>
      <c r="K2895">
        <v>1095.789</v>
      </c>
      <c r="L2895">
        <v>1116.4159999999999</v>
      </c>
      <c r="M2895">
        <v>1109.3689999999999</v>
      </c>
      <c r="P2895">
        <v>0</v>
      </c>
      <c r="Q2895">
        <v>0</v>
      </c>
      <c r="S2895">
        <v>0</v>
      </c>
    </row>
    <row r="2896" spans="1:19" x14ac:dyDescent="0.3">
      <c r="A2896">
        <v>77.549999998478839</v>
      </c>
      <c r="B2896">
        <v>876.08299999999997</v>
      </c>
      <c r="C2896">
        <v>978.01</v>
      </c>
      <c r="D2896">
        <v>966.89499999999998</v>
      </c>
      <c r="E2896">
        <v>1012.523</v>
      </c>
      <c r="F2896">
        <v>1024.588</v>
      </c>
      <c r="G2896">
        <v>1048.7719999999999</v>
      </c>
      <c r="H2896">
        <v>1070.799</v>
      </c>
      <c r="I2896">
        <v>1081.838</v>
      </c>
      <c r="J2896">
        <v>1096.0530000000001</v>
      </c>
      <c r="K2896">
        <v>1093.857</v>
      </c>
      <c r="L2896">
        <v>1115.2639999999999</v>
      </c>
      <c r="M2896">
        <v>1110.4269999999999</v>
      </c>
      <c r="P2896">
        <v>0</v>
      </c>
      <c r="Q2896">
        <v>0</v>
      </c>
      <c r="S2896">
        <v>0</v>
      </c>
    </row>
    <row r="2897" spans="1:19" x14ac:dyDescent="0.3">
      <c r="A2897">
        <v>77.583333339604238</v>
      </c>
      <c r="B2897">
        <v>881.22199999999998</v>
      </c>
      <c r="C2897">
        <v>977.26499999999999</v>
      </c>
      <c r="D2897">
        <v>966.875</v>
      </c>
      <c r="E2897">
        <v>1013.125</v>
      </c>
      <c r="F2897">
        <v>1026.55</v>
      </c>
      <c r="G2897">
        <v>1049.6579999999999</v>
      </c>
      <c r="H2897">
        <v>1068.896</v>
      </c>
      <c r="I2897">
        <v>1083.933</v>
      </c>
      <c r="J2897">
        <v>1091.9269999999999</v>
      </c>
      <c r="K2897">
        <v>1092.9570000000001</v>
      </c>
      <c r="L2897">
        <v>1111.9190000000001</v>
      </c>
      <c r="M2897">
        <v>1108.011</v>
      </c>
      <c r="P2897">
        <v>0</v>
      </c>
      <c r="Q2897">
        <v>0</v>
      </c>
      <c r="S2897">
        <v>0</v>
      </c>
    </row>
    <row r="2898" spans="1:19" x14ac:dyDescent="0.3">
      <c r="A2898">
        <v>77.616666670252258</v>
      </c>
      <c r="B2898">
        <v>876.01199999999994</v>
      </c>
      <c r="C2898">
        <v>978.84299999999996</v>
      </c>
      <c r="D2898">
        <v>970.52599999999995</v>
      </c>
      <c r="E2898">
        <v>1017.16</v>
      </c>
      <c r="F2898">
        <v>1028.134</v>
      </c>
      <c r="G2898">
        <v>1049.825</v>
      </c>
      <c r="H2898">
        <v>1067.201</v>
      </c>
      <c r="I2898">
        <v>1081.2380000000001</v>
      </c>
      <c r="J2898">
        <v>1087.9590000000001</v>
      </c>
      <c r="K2898">
        <v>1088.0530000000001</v>
      </c>
      <c r="L2898">
        <v>1107.297</v>
      </c>
      <c r="M2898">
        <v>1104.8340000000001</v>
      </c>
      <c r="P2898">
        <v>0</v>
      </c>
      <c r="Q2898">
        <v>0</v>
      </c>
      <c r="S2898">
        <v>0</v>
      </c>
    </row>
    <row r="2899" spans="1:19" x14ac:dyDescent="0.3">
      <c r="A2899">
        <v>77.633333330337578</v>
      </c>
      <c r="B2899">
        <v>874.33399999999995</v>
      </c>
      <c r="C2899">
        <v>977.26499999999999</v>
      </c>
      <c r="D2899">
        <v>966.40599999999995</v>
      </c>
      <c r="E2899">
        <v>1018.077</v>
      </c>
      <c r="F2899">
        <v>1028.538</v>
      </c>
      <c r="G2899">
        <v>1049.085</v>
      </c>
      <c r="H2899">
        <v>1065.549</v>
      </c>
      <c r="I2899">
        <v>1075.943</v>
      </c>
      <c r="J2899">
        <v>1088.3330000000001</v>
      </c>
      <c r="K2899">
        <v>1089.3630000000001</v>
      </c>
      <c r="L2899">
        <v>1112.297</v>
      </c>
      <c r="M2899">
        <v>1106.0740000000001</v>
      </c>
      <c r="P2899">
        <v>0</v>
      </c>
      <c r="Q2899">
        <v>0</v>
      </c>
      <c r="S2899">
        <v>0</v>
      </c>
    </row>
    <row r="2900" spans="1:19" x14ac:dyDescent="0.3">
      <c r="A2900">
        <v>77.666666671462977</v>
      </c>
      <c r="B2900">
        <v>878.48400000000004</v>
      </c>
      <c r="C2900">
        <v>974.36400000000003</v>
      </c>
      <c r="D2900">
        <v>961.49099999999999</v>
      </c>
      <c r="E2900">
        <v>1014.409</v>
      </c>
      <c r="F2900">
        <v>1025.5229999999999</v>
      </c>
      <c r="G2900">
        <v>1045.703</v>
      </c>
      <c r="H2900">
        <v>1061.93</v>
      </c>
      <c r="I2900">
        <v>1071.973</v>
      </c>
      <c r="J2900">
        <v>1085.319</v>
      </c>
      <c r="K2900">
        <v>1085.1880000000001</v>
      </c>
      <c r="L2900">
        <v>1109.463</v>
      </c>
      <c r="M2900">
        <v>1106.32</v>
      </c>
      <c r="P2900">
        <v>0</v>
      </c>
      <c r="Q2900">
        <v>0</v>
      </c>
      <c r="S2900">
        <v>0</v>
      </c>
    </row>
    <row r="2901" spans="1:19" x14ac:dyDescent="0.3">
      <c r="A2901">
        <v>77.683333331548297</v>
      </c>
      <c r="B2901">
        <v>888.55499999999995</v>
      </c>
      <c r="C2901">
        <v>971.17700000000002</v>
      </c>
      <c r="D2901">
        <v>964.07500000000005</v>
      </c>
      <c r="E2901">
        <v>1014.795</v>
      </c>
      <c r="F2901">
        <v>1024.2940000000001</v>
      </c>
      <c r="G2901">
        <v>1045.8140000000001</v>
      </c>
      <c r="H2901">
        <v>1063.2660000000001</v>
      </c>
      <c r="I2901">
        <v>1073.0909999999999</v>
      </c>
      <c r="J2901">
        <v>1088.521</v>
      </c>
      <c r="K2901">
        <v>1093.9880000000001</v>
      </c>
      <c r="L2901">
        <v>1113.828</v>
      </c>
      <c r="M2901">
        <v>1107.203</v>
      </c>
      <c r="P2901">
        <v>0</v>
      </c>
      <c r="Q2901">
        <v>0</v>
      </c>
      <c r="S2901">
        <v>0</v>
      </c>
    </row>
    <row r="2902" spans="1:19" x14ac:dyDescent="0.3">
      <c r="A2902">
        <v>77.716666672673696</v>
      </c>
      <c r="B2902">
        <v>884.03899999999999</v>
      </c>
      <c r="C2902">
        <v>973.45699999999999</v>
      </c>
      <c r="D2902">
        <v>966.08199999999999</v>
      </c>
      <c r="E2902">
        <v>1014.649</v>
      </c>
      <c r="F2902">
        <v>1022.388</v>
      </c>
      <c r="G2902">
        <v>1043.356</v>
      </c>
      <c r="H2902">
        <v>1063.193</v>
      </c>
      <c r="I2902">
        <v>1076.298</v>
      </c>
      <c r="J2902">
        <v>1096.3720000000001</v>
      </c>
      <c r="K2902">
        <v>1097.087</v>
      </c>
      <c r="L2902">
        <v>1121.404</v>
      </c>
      <c r="M2902">
        <v>1114.489</v>
      </c>
      <c r="P2902">
        <v>0</v>
      </c>
      <c r="Q2902">
        <v>0</v>
      </c>
      <c r="S2902">
        <v>0</v>
      </c>
    </row>
    <row r="2903" spans="1:19" x14ac:dyDescent="0.3">
      <c r="A2903">
        <v>77.750000003321716</v>
      </c>
      <c r="B2903">
        <v>884.81899999999996</v>
      </c>
      <c r="C2903">
        <v>974.87199999999996</v>
      </c>
      <c r="D2903">
        <v>976.66800000000001</v>
      </c>
      <c r="E2903">
        <v>1028.5029999999999</v>
      </c>
      <c r="F2903">
        <v>1035.223</v>
      </c>
      <c r="G2903">
        <v>1054.3389999999999</v>
      </c>
      <c r="H2903">
        <v>1072.57</v>
      </c>
      <c r="I2903">
        <v>1084.5709999999999</v>
      </c>
      <c r="J2903">
        <v>1102.691</v>
      </c>
      <c r="K2903">
        <v>1098.723</v>
      </c>
      <c r="L2903">
        <v>1124.4349999999999</v>
      </c>
      <c r="M2903">
        <v>1118.646</v>
      </c>
      <c r="P2903">
        <v>0</v>
      </c>
      <c r="Q2903">
        <v>0</v>
      </c>
      <c r="S2903">
        <v>0</v>
      </c>
    </row>
    <row r="2904" spans="1:19" x14ac:dyDescent="0.3">
      <c r="A2904">
        <v>77.766666663407037</v>
      </c>
      <c r="B2904">
        <v>894.93600000000004</v>
      </c>
      <c r="C2904">
        <v>984.15700000000004</v>
      </c>
      <c r="D2904">
        <v>983.178</v>
      </c>
      <c r="E2904">
        <v>1027.5260000000001</v>
      </c>
      <c r="F2904">
        <v>1040.3610000000001</v>
      </c>
      <c r="G2904">
        <v>1063.7860000000001</v>
      </c>
      <c r="H2904">
        <v>1078.4780000000001</v>
      </c>
      <c r="I2904">
        <v>1088.933</v>
      </c>
      <c r="J2904">
        <v>1105.7370000000001</v>
      </c>
      <c r="K2904">
        <v>1104.9659999999999</v>
      </c>
      <c r="L2904">
        <v>1130.6420000000001</v>
      </c>
      <c r="M2904">
        <v>1121.6489999999999</v>
      </c>
      <c r="P2904">
        <v>0</v>
      </c>
      <c r="Q2904">
        <v>0</v>
      </c>
      <c r="S2904">
        <v>0</v>
      </c>
    </row>
    <row r="2905" spans="1:19" x14ac:dyDescent="0.3">
      <c r="A2905">
        <v>77.800000004532436</v>
      </c>
      <c r="B2905">
        <v>905.84500000000003</v>
      </c>
      <c r="C2905">
        <v>990.46600000000001</v>
      </c>
      <c r="D2905">
        <v>988.62800000000004</v>
      </c>
      <c r="E2905">
        <v>1029.1279999999999</v>
      </c>
      <c r="F2905">
        <v>1045.998</v>
      </c>
      <c r="G2905">
        <v>1072.2139999999999</v>
      </c>
      <c r="H2905">
        <v>1084.925</v>
      </c>
      <c r="I2905">
        <v>1094.249</v>
      </c>
      <c r="J2905">
        <v>1108.105</v>
      </c>
      <c r="K2905">
        <v>1104.1379999999999</v>
      </c>
      <c r="L2905">
        <v>1127.9079999999999</v>
      </c>
      <c r="M2905">
        <v>1122.9159999999999</v>
      </c>
      <c r="P2905">
        <v>0</v>
      </c>
      <c r="Q2905">
        <v>0</v>
      </c>
      <c r="S2905">
        <v>0</v>
      </c>
    </row>
    <row r="2906" spans="1:19" x14ac:dyDescent="0.3">
      <c r="A2906">
        <v>77.816666664617756</v>
      </c>
      <c r="B2906">
        <v>905.31200000000001</v>
      </c>
      <c r="C2906">
        <v>985.58900000000006</v>
      </c>
      <c r="D2906">
        <v>987.11699999999996</v>
      </c>
      <c r="E2906">
        <v>1024.624</v>
      </c>
      <c r="F2906">
        <v>1041.7090000000001</v>
      </c>
      <c r="G2906">
        <v>1071.8420000000001</v>
      </c>
      <c r="H2906">
        <v>1086.9469999999999</v>
      </c>
      <c r="I2906">
        <v>1094.155</v>
      </c>
      <c r="J2906">
        <v>1109.973</v>
      </c>
      <c r="K2906">
        <v>1107.9929999999999</v>
      </c>
      <c r="L2906">
        <v>1125.4970000000001</v>
      </c>
      <c r="M2906">
        <v>1119.627</v>
      </c>
      <c r="P2906">
        <v>0</v>
      </c>
      <c r="Q2906">
        <v>0</v>
      </c>
      <c r="S2906">
        <v>0</v>
      </c>
    </row>
    <row r="2907" spans="1:19" x14ac:dyDescent="0.3">
      <c r="A2907">
        <v>77.850000005743155</v>
      </c>
      <c r="B2907">
        <v>894.26</v>
      </c>
      <c r="C2907">
        <v>984.03</v>
      </c>
      <c r="D2907">
        <v>983.86599999999999</v>
      </c>
      <c r="E2907">
        <v>1024.7159999999999</v>
      </c>
      <c r="F2907">
        <v>1039.0150000000001</v>
      </c>
      <c r="G2907">
        <v>1068.896</v>
      </c>
      <c r="H2907">
        <v>1088.82</v>
      </c>
      <c r="I2907">
        <v>1091.74</v>
      </c>
      <c r="J2907">
        <v>1104.269</v>
      </c>
      <c r="K2907">
        <v>1105.548</v>
      </c>
      <c r="L2907">
        <v>1121.894</v>
      </c>
      <c r="M2907">
        <v>1117.095</v>
      </c>
      <c r="P2907">
        <v>0</v>
      </c>
      <c r="Q2907">
        <v>0</v>
      </c>
      <c r="S2907">
        <v>0</v>
      </c>
    </row>
    <row r="2908" spans="1:19" x14ac:dyDescent="0.3">
      <c r="A2908">
        <v>77.883333336391175</v>
      </c>
      <c r="B2908">
        <v>892.89300000000003</v>
      </c>
      <c r="C2908">
        <v>982.86800000000005</v>
      </c>
      <c r="D2908">
        <v>977.60900000000004</v>
      </c>
      <c r="E2908">
        <v>1015.197</v>
      </c>
      <c r="F2908">
        <v>1031.797</v>
      </c>
      <c r="G2908">
        <v>1063.3579999999999</v>
      </c>
      <c r="H2908">
        <v>1083.614</v>
      </c>
      <c r="I2908">
        <v>1085.9169999999999</v>
      </c>
      <c r="J2908">
        <v>1101.1849999999999</v>
      </c>
      <c r="K2908">
        <v>1101.4480000000001</v>
      </c>
      <c r="L2908">
        <v>1119.8910000000001</v>
      </c>
      <c r="M2908">
        <v>1116.32</v>
      </c>
      <c r="P2908">
        <v>0</v>
      </c>
      <c r="Q2908">
        <v>0</v>
      </c>
      <c r="S2908">
        <v>0</v>
      </c>
    </row>
    <row r="2909" spans="1:19" x14ac:dyDescent="0.3">
      <c r="A2909">
        <v>77.899999996476495</v>
      </c>
      <c r="B2909">
        <v>840.14700000000005</v>
      </c>
      <c r="C2909">
        <v>906.48400000000004</v>
      </c>
      <c r="D2909">
        <v>912.15300000000002</v>
      </c>
      <c r="E2909">
        <v>956.53</v>
      </c>
      <c r="F2909">
        <v>970.85</v>
      </c>
      <c r="G2909">
        <v>1011.37</v>
      </c>
      <c r="H2909">
        <v>1039.7139999999999</v>
      </c>
      <c r="I2909">
        <v>1057.549</v>
      </c>
      <c r="J2909">
        <v>1079.67</v>
      </c>
      <c r="K2909">
        <v>1092.5070000000001</v>
      </c>
      <c r="L2909">
        <v>1111.4839999999999</v>
      </c>
      <c r="M2909">
        <v>1109.7639999999999</v>
      </c>
      <c r="P2909">
        <v>0</v>
      </c>
      <c r="Q2909">
        <v>0</v>
      </c>
      <c r="S2909">
        <v>0</v>
      </c>
    </row>
    <row r="2910" spans="1:19" x14ac:dyDescent="0.3">
      <c r="A2910">
        <v>77.933333337601894</v>
      </c>
      <c r="B2910">
        <v>802.24400000000003</v>
      </c>
      <c r="C2910">
        <v>865.68600000000004</v>
      </c>
      <c r="D2910">
        <v>874.70299999999997</v>
      </c>
      <c r="E2910">
        <v>913.91600000000005</v>
      </c>
      <c r="F2910">
        <v>934.97500000000002</v>
      </c>
      <c r="G2910">
        <v>962.66300000000001</v>
      </c>
      <c r="H2910">
        <v>987.75199999999995</v>
      </c>
      <c r="I2910">
        <v>1012.135</v>
      </c>
      <c r="J2910">
        <v>1039.8779999999999</v>
      </c>
      <c r="K2910">
        <v>1052.799</v>
      </c>
      <c r="L2910">
        <v>1071.1500000000001</v>
      </c>
      <c r="M2910">
        <v>1082.0029999999999</v>
      </c>
      <c r="P2910">
        <v>0</v>
      </c>
      <c r="Q2910">
        <v>0</v>
      </c>
      <c r="S2910">
        <v>0</v>
      </c>
    </row>
    <row r="2911" spans="1:19" x14ac:dyDescent="0.3">
      <c r="A2911">
        <v>77.949999997687215</v>
      </c>
      <c r="B2911">
        <v>766.86199999999997</v>
      </c>
      <c r="C2911">
        <v>839.16700000000003</v>
      </c>
      <c r="D2911">
        <v>848.91499999999996</v>
      </c>
      <c r="E2911">
        <v>889.38599999999997</v>
      </c>
      <c r="F2911">
        <v>917.25099999999998</v>
      </c>
      <c r="G2911">
        <v>939.947</v>
      </c>
      <c r="H2911">
        <v>961.83299999999997</v>
      </c>
      <c r="I2911">
        <v>979.89400000000001</v>
      </c>
      <c r="J2911">
        <v>996.98199999999997</v>
      </c>
      <c r="K2911">
        <v>1007.862</v>
      </c>
      <c r="L2911">
        <v>1022.569</v>
      </c>
      <c r="M2911">
        <v>1040.1379999999999</v>
      </c>
      <c r="P2911">
        <v>0</v>
      </c>
      <c r="Q2911">
        <v>0</v>
      </c>
      <c r="S2911">
        <v>0</v>
      </c>
    </row>
    <row r="3090" spans="12:13" x14ac:dyDescent="0.3">
      <c r="L3090" s="1"/>
    </row>
    <row r="3091" spans="12:13" x14ac:dyDescent="0.3">
      <c r="L3091" s="1"/>
    </row>
    <row r="3092" spans="12:13" x14ac:dyDescent="0.3">
      <c r="L3092" s="1"/>
    </row>
    <row r="3093" spans="12:13" x14ac:dyDescent="0.3">
      <c r="L3093" s="1"/>
    </row>
    <row r="3094" spans="12:13" x14ac:dyDescent="0.3">
      <c r="L3094" s="1"/>
    </row>
    <row r="3095" spans="12:13" x14ac:dyDescent="0.3">
      <c r="L3095" s="1"/>
    </row>
    <row r="3096" spans="12:13" x14ac:dyDescent="0.3">
      <c r="L3096" s="1"/>
    </row>
    <row r="3097" spans="12:13" x14ac:dyDescent="0.3">
      <c r="L3097" s="1"/>
    </row>
    <row r="3098" spans="12:13" x14ac:dyDescent="0.3">
      <c r="L3098" s="1"/>
    </row>
    <row r="3099" spans="12:13" x14ac:dyDescent="0.3">
      <c r="L3099" s="1"/>
    </row>
    <row r="3100" spans="12:13" x14ac:dyDescent="0.3">
      <c r="L3100" s="1"/>
    </row>
    <row r="3101" spans="12:13" x14ac:dyDescent="0.3">
      <c r="L3101" s="1"/>
    </row>
    <row r="3102" spans="12:13" x14ac:dyDescent="0.3">
      <c r="L3102" s="1"/>
    </row>
    <row r="3103" spans="12:13" x14ac:dyDescent="0.3">
      <c r="L3103" s="1"/>
    </row>
    <row r="3104" spans="12:13" x14ac:dyDescent="0.3">
      <c r="L3104" s="1"/>
      <c r="M3104" s="1"/>
    </row>
    <row r="3105" spans="12:12" x14ac:dyDescent="0.3">
      <c r="L3105" s="1"/>
    </row>
    <row r="3106" spans="12:12" x14ac:dyDescent="0.3">
      <c r="L3106" s="1"/>
    </row>
    <row r="3107" spans="12:12" x14ac:dyDescent="0.3">
      <c r="L3107" s="1"/>
    </row>
    <row r="3108" spans="12:12" x14ac:dyDescent="0.3">
      <c r="L3108" s="1"/>
    </row>
    <row r="3109" spans="12:12" x14ac:dyDescent="0.3">
      <c r="L3109" s="1"/>
    </row>
    <row r="3110" spans="12:12" x14ac:dyDescent="0.3">
      <c r="L3110" s="1"/>
    </row>
    <row r="3111" spans="12:12" x14ac:dyDescent="0.3">
      <c r="L3111" s="1"/>
    </row>
    <row r="3141" spans="12:12" x14ac:dyDescent="0.3">
      <c r="L3141" s="1"/>
    </row>
    <row r="3144" spans="12:12" x14ac:dyDescent="0.3">
      <c r="L3144" s="1"/>
    </row>
    <row r="3145" spans="12:12" x14ac:dyDescent="0.3">
      <c r="L3145" s="1"/>
    </row>
    <row r="3146" spans="12:12" x14ac:dyDescent="0.3">
      <c r="L3146" s="1"/>
    </row>
    <row r="3147" spans="12:12" x14ac:dyDescent="0.3">
      <c r="L3147" s="1"/>
    </row>
    <row r="3148" spans="12:12" x14ac:dyDescent="0.3">
      <c r="L3148" s="1"/>
    </row>
    <row r="3149" spans="12:12" x14ac:dyDescent="0.3">
      <c r="L3149" s="1"/>
    </row>
    <row r="3150" spans="12:12" x14ac:dyDescent="0.3">
      <c r="L3150" s="1"/>
    </row>
    <row r="3151" spans="12:12" x14ac:dyDescent="0.3">
      <c r="L3151" s="1"/>
    </row>
    <row r="3152" spans="12:12" x14ac:dyDescent="0.3">
      <c r="L3152" s="1"/>
    </row>
    <row r="3153" spans="12:12" x14ac:dyDescent="0.3">
      <c r="L3153" s="1"/>
    </row>
    <row r="3154" spans="12:12" x14ac:dyDescent="0.3">
      <c r="L3154" s="1"/>
    </row>
    <row r="3155" spans="12:12" x14ac:dyDescent="0.3">
      <c r="L3155" s="1"/>
    </row>
    <row r="3156" spans="12:12" x14ac:dyDescent="0.3">
      <c r="L3156" s="1"/>
    </row>
    <row r="3157" spans="12:12" x14ac:dyDescent="0.3">
      <c r="L3157" s="1"/>
    </row>
    <row r="3170" spans="12:12" x14ac:dyDescent="0.3">
      <c r="L3170" s="1"/>
    </row>
    <row r="3171" spans="12:12" x14ac:dyDescent="0.3">
      <c r="L3171" s="1"/>
    </row>
    <row r="3172" spans="12:12" x14ac:dyDescent="0.3">
      <c r="L3172" s="1"/>
    </row>
    <row r="3173" spans="12:12" x14ac:dyDescent="0.3">
      <c r="L3173" s="1"/>
    </row>
    <row r="3174" spans="12:12" x14ac:dyDescent="0.3">
      <c r="L3174" s="1"/>
    </row>
    <row r="3175" spans="12:12" x14ac:dyDescent="0.3">
      <c r="L3175" s="1"/>
    </row>
    <row r="3176" spans="12:12" x14ac:dyDescent="0.3">
      <c r="L3176" s="1"/>
    </row>
    <row r="3177" spans="12:12" x14ac:dyDescent="0.3">
      <c r="L3177" s="1"/>
    </row>
    <row r="3178" spans="12:12" x14ac:dyDescent="0.3">
      <c r="L3178" s="1"/>
    </row>
    <row r="3211" spans="12:12" x14ac:dyDescent="0.3">
      <c r="L3211" s="1"/>
    </row>
    <row r="3212" spans="12:12" x14ac:dyDescent="0.3">
      <c r="L3212" s="1"/>
    </row>
    <row r="3213" spans="12:12" x14ac:dyDescent="0.3">
      <c r="L3213" s="1"/>
    </row>
    <row r="3214" spans="12:12" x14ac:dyDescent="0.3">
      <c r="L3214" s="1"/>
    </row>
    <row r="3215" spans="12:12" x14ac:dyDescent="0.3">
      <c r="L3215" s="1"/>
    </row>
    <row r="3216" spans="12:12" x14ac:dyDescent="0.3">
      <c r="L3216" s="1"/>
    </row>
    <row r="3217" spans="12:12" x14ac:dyDescent="0.3">
      <c r="L3217" s="1"/>
    </row>
    <row r="3218" spans="12:12" x14ac:dyDescent="0.3">
      <c r="L3218" s="1"/>
    </row>
    <row r="3219" spans="12:12" x14ac:dyDescent="0.3">
      <c r="L3219" s="1"/>
    </row>
    <row r="3220" spans="12:12" x14ac:dyDescent="0.3">
      <c r="L3220" s="1"/>
    </row>
    <row r="3221" spans="12:12" x14ac:dyDescent="0.3">
      <c r="L3221" s="1"/>
    </row>
    <row r="3222" spans="12:12" x14ac:dyDescent="0.3">
      <c r="L3222" s="1"/>
    </row>
    <row r="3223" spans="12:12" x14ac:dyDescent="0.3">
      <c r="L3223" s="1"/>
    </row>
    <row r="3224" spans="12:12" x14ac:dyDescent="0.3">
      <c r="L3224" s="1"/>
    </row>
    <row r="3225" spans="12:12" x14ac:dyDescent="0.3">
      <c r="L3225" s="1"/>
    </row>
    <row r="3226" spans="12:12" x14ac:dyDescent="0.3">
      <c r="L3226" s="1"/>
    </row>
    <row r="3227" spans="12:12" x14ac:dyDescent="0.3">
      <c r="L3227" s="1"/>
    </row>
    <row r="3228" spans="12:12" x14ac:dyDescent="0.3">
      <c r="L3228" s="1"/>
    </row>
    <row r="3229" spans="12:12" x14ac:dyDescent="0.3">
      <c r="L3229" s="1"/>
    </row>
    <row r="3230" spans="12:12" x14ac:dyDescent="0.3">
      <c r="L3230" s="1"/>
    </row>
    <row r="3231" spans="12:12" x14ac:dyDescent="0.3">
      <c r="L3231" s="1"/>
    </row>
    <row r="3232" spans="12:12" x14ac:dyDescent="0.3">
      <c r="L3232" s="1"/>
    </row>
    <row r="3233" spans="12:12" x14ac:dyDescent="0.3">
      <c r="L3233" s="1"/>
    </row>
    <row r="3234" spans="12:12" x14ac:dyDescent="0.3">
      <c r="L3234" s="1"/>
    </row>
    <row r="3235" spans="12:12" x14ac:dyDescent="0.3">
      <c r="L3235" s="1"/>
    </row>
    <row r="3236" spans="12:12" x14ac:dyDescent="0.3">
      <c r="L3236" s="1"/>
    </row>
    <row r="3237" spans="12:12" x14ac:dyDescent="0.3">
      <c r="L3237" s="1"/>
    </row>
    <row r="3238" spans="12:12" x14ac:dyDescent="0.3">
      <c r="L3238" s="1"/>
    </row>
    <row r="3239" spans="12:12" x14ac:dyDescent="0.3">
      <c r="L3239" s="1"/>
    </row>
    <row r="3240" spans="12:12" x14ac:dyDescent="0.3">
      <c r="L3240" s="1"/>
    </row>
    <row r="3241" spans="12:12" x14ac:dyDescent="0.3">
      <c r="L3241" s="1"/>
    </row>
    <row r="3242" spans="12:12" x14ac:dyDescent="0.3">
      <c r="L3242" s="1"/>
    </row>
    <row r="3243" spans="12:12" x14ac:dyDescent="0.3">
      <c r="L3243" s="1"/>
    </row>
    <row r="3244" spans="12:12" x14ac:dyDescent="0.3">
      <c r="L3244" s="1"/>
    </row>
    <row r="3245" spans="12:12" x14ac:dyDescent="0.3">
      <c r="L3245" s="1"/>
    </row>
    <row r="3246" spans="12:12" x14ac:dyDescent="0.3">
      <c r="L3246" s="1"/>
    </row>
    <row r="3247" spans="12:12" x14ac:dyDescent="0.3">
      <c r="L3247" s="1"/>
    </row>
    <row r="3248" spans="12:12" x14ac:dyDescent="0.3">
      <c r="L3248" s="1"/>
    </row>
    <row r="3249" spans="12:12" x14ac:dyDescent="0.3">
      <c r="L3249" s="1"/>
    </row>
    <row r="3250" spans="12:12" x14ac:dyDescent="0.3">
      <c r="L3250" s="1"/>
    </row>
    <row r="3251" spans="12:12" x14ac:dyDescent="0.3">
      <c r="L3251" s="1"/>
    </row>
    <row r="3252" spans="12:12" x14ac:dyDescent="0.3">
      <c r="L3252" s="1"/>
    </row>
    <row r="3253" spans="12:12" x14ac:dyDescent="0.3">
      <c r="L3253" s="1"/>
    </row>
    <row r="3254" spans="12:12" x14ac:dyDescent="0.3">
      <c r="L3254" s="1"/>
    </row>
    <row r="3255" spans="12:12" x14ac:dyDescent="0.3">
      <c r="L3255" s="1"/>
    </row>
    <row r="3256" spans="12:12" x14ac:dyDescent="0.3">
      <c r="L3256" s="1"/>
    </row>
    <row r="3257" spans="12:12" x14ac:dyDescent="0.3">
      <c r="L3257" s="1"/>
    </row>
    <row r="3258" spans="12:12" x14ac:dyDescent="0.3">
      <c r="L3258" s="1"/>
    </row>
    <row r="3259" spans="12:12" x14ac:dyDescent="0.3">
      <c r="L3259" s="1"/>
    </row>
    <row r="3260" spans="12:12" x14ac:dyDescent="0.3">
      <c r="L3260" s="1"/>
    </row>
    <row r="3261" spans="12:12" x14ac:dyDescent="0.3">
      <c r="L3261" s="1"/>
    </row>
    <row r="3262" spans="12:12" x14ac:dyDescent="0.3">
      <c r="L3262" s="1"/>
    </row>
    <row r="3263" spans="12:12" x14ac:dyDescent="0.3">
      <c r="L3263" s="1"/>
    </row>
    <row r="3264" spans="12:12" x14ac:dyDescent="0.3">
      <c r="L3264" s="1"/>
    </row>
    <row r="3265" spans="12:12" x14ac:dyDescent="0.3">
      <c r="L3265" s="1"/>
    </row>
    <row r="3266" spans="12:12" x14ac:dyDescent="0.3">
      <c r="L3266" s="1"/>
    </row>
    <row r="3267" spans="12:12" x14ac:dyDescent="0.3">
      <c r="L3267" s="1"/>
    </row>
    <row r="3268" spans="12:12" x14ac:dyDescent="0.3">
      <c r="L3268" s="1"/>
    </row>
    <row r="3269" spans="12:12" x14ac:dyDescent="0.3">
      <c r="L3269" s="1"/>
    </row>
    <row r="3270" spans="12:12" x14ac:dyDescent="0.3">
      <c r="L3270" s="1"/>
    </row>
    <row r="3271" spans="12:12" x14ac:dyDescent="0.3">
      <c r="L3271" s="1"/>
    </row>
    <row r="3272" spans="12:12" x14ac:dyDescent="0.3">
      <c r="L3272" s="1"/>
    </row>
    <row r="3273" spans="12:12" x14ac:dyDescent="0.3">
      <c r="L3273" s="1"/>
    </row>
    <row r="3274" spans="12:12" x14ac:dyDescent="0.3">
      <c r="L3274" s="1"/>
    </row>
    <row r="3275" spans="12:12" x14ac:dyDescent="0.3">
      <c r="L3275" s="1"/>
    </row>
    <row r="3276" spans="12:12" x14ac:dyDescent="0.3">
      <c r="L3276" s="1"/>
    </row>
    <row r="3277" spans="12:12" x14ac:dyDescent="0.3">
      <c r="L3277" s="1"/>
    </row>
    <row r="3278" spans="12:12" x14ac:dyDescent="0.3">
      <c r="L3278" s="1"/>
    </row>
    <row r="3279" spans="12:12" x14ac:dyDescent="0.3">
      <c r="L3279" s="1"/>
    </row>
    <row r="3280" spans="12:12" x14ac:dyDescent="0.3">
      <c r="L3280" s="1"/>
    </row>
    <row r="3281" spans="12:12" x14ac:dyDescent="0.3">
      <c r="L3281" s="1"/>
    </row>
    <row r="3282" spans="12:12" x14ac:dyDescent="0.3">
      <c r="L3282" s="1"/>
    </row>
    <row r="3283" spans="12:12" x14ac:dyDescent="0.3">
      <c r="L3283" s="1"/>
    </row>
    <row r="3284" spans="12:12" x14ac:dyDescent="0.3">
      <c r="L3284" s="1"/>
    </row>
    <row r="3285" spans="12:12" x14ac:dyDescent="0.3">
      <c r="L3285" s="1"/>
    </row>
    <row r="3286" spans="12:12" x14ac:dyDescent="0.3">
      <c r="L3286" s="1"/>
    </row>
    <row r="3287" spans="12:12" x14ac:dyDescent="0.3">
      <c r="L3287" s="1"/>
    </row>
    <row r="3288" spans="12:12" x14ac:dyDescent="0.3">
      <c r="L3288" s="1"/>
    </row>
    <row r="3289" spans="12:12" x14ac:dyDescent="0.3">
      <c r="L3289" s="1"/>
    </row>
    <row r="3290" spans="12:12" x14ac:dyDescent="0.3">
      <c r="L3290" s="1"/>
    </row>
    <row r="3291" spans="12:12" x14ac:dyDescent="0.3">
      <c r="L3291" s="1"/>
    </row>
    <row r="3292" spans="12:12" x14ac:dyDescent="0.3">
      <c r="L3292" s="1"/>
    </row>
    <row r="3293" spans="12:12" x14ac:dyDescent="0.3">
      <c r="L3293" s="1"/>
    </row>
    <row r="3294" spans="12:12" x14ac:dyDescent="0.3">
      <c r="L3294" s="1"/>
    </row>
    <row r="3295" spans="12:12" x14ac:dyDescent="0.3">
      <c r="L3295" s="1"/>
    </row>
    <row r="3296" spans="12:12" x14ac:dyDescent="0.3">
      <c r="L3296" s="1"/>
    </row>
    <row r="3297" spans="12:12" x14ac:dyDescent="0.3">
      <c r="L3297" s="1"/>
    </row>
    <row r="3298" spans="12:12" x14ac:dyDescent="0.3">
      <c r="L3298" s="1"/>
    </row>
    <row r="3299" spans="12:12" x14ac:dyDescent="0.3">
      <c r="L3299" s="1"/>
    </row>
    <row r="3300" spans="12:12" x14ac:dyDescent="0.3">
      <c r="L3300" s="1"/>
    </row>
    <row r="3301" spans="12:12" x14ac:dyDescent="0.3">
      <c r="L3301" s="1"/>
    </row>
    <row r="3302" spans="12:12" x14ac:dyDescent="0.3">
      <c r="L3302" s="1"/>
    </row>
    <row r="3303" spans="12:12" x14ac:dyDescent="0.3">
      <c r="L3303" s="1"/>
    </row>
    <row r="3304" spans="12:12" x14ac:dyDescent="0.3">
      <c r="L3304" s="1"/>
    </row>
    <row r="3305" spans="12:12" x14ac:dyDescent="0.3">
      <c r="L3305" s="1"/>
    </row>
    <row r="3306" spans="12:12" x14ac:dyDescent="0.3">
      <c r="L3306" s="1"/>
    </row>
    <row r="3307" spans="12:12" x14ac:dyDescent="0.3">
      <c r="L3307" s="1"/>
    </row>
    <row r="3308" spans="12:12" x14ac:dyDescent="0.3">
      <c r="L3308" s="1"/>
    </row>
    <row r="3309" spans="12:12" x14ac:dyDescent="0.3">
      <c r="L3309" s="1"/>
    </row>
    <row r="3310" spans="12:12" x14ac:dyDescent="0.3">
      <c r="L3310" s="1"/>
    </row>
    <row r="3311" spans="12:12" x14ac:dyDescent="0.3">
      <c r="L3311" s="1"/>
    </row>
    <row r="3312" spans="12:12" x14ac:dyDescent="0.3">
      <c r="L3312" s="1"/>
    </row>
    <row r="3313" spans="12:12" x14ac:dyDescent="0.3">
      <c r="L3313" s="1"/>
    </row>
    <row r="3314" spans="12:12" x14ac:dyDescent="0.3">
      <c r="L3314" s="1"/>
    </row>
    <row r="3315" spans="12:12" x14ac:dyDescent="0.3">
      <c r="L3315" s="1"/>
    </row>
    <row r="3316" spans="12:12" x14ac:dyDescent="0.3">
      <c r="L3316" s="1"/>
    </row>
    <row r="3317" spans="12:12" x14ac:dyDescent="0.3">
      <c r="L3317" s="1"/>
    </row>
    <row r="3318" spans="12:12" x14ac:dyDescent="0.3">
      <c r="L3318" s="1"/>
    </row>
    <row r="3319" spans="12:12" x14ac:dyDescent="0.3">
      <c r="L3319" s="1"/>
    </row>
    <row r="3320" spans="12:12" x14ac:dyDescent="0.3">
      <c r="L3320" s="1"/>
    </row>
    <row r="3321" spans="12:12" x14ac:dyDescent="0.3">
      <c r="L3321" s="1"/>
    </row>
    <row r="3322" spans="12:12" x14ac:dyDescent="0.3">
      <c r="L3322" s="1"/>
    </row>
    <row r="3323" spans="12:12" x14ac:dyDescent="0.3">
      <c r="L3323" s="1"/>
    </row>
    <row r="3324" spans="12:12" x14ac:dyDescent="0.3">
      <c r="L3324" s="1"/>
    </row>
    <row r="3325" spans="12:12" x14ac:dyDescent="0.3">
      <c r="L3325" s="1"/>
    </row>
    <row r="3326" spans="12:12" x14ac:dyDescent="0.3">
      <c r="L3326" s="1"/>
    </row>
    <row r="3327" spans="12:12" x14ac:dyDescent="0.3">
      <c r="L3327" s="1"/>
    </row>
    <row r="3328" spans="12:12" x14ac:dyDescent="0.3">
      <c r="L3328" s="1"/>
    </row>
    <row r="3329" spans="12:12" x14ac:dyDescent="0.3">
      <c r="L3329" s="1"/>
    </row>
    <row r="3330" spans="12:12" x14ac:dyDescent="0.3">
      <c r="L3330" s="1"/>
    </row>
    <row r="3331" spans="12:12" x14ac:dyDescent="0.3">
      <c r="L3331" s="1"/>
    </row>
    <row r="3332" spans="12:12" x14ac:dyDescent="0.3">
      <c r="L3332" s="1"/>
    </row>
    <row r="3333" spans="12:12" x14ac:dyDescent="0.3">
      <c r="L3333" s="1"/>
    </row>
    <row r="3334" spans="12:12" x14ac:dyDescent="0.3">
      <c r="L3334" s="1"/>
    </row>
    <row r="3335" spans="12:12" x14ac:dyDescent="0.3">
      <c r="L3335" s="1"/>
    </row>
    <row r="3336" spans="12:12" x14ac:dyDescent="0.3">
      <c r="L3336" s="1"/>
    </row>
    <row r="3337" spans="12:12" x14ac:dyDescent="0.3">
      <c r="L3337" s="1"/>
    </row>
    <row r="3338" spans="12:12" x14ac:dyDescent="0.3">
      <c r="L3338" s="1"/>
    </row>
    <row r="3339" spans="12:12" x14ac:dyDescent="0.3">
      <c r="L3339" s="1"/>
    </row>
    <row r="3340" spans="12:12" x14ac:dyDescent="0.3">
      <c r="L3340" s="1"/>
    </row>
    <row r="3341" spans="12:12" x14ac:dyDescent="0.3">
      <c r="L3341" s="1"/>
    </row>
    <row r="3342" spans="12:12" x14ac:dyDescent="0.3">
      <c r="L3342" s="1"/>
    </row>
    <row r="3343" spans="12:12" x14ac:dyDescent="0.3">
      <c r="L3343" s="1"/>
    </row>
    <row r="3344" spans="12:12" x14ac:dyDescent="0.3">
      <c r="L3344" s="1"/>
    </row>
    <row r="3345" spans="12:12" x14ac:dyDescent="0.3">
      <c r="L3345" s="1"/>
    </row>
    <row r="3346" spans="12:12" x14ac:dyDescent="0.3">
      <c r="L3346" s="1"/>
    </row>
    <row r="3347" spans="12:12" x14ac:dyDescent="0.3">
      <c r="L3347" s="1"/>
    </row>
    <row r="3348" spans="12:12" x14ac:dyDescent="0.3">
      <c r="L3348" s="1"/>
    </row>
    <row r="3349" spans="12:12" x14ac:dyDescent="0.3">
      <c r="L3349" s="1"/>
    </row>
    <row r="3350" spans="12:12" x14ac:dyDescent="0.3">
      <c r="L3350" s="1"/>
    </row>
    <row r="3351" spans="12:12" x14ac:dyDescent="0.3">
      <c r="L3351" s="1"/>
    </row>
    <row r="3352" spans="12:12" x14ac:dyDescent="0.3">
      <c r="L3352" s="1"/>
    </row>
    <row r="3353" spans="12:12" x14ac:dyDescent="0.3">
      <c r="L3353" s="1"/>
    </row>
    <row r="3354" spans="12:12" x14ac:dyDescent="0.3">
      <c r="L3354" s="1"/>
    </row>
    <row r="3355" spans="12:12" x14ac:dyDescent="0.3">
      <c r="L3355" s="1"/>
    </row>
    <row r="3356" spans="12:12" x14ac:dyDescent="0.3">
      <c r="L3356" s="1"/>
    </row>
    <row r="3357" spans="12:12" x14ac:dyDescent="0.3">
      <c r="L3357" s="1"/>
    </row>
    <row r="3358" spans="12:12" x14ac:dyDescent="0.3">
      <c r="L3358" s="1"/>
    </row>
    <row r="3359" spans="12:12" x14ac:dyDescent="0.3">
      <c r="L3359" s="1"/>
    </row>
    <row r="3360" spans="12:12" x14ac:dyDescent="0.3">
      <c r="L3360" s="1"/>
    </row>
    <row r="3361" spans="12:12" x14ac:dyDescent="0.3">
      <c r="L3361" s="1"/>
    </row>
    <row r="3362" spans="12:12" x14ac:dyDescent="0.3">
      <c r="L3362" s="1"/>
    </row>
    <row r="3363" spans="12:12" x14ac:dyDescent="0.3">
      <c r="L3363" s="1"/>
    </row>
    <row r="3364" spans="12:12" x14ac:dyDescent="0.3">
      <c r="L3364" s="1"/>
    </row>
    <row r="3365" spans="12:12" x14ac:dyDescent="0.3">
      <c r="L3365" s="1"/>
    </row>
    <row r="3366" spans="12:12" x14ac:dyDescent="0.3">
      <c r="L3366" s="1"/>
    </row>
    <row r="3367" spans="12:12" x14ac:dyDescent="0.3">
      <c r="L3367" s="1"/>
    </row>
    <row r="3368" spans="12:12" x14ac:dyDescent="0.3">
      <c r="L3368" s="1"/>
    </row>
    <row r="3369" spans="12:12" x14ac:dyDescent="0.3">
      <c r="L3369" s="1"/>
    </row>
    <row r="3370" spans="12:12" x14ac:dyDescent="0.3">
      <c r="L3370" s="1"/>
    </row>
    <row r="3371" spans="12:12" x14ac:dyDescent="0.3">
      <c r="L3371" s="1"/>
    </row>
    <row r="3372" spans="12:12" x14ac:dyDescent="0.3">
      <c r="L3372" s="1"/>
    </row>
    <row r="3373" spans="12:12" x14ac:dyDescent="0.3">
      <c r="L3373" s="1"/>
    </row>
    <row r="3374" spans="12:12" x14ac:dyDescent="0.3">
      <c r="L3374" s="1"/>
    </row>
    <row r="3375" spans="12:12" x14ac:dyDescent="0.3">
      <c r="L3375" s="1"/>
    </row>
    <row r="3376" spans="12:12" x14ac:dyDescent="0.3">
      <c r="L3376" s="1"/>
    </row>
    <row r="3377" spans="12:12" x14ac:dyDescent="0.3">
      <c r="L3377" s="1"/>
    </row>
    <row r="3378" spans="12:12" x14ac:dyDescent="0.3">
      <c r="L3378" s="1"/>
    </row>
    <row r="3379" spans="12:12" x14ac:dyDescent="0.3">
      <c r="L3379" s="1"/>
    </row>
    <row r="3380" spans="12:12" x14ac:dyDescent="0.3">
      <c r="L3380" s="1"/>
    </row>
    <row r="3381" spans="12:12" x14ac:dyDescent="0.3">
      <c r="L3381" s="1"/>
    </row>
    <row r="3382" spans="12:12" x14ac:dyDescent="0.3">
      <c r="L3382" s="1"/>
    </row>
    <row r="3383" spans="12:12" x14ac:dyDescent="0.3">
      <c r="L3383" s="1"/>
    </row>
    <row r="3384" spans="12:12" x14ac:dyDescent="0.3">
      <c r="L3384" s="1"/>
    </row>
    <row r="3385" spans="12:12" x14ac:dyDescent="0.3">
      <c r="L3385" s="1"/>
    </row>
    <row r="3386" spans="12:12" x14ac:dyDescent="0.3">
      <c r="L3386" s="1"/>
    </row>
    <row r="3387" spans="12:12" x14ac:dyDescent="0.3">
      <c r="L3387" s="1"/>
    </row>
    <row r="3388" spans="12:12" x14ac:dyDescent="0.3">
      <c r="L3388" s="1"/>
    </row>
    <row r="3389" spans="12:12" x14ac:dyDescent="0.3">
      <c r="L3389" s="1"/>
    </row>
    <row r="3390" spans="12:12" x14ac:dyDescent="0.3">
      <c r="L3390" s="1"/>
    </row>
    <row r="3391" spans="12:12" x14ac:dyDescent="0.3">
      <c r="L3391" s="1"/>
    </row>
    <row r="3392" spans="12:12" x14ac:dyDescent="0.3">
      <c r="L3392" s="1"/>
    </row>
    <row r="3393" spans="12:12" x14ac:dyDescent="0.3">
      <c r="L3393" s="1"/>
    </row>
    <row r="3394" spans="12:12" x14ac:dyDescent="0.3">
      <c r="L3394" s="1"/>
    </row>
    <row r="3395" spans="12:12" x14ac:dyDescent="0.3">
      <c r="L3395" s="1"/>
    </row>
    <row r="3396" spans="12:12" x14ac:dyDescent="0.3">
      <c r="L3396" s="1"/>
    </row>
    <row r="3397" spans="12:12" x14ac:dyDescent="0.3">
      <c r="L3397" s="1"/>
    </row>
    <row r="3398" spans="12:12" x14ac:dyDescent="0.3">
      <c r="L3398" s="1"/>
    </row>
    <row r="3399" spans="12:12" x14ac:dyDescent="0.3">
      <c r="L3399" s="1"/>
    </row>
    <row r="3400" spans="12:12" x14ac:dyDescent="0.3">
      <c r="L3400" s="1"/>
    </row>
    <row r="3401" spans="12:12" x14ac:dyDescent="0.3">
      <c r="L3401" s="1"/>
    </row>
    <row r="3402" spans="12:12" x14ac:dyDescent="0.3">
      <c r="L3402" s="1"/>
    </row>
    <row r="3403" spans="12:12" x14ac:dyDescent="0.3">
      <c r="L3403" s="1"/>
    </row>
    <row r="3404" spans="12:12" x14ac:dyDescent="0.3">
      <c r="L3404" s="1"/>
    </row>
    <row r="3416" spans="12:12" x14ac:dyDescent="0.3">
      <c r="L3416" s="1"/>
    </row>
    <row r="3417" spans="12:12" x14ac:dyDescent="0.3">
      <c r="L3417" s="1"/>
    </row>
    <row r="3418" spans="12:12" x14ac:dyDescent="0.3">
      <c r="L3418" s="1"/>
    </row>
    <row r="3501" spans="12:12" x14ac:dyDescent="0.3">
      <c r="L3501" s="1"/>
    </row>
    <row r="3502" spans="12:12" x14ac:dyDescent="0.3">
      <c r="L3502" s="1"/>
    </row>
    <row r="3503" spans="12:12" x14ac:dyDescent="0.3">
      <c r="L3503" s="1"/>
    </row>
    <row r="3504" spans="12:12" x14ac:dyDescent="0.3">
      <c r="L3504" s="1"/>
    </row>
    <row r="3505" spans="12:12" x14ac:dyDescent="0.3">
      <c r="L3505" s="1"/>
    </row>
    <row r="3506" spans="12:12" x14ac:dyDescent="0.3">
      <c r="L3506" s="1"/>
    </row>
    <row r="3507" spans="12:12" x14ac:dyDescent="0.3">
      <c r="L3507" s="1"/>
    </row>
    <row r="3508" spans="12:12" x14ac:dyDescent="0.3">
      <c r="L3508" s="1"/>
    </row>
    <row r="3509" spans="12:12" x14ac:dyDescent="0.3">
      <c r="L3509" s="1"/>
    </row>
    <row r="3510" spans="12:12" x14ac:dyDescent="0.3">
      <c r="L3510" s="1"/>
    </row>
    <row r="3511" spans="12:12" x14ac:dyDescent="0.3">
      <c r="L3511" s="1"/>
    </row>
    <row r="3512" spans="12:12" x14ac:dyDescent="0.3">
      <c r="L3512" s="1"/>
    </row>
    <row r="3513" spans="12:12" x14ac:dyDescent="0.3">
      <c r="L3513" s="1"/>
    </row>
    <row r="3514" spans="12:12" x14ac:dyDescent="0.3">
      <c r="L3514" s="1"/>
    </row>
    <row r="3515" spans="12:12" x14ac:dyDescent="0.3">
      <c r="L3515" s="1"/>
    </row>
    <row r="3516" spans="12:12" x14ac:dyDescent="0.3">
      <c r="L3516" s="1"/>
    </row>
    <row r="3517" spans="12:12" x14ac:dyDescent="0.3">
      <c r="L3517" s="1"/>
    </row>
    <row r="3518" spans="12:12" x14ac:dyDescent="0.3">
      <c r="L3518" s="1"/>
    </row>
    <row r="3519" spans="12:12" x14ac:dyDescent="0.3">
      <c r="L3519" s="1"/>
    </row>
    <row r="3520" spans="12:12" x14ac:dyDescent="0.3">
      <c r="L3520" s="1"/>
    </row>
    <row r="3521" spans="12:12" x14ac:dyDescent="0.3">
      <c r="L3521" s="1"/>
    </row>
    <row r="3522" spans="12:12" x14ac:dyDescent="0.3">
      <c r="L3522" s="1"/>
    </row>
    <row r="3523" spans="12:12" x14ac:dyDescent="0.3">
      <c r="L3523" s="1"/>
    </row>
    <row r="3524" spans="12:12" x14ac:dyDescent="0.3">
      <c r="L3524" s="1"/>
    </row>
    <row r="3525" spans="12:12" x14ac:dyDescent="0.3">
      <c r="L3525" s="1"/>
    </row>
    <row r="3526" spans="12:12" x14ac:dyDescent="0.3">
      <c r="L3526" s="1"/>
    </row>
    <row r="3527" spans="12:12" x14ac:dyDescent="0.3">
      <c r="L3527" s="1"/>
    </row>
    <row r="3528" spans="12:12" x14ac:dyDescent="0.3">
      <c r="L3528" s="1"/>
    </row>
    <row r="3529" spans="12:12" x14ac:dyDescent="0.3">
      <c r="L3529" s="1"/>
    </row>
    <row r="3530" spans="12:12" x14ac:dyDescent="0.3">
      <c r="L3530" s="1"/>
    </row>
    <row r="3531" spans="12:12" x14ac:dyDescent="0.3">
      <c r="L3531" s="1"/>
    </row>
    <row r="3532" spans="12:12" x14ac:dyDescent="0.3">
      <c r="L3532" s="1"/>
    </row>
    <row r="3533" spans="12:12" x14ac:dyDescent="0.3">
      <c r="L3533" s="1"/>
    </row>
    <row r="3534" spans="12:12" x14ac:dyDescent="0.3">
      <c r="L3534" s="1"/>
    </row>
    <row r="3535" spans="12:12" x14ac:dyDescent="0.3">
      <c r="L3535" s="1"/>
    </row>
    <row r="3536" spans="12:12" x14ac:dyDescent="0.3">
      <c r="L3536" s="1"/>
    </row>
    <row r="3537" spans="12:12" x14ac:dyDescent="0.3">
      <c r="L3537" s="1"/>
    </row>
    <row r="3538" spans="12:12" x14ac:dyDescent="0.3">
      <c r="L3538" s="1"/>
    </row>
    <row r="3539" spans="12:12" x14ac:dyDescent="0.3">
      <c r="L3539" s="1"/>
    </row>
    <row r="3540" spans="12:12" x14ac:dyDescent="0.3">
      <c r="L3540" s="1"/>
    </row>
    <row r="3541" spans="12:12" x14ac:dyDescent="0.3">
      <c r="L3541" s="1"/>
    </row>
    <row r="3542" spans="12:12" x14ac:dyDescent="0.3">
      <c r="L3542" s="1"/>
    </row>
    <row r="3543" spans="12:12" x14ac:dyDescent="0.3">
      <c r="L3543" s="1"/>
    </row>
    <row r="3544" spans="12:12" x14ac:dyDescent="0.3">
      <c r="L3544" s="1"/>
    </row>
    <row r="3545" spans="12:12" x14ac:dyDescent="0.3">
      <c r="L3545" s="1"/>
    </row>
    <row r="3546" spans="12:12" x14ac:dyDescent="0.3">
      <c r="L3546" s="1"/>
    </row>
    <row r="3547" spans="12:12" x14ac:dyDescent="0.3">
      <c r="L3547" s="1"/>
    </row>
    <row r="3548" spans="12:12" x14ac:dyDescent="0.3">
      <c r="L3548" s="1"/>
    </row>
    <row r="3549" spans="12:12" x14ac:dyDescent="0.3">
      <c r="L3549" s="1"/>
    </row>
    <row r="3550" spans="12:12" x14ac:dyDescent="0.3">
      <c r="L3550" s="1"/>
    </row>
    <row r="3551" spans="12:12" x14ac:dyDescent="0.3">
      <c r="L3551" s="1"/>
    </row>
    <row r="3552" spans="12:12" x14ac:dyDescent="0.3">
      <c r="L3552" s="1"/>
    </row>
    <row r="3553" spans="12:12" x14ac:dyDescent="0.3">
      <c r="L3553" s="1"/>
    </row>
    <row r="3554" spans="12:12" x14ac:dyDescent="0.3">
      <c r="L3554" s="1"/>
    </row>
    <row r="3555" spans="12:12" x14ac:dyDescent="0.3">
      <c r="L3555" s="1"/>
    </row>
    <row r="3556" spans="12:12" x14ac:dyDescent="0.3">
      <c r="L3556" s="1"/>
    </row>
    <row r="3557" spans="12:12" x14ac:dyDescent="0.3">
      <c r="L3557" s="1"/>
    </row>
    <row r="3558" spans="12:12" x14ac:dyDescent="0.3">
      <c r="L3558" s="1"/>
    </row>
    <row r="3559" spans="12:12" x14ac:dyDescent="0.3">
      <c r="L3559" s="1"/>
    </row>
    <row r="3560" spans="12:12" x14ac:dyDescent="0.3">
      <c r="L3560" s="1"/>
    </row>
    <row r="3561" spans="12:12" x14ac:dyDescent="0.3">
      <c r="L3561" s="1"/>
    </row>
    <row r="3562" spans="12:12" x14ac:dyDescent="0.3">
      <c r="L3562" s="1"/>
    </row>
    <row r="3563" spans="12:12" x14ac:dyDescent="0.3">
      <c r="L3563" s="1"/>
    </row>
    <row r="3564" spans="12:12" x14ac:dyDescent="0.3">
      <c r="L3564" s="1"/>
    </row>
    <row r="3565" spans="12:12" x14ac:dyDescent="0.3">
      <c r="L3565" s="1"/>
    </row>
    <row r="3566" spans="12:12" x14ac:dyDescent="0.3">
      <c r="L3566" s="1"/>
    </row>
    <row r="3567" spans="12:12" x14ac:dyDescent="0.3">
      <c r="L3567" s="1"/>
    </row>
    <row r="3568" spans="12:12" x14ac:dyDescent="0.3">
      <c r="L3568" s="1"/>
    </row>
    <row r="3569" spans="12:12" x14ac:dyDescent="0.3">
      <c r="L3569" s="1"/>
    </row>
    <row r="3570" spans="12:12" x14ac:dyDescent="0.3">
      <c r="L3570" s="1"/>
    </row>
    <row r="3571" spans="12:12" x14ac:dyDescent="0.3">
      <c r="L3571" s="1"/>
    </row>
    <row r="3572" spans="12:12" x14ac:dyDescent="0.3">
      <c r="L3572" s="1"/>
    </row>
    <row r="3573" spans="12:12" x14ac:dyDescent="0.3">
      <c r="L3573" s="1"/>
    </row>
    <row r="3574" spans="12:12" x14ac:dyDescent="0.3">
      <c r="L3574" s="1"/>
    </row>
    <row r="3575" spans="12:12" x14ac:dyDescent="0.3">
      <c r="L3575" s="1"/>
    </row>
    <row r="3576" spans="12:12" x14ac:dyDescent="0.3">
      <c r="L3576" s="1"/>
    </row>
    <row r="3577" spans="12:12" x14ac:dyDescent="0.3">
      <c r="L3577" s="1"/>
    </row>
    <row r="3578" spans="12:12" x14ac:dyDescent="0.3">
      <c r="L3578" s="1"/>
    </row>
    <row r="3579" spans="12:12" x14ac:dyDescent="0.3">
      <c r="L3579" s="1"/>
    </row>
    <row r="3580" spans="12:12" x14ac:dyDescent="0.3">
      <c r="L3580" s="1"/>
    </row>
    <row r="3581" spans="12:12" x14ac:dyDescent="0.3">
      <c r="L3581" s="1"/>
    </row>
    <row r="3582" spans="12:12" x14ac:dyDescent="0.3">
      <c r="L3582" s="1"/>
    </row>
    <row r="3583" spans="12:12" x14ac:dyDescent="0.3">
      <c r="L3583" s="1"/>
    </row>
    <row r="3584" spans="12:12" x14ac:dyDescent="0.3">
      <c r="L3584" s="1"/>
    </row>
    <row r="3585" spans="12:12" x14ac:dyDescent="0.3">
      <c r="L3585" s="1"/>
    </row>
    <row r="3586" spans="12:12" x14ac:dyDescent="0.3">
      <c r="L3586" s="1"/>
    </row>
    <row r="3587" spans="12:12" x14ac:dyDescent="0.3">
      <c r="L3587" s="1"/>
    </row>
    <row r="3588" spans="12:12" x14ac:dyDescent="0.3">
      <c r="L3588" s="1"/>
    </row>
    <row r="3589" spans="12:12" x14ac:dyDescent="0.3">
      <c r="L3589" s="1"/>
    </row>
    <row r="3590" spans="12:12" x14ac:dyDescent="0.3">
      <c r="L3590" s="1"/>
    </row>
    <row r="3591" spans="12:12" x14ac:dyDescent="0.3">
      <c r="L3591" s="1"/>
    </row>
    <row r="3592" spans="12:12" x14ac:dyDescent="0.3">
      <c r="L3592" s="1"/>
    </row>
    <row r="3593" spans="12:12" x14ac:dyDescent="0.3">
      <c r="L3593" s="1"/>
    </row>
    <row r="3594" spans="12:12" x14ac:dyDescent="0.3">
      <c r="L3594" s="1"/>
    </row>
    <row r="3595" spans="12:12" x14ac:dyDescent="0.3">
      <c r="L3595" s="1"/>
    </row>
    <row r="3596" spans="12:12" x14ac:dyDescent="0.3">
      <c r="L3596" s="1"/>
    </row>
    <row r="3597" spans="12:12" x14ac:dyDescent="0.3">
      <c r="L3597" s="1"/>
    </row>
    <row r="3598" spans="12:12" x14ac:dyDescent="0.3">
      <c r="L3598" s="1"/>
    </row>
    <row r="3599" spans="12:12" x14ac:dyDescent="0.3">
      <c r="L3599" s="1"/>
    </row>
    <row r="3600" spans="12:12" x14ac:dyDescent="0.3">
      <c r="L3600" s="1"/>
    </row>
    <row r="3601" spans="12:12" x14ac:dyDescent="0.3">
      <c r="L3601" s="1"/>
    </row>
    <row r="3602" spans="12:12" x14ac:dyDescent="0.3">
      <c r="L3602" s="1"/>
    </row>
    <row r="3603" spans="12:12" x14ac:dyDescent="0.3">
      <c r="L3603" s="1"/>
    </row>
    <row r="3604" spans="12:12" x14ac:dyDescent="0.3">
      <c r="L3604" s="1"/>
    </row>
    <row r="3605" spans="12:12" x14ac:dyDescent="0.3">
      <c r="L3605" s="1"/>
    </row>
    <row r="3606" spans="12:12" x14ac:dyDescent="0.3">
      <c r="L3606" s="1"/>
    </row>
    <row r="3607" spans="12:12" x14ac:dyDescent="0.3">
      <c r="L3607" s="1"/>
    </row>
    <row r="3608" spans="12:12" x14ac:dyDescent="0.3">
      <c r="L3608" s="1"/>
    </row>
    <row r="3609" spans="12:12" x14ac:dyDescent="0.3">
      <c r="L3609" s="1"/>
    </row>
    <row r="3610" spans="12:12" x14ac:dyDescent="0.3">
      <c r="L3610" s="1"/>
    </row>
    <row r="3611" spans="12:12" x14ac:dyDescent="0.3">
      <c r="L3611" s="1"/>
    </row>
    <row r="3612" spans="12:12" x14ac:dyDescent="0.3">
      <c r="L3612" s="1"/>
    </row>
    <row r="3613" spans="12:12" x14ac:dyDescent="0.3">
      <c r="L3613" s="1"/>
    </row>
    <row r="3614" spans="12:12" x14ac:dyDescent="0.3">
      <c r="L3614" s="1"/>
    </row>
    <row r="3615" spans="12:12" x14ac:dyDescent="0.3">
      <c r="L3615" s="1"/>
    </row>
    <row r="3616" spans="12:12" x14ac:dyDescent="0.3">
      <c r="L3616" s="1"/>
    </row>
    <row r="3617" spans="12:12" x14ac:dyDescent="0.3">
      <c r="L3617" s="1"/>
    </row>
    <row r="3618" spans="12:12" x14ac:dyDescent="0.3">
      <c r="L3618" s="1"/>
    </row>
    <row r="3619" spans="12:12" x14ac:dyDescent="0.3">
      <c r="L3619" s="1"/>
    </row>
    <row r="3620" spans="12:12" x14ac:dyDescent="0.3">
      <c r="L3620" s="1"/>
    </row>
    <row r="3621" spans="12:12" x14ac:dyDescent="0.3">
      <c r="L3621" s="1"/>
    </row>
    <row r="3622" spans="12:12" x14ac:dyDescent="0.3">
      <c r="L3622" s="1"/>
    </row>
    <row r="3623" spans="12:12" x14ac:dyDescent="0.3">
      <c r="L3623" s="1"/>
    </row>
    <row r="3624" spans="12:12" x14ac:dyDescent="0.3">
      <c r="L3624" s="1"/>
    </row>
    <row r="3625" spans="12:12" x14ac:dyDescent="0.3">
      <c r="L3625" s="1"/>
    </row>
    <row r="3626" spans="12:12" x14ac:dyDescent="0.3">
      <c r="L3626" s="1"/>
    </row>
    <row r="3627" spans="12:12" x14ac:dyDescent="0.3">
      <c r="L3627" s="1"/>
    </row>
    <row r="3628" spans="12:12" x14ac:dyDescent="0.3">
      <c r="L3628" s="1"/>
    </row>
    <row r="3629" spans="12:12" x14ac:dyDescent="0.3">
      <c r="L3629" s="1"/>
    </row>
    <row r="3630" spans="12:12" x14ac:dyDescent="0.3">
      <c r="L3630" s="1"/>
    </row>
    <row r="3631" spans="12:12" x14ac:dyDescent="0.3">
      <c r="L3631" s="1"/>
    </row>
    <row r="3632" spans="12:12" x14ac:dyDescent="0.3">
      <c r="L3632" s="1"/>
    </row>
    <row r="3633" spans="12:12" x14ac:dyDescent="0.3">
      <c r="L3633" s="1"/>
    </row>
    <row r="3634" spans="12:12" x14ac:dyDescent="0.3">
      <c r="L3634" s="1"/>
    </row>
    <row r="3635" spans="12:12" x14ac:dyDescent="0.3">
      <c r="L3635" s="1"/>
    </row>
    <row r="3636" spans="12:12" x14ac:dyDescent="0.3">
      <c r="L3636" s="1"/>
    </row>
    <row r="3637" spans="12:12" x14ac:dyDescent="0.3">
      <c r="L3637" s="1"/>
    </row>
    <row r="3638" spans="12:12" x14ac:dyDescent="0.3">
      <c r="L3638" s="1"/>
    </row>
    <row r="3639" spans="12:12" x14ac:dyDescent="0.3">
      <c r="L3639" s="1"/>
    </row>
    <row r="3640" spans="12:12" x14ac:dyDescent="0.3">
      <c r="L3640" s="1"/>
    </row>
    <row r="3641" spans="12:12" x14ac:dyDescent="0.3">
      <c r="L3641" s="1"/>
    </row>
    <row r="3642" spans="12:12" x14ac:dyDescent="0.3">
      <c r="L3642" s="1"/>
    </row>
    <row r="3643" spans="12:12" x14ac:dyDescent="0.3">
      <c r="L3643" s="1"/>
    </row>
    <row r="3644" spans="12:12" x14ac:dyDescent="0.3">
      <c r="L3644" s="1"/>
    </row>
    <row r="3645" spans="12:12" x14ac:dyDescent="0.3">
      <c r="L3645" s="1"/>
    </row>
    <row r="3646" spans="12:12" x14ac:dyDescent="0.3">
      <c r="L3646" s="1"/>
    </row>
    <row r="3647" spans="12:12" x14ac:dyDescent="0.3">
      <c r="L3647" s="1"/>
    </row>
    <row r="3648" spans="12:12" x14ac:dyDescent="0.3">
      <c r="L3648" s="1"/>
    </row>
    <row r="3649" spans="12:12" x14ac:dyDescent="0.3">
      <c r="L3649" s="1"/>
    </row>
    <row r="3650" spans="12:12" x14ac:dyDescent="0.3">
      <c r="L3650" s="1"/>
    </row>
    <row r="3651" spans="12:12" x14ac:dyDescent="0.3">
      <c r="L3651" s="1"/>
    </row>
    <row r="3652" spans="12:12" x14ac:dyDescent="0.3">
      <c r="L3652" s="1"/>
    </row>
    <row r="3653" spans="12:12" x14ac:dyDescent="0.3">
      <c r="L3653" s="1"/>
    </row>
    <row r="3654" spans="12:12" x14ac:dyDescent="0.3">
      <c r="L3654" s="1"/>
    </row>
    <row r="3655" spans="12:12" x14ac:dyDescent="0.3">
      <c r="L3655" s="1"/>
    </row>
    <row r="3656" spans="12:12" x14ac:dyDescent="0.3">
      <c r="L3656" s="1"/>
    </row>
    <row r="3657" spans="12:12" x14ac:dyDescent="0.3">
      <c r="L3657" s="1"/>
    </row>
    <row r="3658" spans="12:12" x14ac:dyDescent="0.3">
      <c r="L3658" s="1"/>
    </row>
    <row r="3659" spans="12:12" x14ac:dyDescent="0.3">
      <c r="L3659" s="1"/>
    </row>
    <row r="3660" spans="12:12" x14ac:dyDescent="0.3">
      <c r="L3660" s="1"/>
    </row>
    <row r="3661" spans="12:12" x14ac:dyDescent="0.3">
      <c r="L3661" s="1"/>
    </row>
    <row r="3662" spans="12:12" x14ac:dyDescent="0.3">
      <c r="L3662" s="1"/>
    </row>
    <row r="3663" spans="12:12" x14ac:dyDescent="0.3">
      <c r="L3663" s="1"/>
    </row>
    <row r="3664" spans="12:12" x14ac:dyDescent="0.3">
      <c r="L3664" s="1"/>
    </row>
    <row r="3665" spans="12:12" x14ac:dyDescent="0.3">
      <c r="L3665" s="1"/>
    </row>
    <row r="3666" spans="12:12" x14ac:dyDescent="0.3">
      <c r="L3666" s="1"/>
    </row>
    <row r="3667" spans="12:12" x14ac:dyDescent="0.3">
      <c r="L3667" s="1"/>
    </row>
    <row r="3668" spans="12:12" x14ac:dyDescent="0.3">
      <c r="L3668" s="1"/>
    </row>
    <row r="3669" spans="12:12" x14ac:dyDescent="0.3">
      <c r="L3669" s="1"/>
    </row>
    <row r="3670" spans="12:12" x14ac:dyDescent="0.3">
      <c r="L3670" s="1"/>
    </row>
    <row r="3671" spans="12:12" x14ac:dyDescent="0.3">
      <c r="L3671" s="1"/>
    </row>
    <row r="3672" spans="12:12" x14ac:dyDescent="0.3">
      <c r="L3672" s="1"/>
    </row>
    <row r="3673" spans="12:12" x14ac:dyDescent="0.3">
      <c r="L3673" s="1"/>
    </row>
    <row r="3674" spans="12:12" x14ac:dyDescent="0.3">
      <c r="L3674" s="1"/>
    </row>
    <row r="3675" spans="12:12" x14ac:dyDescent="0.3">
      <c r="L3675" s="1"/>
    </row>
    <row r="3676" spans="12:12" x14ac:dyDescent="0.3">
      <c r="L3676" s="1"/>
    </row>
    <row r="3677" spans="12:12" x14ac:dyDescent="0.3">
      <c r="L3677" s="1"/>
    </row>
    <row r="3678" spans="12:12" x14ac:dyDescent="0.3">
      <c r="L3678" s="1"/>
    </row>
    <row r="3679" spans="12:12" x14ac:dyDescent="0.3">
      <c r="L3679" s="1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LoggerA</vt:lpstr>
      <vt:lpstr>LoggerB</vt:lpstr>
    </vt:vector>
  </TitlesOfParts>
  <Company>University of Edinburgh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NTAMARIA GARCIA Simon</dc:creator>
  <cp:lastModifiedBy>SANTAMARIA GARCIA Simon</cp:lastModifiedBy>
  <dcterms:created xsi:type="dcterms:W3CDTF">2020-02-10T09:21:51Z</dcterms:created>
  <dcterms:modified xsi:type="dcterms:W3CDTF">2020-07-09T10:29:38Z</dcterms:modified>
</cp:coreProperties>
</file>